
<file path=[Content_Types].xml><?xml version="1.0" encoding="utf-8"?>
<Types xmlns="http://schemas.openxmlformats.org/package/2006/content-types">
  <Default Extension="bin" ContentType="image/png"/>
  <Default Extension="png" ContentType="image/png"/>
  <Default Extension="jpeg" ContentType="image/jpeg"/>
  <Default Extension="emf" ContentType="image/x-emf"/>
  <Default Extension="wmf" ContentType="image/x-w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theme/theme2.xml" ContentType="application/vnd.openxmlformats-officedocument.theme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3.xml" ContentType="application/vnd.openxmlformats-officedocument.theme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theme/theme4.xml" ContentType="application/vnd.openxmlformats-officedocument.theme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theme/theme5.xml" ContentType="application/vnd.openxmlformats-officedocument.theme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theme/theme6.xml" ContentType="application/vnd.openxmlformats-officedocument.theme+xml"/>
  <Override PartName="/ppt/theme/theme7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media/image25.bin" ContentType="image/x-emf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77" r:id="rId2"/>
    <p:sldMasterId id="2147483689" r:id="rId3"/>
    <p:sldMasterId id="2147483704" r:id="rId4"/>
    <p:sldMasterId id="2147483731" r:id="rId5"/>
    <p:sldMasterId id="2147483739" r:id="rId6"/>
  </p:sldMasterIdLst>
  <p:notesMasterIdLst>
    <p:notesMasterId r:id="rId13"/>
  </p:notesMasterIdLst>
  <p:sldIdLst>
    <p:sldId id="256" r:id="rId7"/>
    <p:sldId id="259" r:id="rId8"/>
    <p:sldId id="257" r:id="rId9"/>
    <p:sldId id="258" r:id="rId10"/>
    <p:sldId id="261" r:id="rId11"/>
    <p:sldId id="260" r:id="rId12"/>
  </p:sldIdLst>
  <p:sldSz cx="12192000" cy="6858000"/>
  <p:notesSz cx="6858000" cy="9144000"/>
  <p:defaultTextStyle>
    <a:defPPr>
      <a:defRPr lang="fi-FI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14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43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5.xml"/><Relationship Id="rId5" Type="http://schemas.openxmlformats.org/officeDocument/2006/relationships/slideMaster" Target="slideMasters/slideMaster5.xml"/><Relationship Id="rId15" Type="http://schemas.openxmlformats.org/officeDocument/2006/relationships/viewProps" Target="viewProps.xml"/><Relationship Id="rId10" Type="http://schemas.openxmlformats.org/officeDocument/2006/relationships/slide" Target="slides/slide4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3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i-FI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E5C9B6F-77D4-40F4-9695-1448B9FDE6BE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i-FI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fi-FI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i-FI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502891C-B377-4832-9ED6-66CB4648C49E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74817502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9436F85-577F-4A92-A47F-D540A2BCC82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1635409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B0D7491C-812F-4488-B2A9-20CB648D365B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0364769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Dian kuvan paikkamerkki 1"/>
          <p:cNvSpPr>
            <a:spLocks noGrp="1" noRot="1" noChangeAspect="1" noTextEdit="1"/>
          </p:cNvSpPr>
          <p:nvPr>
            <p:ph type="sldImg"/>
          </p:nvPr>
        </p:nvSpPr>
        <p:spPr>
          <a:xfrm>
            <a:off x="917575" y="744538"/>
            <a:ext cx="4962525" cy="3722687"/>
          </a:xfrm>
          <a:ln/>
        </p:spPr>
      </p:sp>
      <p:sp>
        <p:nvSpPr>
          <p:cNvPr id="28675" name="Huomautusten paikkamerkki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fi-FI" altLang="fi-FI" smtClean="0"/>
          </a:p>
        </p:txBody>
      </p:sp>
      <p:sp>
        <p:nvSpPr>
          <p:cNvPr id="28676" name="Päivämäärän paikkamerkki 3"/>
          <p:cNvSpPr>
            <a:spLocks noGrp="1"/>
          </p:cNvSpPr>
          <p:nvPr>
            <p:ph type="dt" sz="quarter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1pPr>
            <a:lvl2pPr marL="742950" indent="-28575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2pPr>
            <a:lvl3pPr marL="1143000" indent="-22860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3pPr>
            <a:lvl4pPr marL="1600200" indent="-22860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4pPr>
            <a:lvl5pPr marL="2057400" indent="-22860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A3E1B57F-A57F-4464-8A4D-76928697533E}" type="datetime1">
              <a:rPr kumimoji="0" lang="fi-FI" altLang="fi-FI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2.12.2017</a:t>
            </a:fld>
            <a:endParaRPr kumimoji="0" lang="fi-FI" altLang="fi-FI" sz="1200" b="0" i="0" u="none" strike="noStrike" kern="120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28677" name="Dian numeron paikkamerkki 4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1pPr>
            <a:lvl2pPr marL="742950" indent="-28575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2pPr>
            <a:lvl3pPr marL="1143000" indent="-22860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3pPr>
            <a:lvl4pPr marL="1600200" indent="-22860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4pPr>
            <a:lvl5pPr marL="2057400" indent="-228600" algn="l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Times New Roman" panose="02020603050405020304" pitchFamily="18" charset="0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3DFA089E-631E-4CAB-A7A9-E67D6291C43E}" type="slidenum">
              <a:rPr kumimoji="0" lang="fi-FI" altLang="fi-FI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fi-FI" altLang="fi-FI" sz="1200" b="0" i="0" u="none" strike="noStrike" kern="120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516234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acebook.com/verohallinto" TargetMode="External"/><Relationship Id="rId7" Type="http://schemas.openxmlformats.org/officeDocument/2006/relationships/hyperlink" Target="http://veroblogit.com/" TargetMode="External"/><Relationship Id="rId2" Type="http://schemas.openxmlformats.org/officeDocument/2006/relationships/hyperlink" Target="https://twitter.com/Verouutiset" TargetMode="External"/><Relationship Id="rId1" Type="http://schemas.openxmlformats.org/officeDocument/2006/relationships/slideMaster" Target="../slideMasters/slideMaster6.xml"/><Relationship Id="rId6" Type="http://schemas.openxmlformats.org/officeDocument/2006/relationships/hyperlink" Target="https://www.linkedin.com/company/finnish-tax-administration" TargetMode="External"/><Relationship Id="rId5" Type="http://schemas.openxmlformats.org/officeDocument/2006/relationships/hyperlink" Target="https://www.instagram.com/verohallinto/" TargetMode="External"/><Relationship Id="rId4" Type="http://schemas.openxmlformats.org/officeDocument/2006/relationships/hyperlink" Target="https://www.youtube.com/channel/UCVGeKHwTsAKYnksI5RArrWg" TargetMode="Externa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wmf"/><Relationship Id="rId1" Type="http://schemas.openxmlformats.org/officeDocument/2006/relationships/slideMaster" Target="../slideMasters/slideMaster6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bin"/><Relationship Id="rId3" Type="http://schemas.openxmlformats.org/officeDocument/2006/relationships/image" Target="../media/image11.bin"/><Relationship Id="rId7" Type="http://schemas.openxmlformats.org/officeDocument/2006/relationships/image" Target="../media/image15.bin"/><Relationship Id="rId2" Type="http://schemas.openxmlformats.org/officeDocument/2006/relationships/image" Target="../media/image10.bin"/><Relationship Id="rId1" Type="http://schemas.openxmlformats.org/officeDocument/2006/relationships/slideMaster" Target="../slideMasters/slideMaster4.xml"/><Relationship Id="rId6" Type="http://schemas.openxmlformats.org/officeDocument/2006/relationships/image" Target="../media/image14.bin"/><Relationship Id="rId5" Type="http://schemas.openxmlformats.org/officeDocument/2006/relationships/image" Target="../media/image13.bin"/><Relationship Id="rId10" Type="http://schemas.openxmlformats.org/officeDocument/2006/relationships/image" Target="../media/image18.bin"/><Relationship Id="rId4" Type="http://schemas.openxmlformats.org/officeDocument/2006/relationships/image" Target="../media/image12.bin"/><Relationship Id="rId9" Type="http://schemas.openxmlformats.org/officeDocument/2006/relationships/image" Target="../media/image17.bin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jp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jp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19.png"/></Relationships>
</file>

<file path=ppt/slideLayouts/_rels/slideLayout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5.xml"/></Relationships>
</file>

<file path=ppt/slideLayouts/_rels/slideLayout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5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5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wmf"/><Relationship Id="rId1" Type="http://schemas.openxmlformats.org/officeDocument/2006/relationships/slideMaster" Target="../slideMasters/slideMaster6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wmf"/><Relationship Id="rId1" Type="http://schemas.openxmlformats.org/officeDocument/2006/relationships/slideMaster" Target="../slideMasters/slideMaster6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Otsikko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32" name="Straight Connector 31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Isosceles Triangle 26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0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31" name="Isosceles Triangle 30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Isosceles Triangle 18"/>
            <p:cNvSpPr/>
            <p:nvPr/>
          </p:nvSpPr>
          <p:spPr>
            <a:xfrm rot="10800000">
              <a:off x="0" y="0"/>
              <a:ext cx="842596" cy="5666154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07067" y="2404534"/>
            <a:ext cx="7766936" cy="1646302"/>
          </a:xfrm>
        </p:spPr>
        <p:txBody>
          <a:bodyPr anchor="b">
            <a:noAutofit/>
          </a:bodyPr>
          <a:lstStyle>
            <a:lvl1pPr algn="r"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07067" y="4050833"/>
            <a:ext cx="7766936" cy="1096899"/>
          </a:xfrm>
        </p:spPr>
        <p:txBody>
          <a:bodyPr anchor="t"/>
          <a:lstStyle>
            <a:lvl1pPr marL="0" indent="0" algn="r">
              <a:buNone/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i-FI" smtClean="0"/>
              <a:t>Muokkaa alaotsikon perustyyliä napsautt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8779343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tsikko ja kuvatek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609600"/>
            <a:ext cx="8596668" cy="3403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4001750683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Picture [wide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0" y="1557338"/>
            <a:ext cx="12192000" cy="5300662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20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DF57E391-FDEA-4C9D-8C3D-B77E29E7F5EB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1956328761"/>
      </p:ext>
    </p:extLst>
  </p:cSld>
  <p:clrMapOvr>
    <a:masterClrMapping/>
  </p:clrMapOvr>
  <p:transition spd="slow">
    <p:push dir="u"/>
  </p:transition>
  <p:hf hdr="0" ftr="0"/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3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865DBE35-A948-4610-8150-281FF6BDEE3A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299128954"/>
      </p:ext>
    </p:extLst>
  </p:cSld>
  <p:clrMapOvr>
    <a:masterClrMapping/>
  </p:clrMapOvr>
  <p:transition spd="slow">
    <p:push dir="u"/>
  </p:transition>
  <p:hf hdr="0" ftr="0"/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logan [fi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7"/>
          <p:cNvGrpSpPr>
            <a:grpSpLocks noChangeAspect="1"/>
          </p:cNvGrpSpPr>
          <p:nvPr/>
        </p:nvGrpSpPr>
        <p:grpSpPr bwMode="auto">
          <a:xfrm>
            <a:off x="3759200" y="2414588"/>
            <a:ext cx="4673600" cy="1662112"/>
            <a:chOff x="3666786" y="2273199"/>
            <a:chExt cx="4868121" cy="2307929"/>
          </a:xfrm>
        </p:grpSpPr>
        <p:sp>
          <p:nvSpPr>
            <p:cNvPr id="3" name="Freeform 53"/>
            <p:cNvSpPr>
              <a:spLocks noChangeAspect="1" noEditPoints="1"/>
            </p:cNvSpPr>
            <p:nvPr userDrawn="1"/>
          </p:nvSpPr>
          <p:spPr bwMode="auto">
            <a:xfrm>
              <a:off x="3666786" y="2273199"/>
              <a:ext cx="4859302" cy="1296144"/>
            </a:xfrm>
            <a:custGeom>
              <a:avLst/>
              <a:gdLst>
                <a:gd name="T0" fmla="*/ 2549 w 3089"/>
                <a:gd name="T1" fmla="*/ 373 h 824"/>
                <a:gd name="T2" fmla="*/ 2605 w 3089"/>
                <a:gd name="T3" fmla="*/ 325 h 824"/>
                <a:gd name="T4" fmla="*/ 2687 w 3089"/>
                <a:gd name="T5" fmla="*/ 349 h 824"/>
                <a:gd name="T6" fmla="*/ 2840 w 3089"/>
                <a:gd name="T7" fmla="*/ 551 h 824"/>
                <a:gd name="T8" fmla="*/ 2816 w 3089"/>
                <a:gd name="T9" fmla="*/ 314 h 824"/>
                <a:gd name="T10" fmla="*/ 2740 w 3089"/>
                <a:gd name="T11" fmla="*/ 240 h 824"/>
                <a:gd name="T12" fmla="*/ 2624 w 3089"/>
                <a:gd name="T13" fmla="*/ 214 h 824"/>
                <a:gd name="T14" fmla="*/ 2508 w 3089"/>
                <a:gd name="T15" fmla="*/ 241 h 824"/>
                <a:gd name="T16" fmla="*/ 2437 w 3089"/>
                <a:gd name="T17" fmla="*/ 308 h 824"/>
                <a:gd name="T18" fmla="*/ 2408 w 3089"/>
                <a:gd name="T19" fmla="*/ 422 h 824"/>
                <a:gd name="T20" fmla="*/ 2432 w 3089"/>
                <a:gd name="T21" fmla="*/ 720 h 824"/>
                <a:gd name="T22" fmla="*/ 2508 w 3089"/>
                <a:gd name="T23" fmla="*/ 797 h 824"/>
                <a:gd name="T24" fmla="*/ 2624 w 3089"/>
                <a:gd name="T25" fmla="*/ 824 h 824"/>
                <a:gd name="T26" fmla="*/ 2743 w 3089"/>
                <a:gd name="T27" fmla="*/ 799 h 824"/>
                <a:gd name="T28" fmla="*/ 2815 w 3089"/>
                <a:gd name="T29" fmla="*/ 729 h 824"/>
                <a:gd name="T30" fmla="*/ 2840 w 3089"/>
                <a:gd name="T31" fmla="*/ 630 h 824"/>
                <a:gd name="T32" fmla="*/ 2686 w 3089"/>
                <a:gd name="T33" fmla="*/ 688 h 824"/>
                <a:gd name="T34" fmla="*/ 2600 w 3089"/>
                <a:gd name="T35" fmla="*/ 710 h 824"/>
                <a:gd name="T36" fmla="*/ 2546 w 3089"/>
                <a:gd name="T37" fmla="*/ 649 h 824"/>
                <a:gd name="T38" fmla="*/ 2036 w 3089"/>
                <a:gd name="T39" fmla="*/ 813 h 824"/>
                <a:gd name="T40" fmla="*/ 1577 w 3089"/>
                <a:gd name="T41" fmla="*/ 718 h 824"/>
                <a:gd name="T42" fmla="*/ 1522 w 3089"/>
                <a:gd name="T43" fmla="*/ 703 h 824"/>
                <a:gd name="T44" fmla="*/ 1375 w 3089"/>
                <a:gd name="T45" fmla="*/ 671 h 824"/>
                <a:gd name="T46" fmla="*/ 1399 w 3089"/>
                <a:gd name="T47" fmla="*/ 779 h 824"/>
                <a:gd name="T48" fmla="*/ 1459 w 3089"/>
                <a:gd name="T49" fmla="*/ 819 h 824"/>
                <a:gd name="T50" fmla="*/ 1561 w 3089"/>
                <a:gd name="T51" fmla="*/ 810 h 824"/>
                <a:gd name="T52" fmla="*/ 1785 w 3089"/>
                <a:gd name="T53" fmla="*/ 813 h 824"/>
                <a:gd name="T54" fmla="*/ 1081 w 3089"/>
                <a:gd name="T55" fmla="*/ 316 h 824"/>
                <a:gd name="T56" fmla="*/ 1133 w 3089"/>
                <a:gd name="T57" fmla="*/ 337 h 824"/>
                <a:gd name="T58" fmla="*/ 1277 w 3089"/>
                <a:gd name="T59" fmla="*/ 345 h 824"/>
                <a:gd name="T60" fmla="*/ 1250 w 3089"/>
                <a:gd name="T61" fmla="*/ 253 h 824"/>
                <a:gd name="T62" fmla="*/ 1187 w 3089"/>
                <a:gd name="T63" fmla="*/ 217 h 824"/>
                <a:gd name="T64" fmla="*/ 1082 w 3089"/>
                <a:gd name="T65" fmla="*/ 231 h 824"/>
                <a:gd name="T66" fmla="*/ 867 w 3089"/>
                <a:gd name="T67" fmla="*/ 813 h 824"/>
                <a:gd name="T68" fmla="*/ 616 w 3089"/>
                <a:gd name="T69" fmla="*/ 813 h 824"/>
                <a:gd name="T70" fmla="*/ 444 w 3089"/>
                <a:gd name="T71" fmla="*/ 102 h 824"/>
                <a:gd name="T72" fmla="*/ 365 w 3089"/>
                <a:gd name="T73" fmla="*/ 43 h 824"/>
                <a:gd name="T74" fmla="*/ 242 w 3089"/>
                <a:gd name="T75" fmla="*/ 22 h 824"/>
                <a:gd name="T76" fmla="*/ 133 w 3089"/>
                <a:gd name="T77" fmla="*/ 45 h 824"/>
                <a:gd name="T78" fmla="*/ 55 w 3089"/>
                <a:gd name="T79" fmla="*/ 112 h 824"/>
                <a:gd name="T80" fmla="*/ 22 w 3089"/>
                <a:gd name="T81" fmla="*/ 227 h 824"/>
                <a:gd name="T82" fmla="*/ 44 w 3089"/>
                <a:gd name="T83" fmla="*/ 327 h 824"/>
                <a:gd name="T84" fmla="*/ 142 w 3089"/>
                <a:gd name="T85" fmla="*/ 423 h 824"/>
                <a:gd name="T86" fmla="*/ 314 w 3089"/>
                <a:gd name="T87" fmla="*/ 527 h 824"/>
                <a:gd name="T88" fmla="*/ 352 w 3089"/>
                <a:gd name="T89" fmla="*/ 587 h 824"/>
                <a:gd name="T90" fmla="*/ 334 w 3089"/>
                <a:gd name="T91" fmla="*/ 669 h 824"/>
                <a:gd name="T92" fmla="*/ 246 w 3089"/>
                <a:gd name="T93" fmla="*/ 698 h 824"/>
                <a:gd name="T94" fmla="*/ 169 w 3089"/>
                <a:gd name="T95" fmla="*/ 638 h 824"/>
                <a:gd name="T96" fmla="*/ 34 w 3089"/>
                <a:gd name="T97" fmla="*/ 692 h 824"/>
                <a:gd name="T98" fmla="*/ 123 w 3089"/>
                <a:gd name="T99" fmla="*/ 790 h 824"/>
                <a:gd name="T100" fmla="*/ 233 w 3089"/>
                <a:gd name="T101" fmla="*/ 823 h 824"/>
                <a:gd name="T102" fmla="*/ 382 w 3089"/>
                <a:gd name="T103" fmla="*/ 799 h 824"/>
                <a:gd name="T104" fmla="*/ 472 w 3089"/>
                <a:gd name="T105" fmla="*/ 720 h 824"/>
                <a:gd name="T106" fmla="*/ 503 w 3089"/>
                <a:gd name="T107" fmla="*/ 600 h 824"/>
                <a:gd name="T108" fmla="*/ 473 w 3089"/>
                <a:gd name="T109" fmla="*/ 485 h 824"/>
                <a:gd name="T110" fmla="*/ 337 w 3089"/>
                <a:gd name="T111" fmla="*/ 368 h 824"/>
                <a:gd name="T112" fmla="*/ 185 w 3089"/>
                <a:gd name="T113" fmla="*/ 269 h 824"/>
                <a:gd name="T114" fmla="*/ 174 w 3089"/>
                <a:gd name="T115" fmla="*/ 202 h 824"/>
                <a:gd name="T116" fmla="*/ 218 w 3089"/>
                <a:gd name="T117" fmla="*/ 150 h 824"/>
                <a:gd name="T118" fmla="*/ 311 w 3089"/>
                <a:gd name="T119" fmla="*/ 163 h 8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3089" h="824">
                  <a:moveTo>
                    <a:pt x="3089" y="659"/>
                  </a:moveTo>
                  <a:lnTo>
                    <a:pt x="2935" y="659"/>
                  </a:lnTo>
                  <a:lnTo>
                    <a:pt x="2935" y="813"/>
                  </a:lnTo>
                  <a:lnTo>
                    <a:pt x="3089" y="813"/>
                  </a:lnTo>
                  <a:lnTo>
                    <a:pt x="3089" y="659"/>
                  </a:lnTo>
                  <a:close/>
                  <a:moveTo>
                    <a:pt x="2544" y="440"/>
                  </a:moveTo>
                  <a:lnTo>
                    <a:pt x="2544" y="408"/>
                  </a:lnTo>
                  <a:lnTo>
                    <a:pt x="2545" y="398"/>
                  </a:lnTo>
                  <a:lnTo>
                    <a:pt x="2546" y="389"/>
                  </a:lnTo>
                  <a:lnTo>
                    <a:pt x="2547" y="381"/>
                  </a:lnTo>
                  <a:lnTo>
                    <a:pt x="2549" y="373"/>
                  </a:lnTo>
                  <a:lnTo>
                    <a:pt x="2552" y="365"/>
                  </a:lnTo>
                  <a:lnTo>
                    <a:pt x="2555" y="358"/>
                  </a:lnTo>
                  <a:lnTo>
                    <a:pt x="2559" y="352"/>
                  </a:lnTo>
                  <a:lnTo>
                    <a:pt x="2564" y="346"/>
                  </a:lnTo>
                  <a:lnTo>
                    <a:pt x="2569" y="341"/>
                  </a:lnTo>
                  <a:lnTo>
                    <a:pt x="2572" y="339"/>
                  </a:lnTo>
                  <a:lnTo>
                    <a:pt x="2575" y="337"/>
                  </a:lnTo>
                  <a:lnTo>
                    <a:pt x="2581" y="333"/>
                  </a:lnTo>
                  <a:lnTo>
                    <a:pt x="2589" y="330"/>
                  </a:lnTo>
                  <a:lnTo>
                    <a:pt x="2597" y="327"/>
                  </a:lnTo>
                  <a:lnTo>
                    <a:pt x="2605" y="325"/>
                  </a:lnTo>
                  <a:lnTo>
                    <a:pt x="2614" y="324"/>
                  </a:lnTo>
                  <a:lnTo>
                    <a:pt x="2624" y="324"/>
                  </a:lnTo>
                  <a:lnTo>
                    <a:pt x="2634" y="324"/>
                  </a:lnTo>
                  <a:lnTo>
                    <a:pt x="2644" y="325"/>
                  </a:lnTo>
                  <a:lnTo>
                    <a:pt x="2652" y="327"/>
                  </a:lnTo>
                  <a:lnTo>
                    <a:pt x="2660" y="330"/>
                  </a:lnTo>
                  <a:lnTo>
                    <a:pt x="2667" y="333"/>
                  </a:lnTo>
                  <a:lnTo>
                    <a:pt x="2674" y="337"/>
                  </a:lnTo>
                  <a:lnTo>
                    <a:pt x="2680" y="341"/>
                  </a:lnTo>
                  <a:lnTo>
                    <a:pt x="2685" y="346"/>
                  </a:lnTo>
                  <a:lnTo>
                    <a:pt x="2687" y="349"/>
                  </a:lnTo>
                  <a:lnTo>
                    <a:pt x="2690" y="352"/>
                  </a:lnTo>
                  <a:lnTo>
                    <a:pt x="2694" y="358"/>
                  </a:lnTo>
                  <a:lnTo>
                    <a:pt x="2697" y="365"/>
                  </a:lnTo>
                  <a:lnTo>
                    <a:pt x="2700" y="373"/>
                  </a:lnTo>
                  <a:lnTo>
                    <a:pt x="2702" y="381"/>
                  </a:lnTo>
                  <a:lnTo>
                    <a:pt x="2703" y="389"/>
                  </a:lnTo>
                  <a:lnTo>
                    <a:pt x="2704" y="398"/>
                  </a:lnTo>
                  <a:lnTo>
                    <a:pt x="2704" y="408"/>
                  </a:lnTo>
                  <a:lnTo>
                    <a:pt x="2704" y="440"/>
                  </a:lnTo>
                  <a:lnTo>
                    <a:pt x="2544" y="440"/>
                  </a:lnTo>
                  <a:close/>
                  <a:moveTo>
                    <a:pt x="2840" y="551"/>
                  </a:moveTo>
                  <a:lnTo>
                    <a:pt x="2840" y="413"/>
                  </a:lnTo>
                  <a:lnTo>
                    <a:pt x="2840" y="402"/>
                  </a:lnTo>
                  <a:lnTo>
                    <a:pt x="2839" y="391"/>
                  </a:lnTo>
                  <a:lnTo>
                    <a:pt x="2838" y="381"/>
                  </a:lnTo>
                  <a:lnTo>
                    <a:pt x="2836" y="370"/>
                  </a:lnTo>
                  <a:lnTo>
                    <a:pt x="2834" y="360"/>
                  </a:lnTo>
                  <a:lnTo>
                    <a:pt x="2831" y="350"/>
                  </a:lnTo>
                  <a:lnTo>
                    <a:pt x="2828" y="341"/>
                  </a:lnTo>
                  <a:lnTo>
                    <a:pt x="2824" y="332"/>
                  </a:lnTo>
                  <a:lnTo>
                    <a:pt x="2820" y="323"/>
                  </a:lnTo>
                  <a:lnTo>
                    <a:pt x="2816" y="314"/>
                  </a:lnTo>
                  <a:lnTo>
                    <a:pt x="2811" y="306"/>
                  </a:lnTo>
                  <a:lnTo>
                    <a:pt x="2805" y="297"/>
                  </a:lnTo>
                  <a:lnTo>
                    <a:pt x="2800" y="290"/>
                  </a:lnTo>
                  <a:lnTo>
                    <a:pt x="2793" y="282"/>
                  </a:lnTo>
                  <a:lnTo>
                    <a:pt x="2787" y="275"/>
                  </a:lnTo>
                  <a:lnTo>
                    <a:pt x="2780" y="268"/>
                  </a:lnTo>
                  <a:lnTo>
                    <a:pt x="2772" y="262"/>
                  </a:lnTo>
                  <a:lnTo>
                    <a:pt x="2765" y="256"/>
                  </a:lnTo>
                  <a:lnTo>
                    <a:pt x="2757" y="250"/>
                  </a:lnTo>
                  <a:lnTo>
                    <a:pt x="2748" y="245"/>
                  </a:lnTo>
                  <a:lnTo>
                    <a:pt x="2740" y="240"/>
                  </a:lnTo>
                  <a:lnTo>
                    <a:pt x="2730" y="236"/>
                  </a:lnTo>
                  <a:lnTo>
                    <a:pt x="2721" y="232"/>
                  </a:lnTo>
                  <a:lnTo>
                    <a:pt x="2711" y="228"/>
                  </a:lnTo>
                  <a:lnTo>
                    <a:pt x="2701" y="225"/>
                  </a:lnTo>
                  <a:lnTo>
                    <a:pt x="2691" y="222"/>
                  </a:lnTo>
                  <a:lnTo>
                    <a:pt x="2681" y="219"/>
                  </a:lnTo>
                  <a:lnTo>
                    <a:pt x="2670" y="217"/>
                  </a:lnTo>
                  <a:lnTo>
                    <a:pt x="2659" y="216"/>
                  </a:lnTo>
                  <a:lnTo>
                    <a:pt x="2648" y="214"/>
                  </a:lnTo>
                  <a:lnTo>
                    <a:pt x="2636" y="214"/>
                  </a:lnTo>
                  <a:lnTo>
                    <a:pt x="2624" y="214"/>
                  </a:lnTo>
                  <a:lnTo>
                    <a:pt x="2612" y="214"/>
                  </a:lnTo>
                  <a:lnTo>
                    <a:pt x="2601" y="214"/>
                  </a:lnTo>
                  <a:lnTo>
                    <a:pt x="2589" y="216"/>
                  </a:lnTo>
                  <a:lnTo>
                    <a:pt x="2578" y="217"/>
                  </a:lnTo>
                  <a:lnTo>
                    <a:pt x="2567" y="219"/>
                  </a:lnTo>
                  <a:lnTo>
                    <a:pt x="2556" y="222"/>
                  </a:lnTo>
                  <a:lnTo>
                    <a:pt x="2546" y="225"/>
                  </a:lnTo>
                  <a:lnTo>
                    <a:pt x="2536" y="228"/>
                  </a:lnTo>
                  <a:lnTo>
                    <a:pt x="2526" y="232"/>
                  </a:lnTo>
                  <a:lnTo>
                    <a:pt x="2517" y="236"/>
                  </a:lnTo>
                  <a:lnTo>
                    <a:pt x="2508" y="241"/>
                  </a:lnTo>
                  <a:lnTo>
                    <a:pt x="2499" y="246"/>
                  </a:lnTo>
                  <a:lnTo>
                    <a:pt x="2491" y="251"/>
                  </a:lnTo>
                  <a:lnTo>
                    <a:pt x="2483" y="257"/>
                  </a:lnTo>
                  <a:lnTo>
                    <a:pt x="2475" y="263"/>
                  </a:lnTo>
                  <a:lnTo>
                    <a:pt x="2468" y="270"/>
                  </a:lnTo>
                  <a:lnTo>
                    <a:pt x="2461" y="277"/>
                  </a:lnTo>
                  <a:lnTo>
                    <a:pt x="2454" y="284"/>
                  </a:lnTo>
                  <a:lnTo>
                    <a:pt x="2451" y="288"/>
                  </a:lnTo>
                  <a:lnTo>
                    <a:pt x="2448" y="292"/>
                  </a:lnTo>
                  <a:lnTo>
                    <a:pt x="2443" y="300"/>
                  </a:lnTo>
                  <a:lnTo>
                    <a:pt x="2437" y="308"/>
                  </a:lnTo>
                  <a:lnTo>
                    <a:pt x="2432" y="317"/>
                  </a:lnTo>
                  <a:lnTo>
                    <a:pt x="2428" y="326"/>
                  </a:lnTo>
                  <a:lnTo>
                    <a:pt x="2424" y="335"/>
                  </a:lnTo>
                  <a:lnTo>
                    <a:pt x="2420" y="345"/>
                  </a:lnTo>
                  <a:lnTo>
                    <a:pt x="2417" y="355"/>
                  </a:lnTo>
                  <a:lnTo>
                    <a:pt x="2415" y="365"/>
                  </a:lnTo>
                  <a:lnTo>
                    <a:pt x="2412" y="376"/>
                  </a:lnTo>
                  <a:lnTo>
                    <a:pt x="2411" y="387"/>
                  </a:lnTo>
                  <a:lnTo>
                    <a:pt x="2409" y="398"/>
                  </a:lnTo>
                  <a:lnTo>
                    <a:pt x="2409" y="410"/>
                  </a:lnTo>
                  <a:lnTo>
                    <a:pt x="2408" y="422"/>
                  </a:lnTo>
                  <a:lnTo>
                    <a:pt x="2408" y="614"/>
                  </a:lnTo>
                  <a:lnTo>
                    <a:pt x="2409" y="626"/>
                  </a:lnTo>
                  <a:lnTo>
                    <a:pt x="2409" y="638"/>
                  </a:lnTo>
                  <a:lnTo>
                    <a:pt x="2411" y="649"/>
                  </a:lnTo>
                  <a:lnTo>
                    <a:pt x="2412" y="660"/>
                  </a:lnTo>
                  <a:lnTo>
                    <a:pt x="2415" y="671"/>
                  </a:lnTo>
                  <a:lnTo>
                    <a:pt x="2417" y="681"/>
                  </a:lnTo>
                  <a:lnTo>
                    <a:pt x="2420" y="691"/>
                  </a:lnTo>
                  <a:lnTo>
                    <a:pt x="2424" y="701"/>
                  </a:lnTo>
                  <a:lnTo>
                    <a:pt x="2428" y="710"/>
                  </a:lnTo>
                  <a:lnTo>
                    <a:pt x="2432" y="720"/>
                  </a:lnTo>
                  <a:lnTo>
                    <a:pt x="2437" y="728"/>
                  </a:lnTo>
                  <a:lnTo>
                    <a:pt x="2443" y="737"/>
                  </a:lnTo>
                  <a:lnTo>
                    <a:pt x="2448" y="746"/>
                  </a:lnTo>
                  <a:lnTo>
                    <a:pt x="2454" y="753"/>
                  </a:lnTo>
                  <a:lnTo>
                    <a:pt x="2461" y="761"/>
                  </a:lnTo>
                  <a:lnTo>
                    <a:pt x="2468" y="768"/>
                  </a:lnTo>
                  <a:lnTo>
                    <a:pt x="2475" y="774"/>
                  </a:lnTo>
                  <a:lnTo>
                    <a:pt x="2483" y="780"/>
                  </a:lnTo>
                  <a:lnTo>
                    <a:pt x="2491" y="786"/>
                  </a:lnTo>
                  <a:lnTo>
                    <a:pt x="2499" y="792"/>
                  </a:lnTo>
                  <a:lnTo>
                    <a:pt x="2508" y="797"/>
                  </a:lnTo>
                  <a:lnTo>
                    <a:pt x="2517" y="801"/>
                  </a:lnTo>
                  <a:lnTo>
                    <a:pt x="2526" y="805"/>
                  </a:lnTo>
                  <a:lnTo>
                    <a:pt x="2536" y="809"/>
                  </a:lnTo>
                  <a:lnTo>
                    <a:pt x="2546" y="813"/>
                  </a:lnTo>
                  <a:lnTo>
                    <a:pt x="2556" y="815"/>
                  </a:lnTo>
                  <a:lnTo>
                    <a:pt x="2567" y="818"/>
                  </a:lnTo>
                  <a:lnTo>
                    <a:pt x="2578" y="820"/>
                  </a:lnTo>
                  <a:lnTo>
                    <a:pt x="2589" y="822"/>
                  </a:lnTo>
                  <a:lnTo>
                    <a:pt x="2601" y="823"/>
                  </a:lnTo>
                  <a:lnTo>
                    <a:pt x="2612" y="823"/>
                  </a:lnTo>
                  <a:lnTo>
                    <a:pt x="2624" y="824"/>
                  </a:lnTo>
                  <a:lnTo>
                    <a:pt x="2637" y="823"/>
                  </a:lnTo>
                  <a:lnTo>
                    <a:pt x="2649" y="823"/>
                  </a:lnTo>
                  <a:lnTo>
                    <a:pt x="2661" y="822"/>
                  </a:lnTo>
                  <a:lnTo>
                    <a:pt x="2673" y="820"/>
                  </a:lnTo>
                  <a:lnTo>
                    <a:pt x="2684" y="819"/>
                  </a:lnTo>
                  <a:lnTo>
                    <a:pt x="2695" y="816"/>
                  </a:lnTo>
                  <a:lnTo>
                    <a:pt x="2705" y="814"/>
                  </a:lnTo>
                  <a:lnTo>
                    <a:pt x="2715" y="811"/>
                  </a:lnTo>
                  <a:lnTo>
                    <a:pt x="2725" y="807"/>
                  </a:lnTo>
                  <a:lnTo>
                    <a:pt x="2734" y="803"/>
                  </a:lnTo>
                  <a:lnTo>
                    <a:pt x="2743" y="799"/>
                  </a:lnTo>
                  <a:lnTo>
                    <a:pt x="2751" y="795"/>
                  </a:lnTo>
                  <a:lnTo>
                    <a:pt x="2759" y="790"/>
                  </a:lnTo>
                  <a:lnTo>
                    <a:pt x="2767" y="785"/>
                  </a:lnTo>
                  <a:lnTo>
                    <a:pt x="2774" y="779"/>
                  </a:lnTo>
                  <a:lnTo>
                    <a:pt x="2781" y="773"/>
                  </a:lnTo>
                  <a:lnTo>
                    <a:pt x="2788" y="767"/>
                  </a:lnTo>
                  <a:lnTo>
                    <a:pt x="2794" y="760"/>
                  </a:lnTo>
                  <a:lnTo>
                    <a:pt x="2800" y="753"/>
                  </a:lnTo>
                  <a:lnTo>
                    <a:pt x="2805" y="745"/>
                  </a:lnTo>
                  <a:lnTo>
                    <a:pt x="2810" y="737"/>
                  </a:lnTo>
                  <a:lnTo>
                    <a:pt x="2815" y="729"/>
                  </a:lnTo>
                  <a:lnTo>
                    <a:pt x="2819" y="720"/>
                  </a:lnTo>
                  <a:lnTo>
                    <a:pt x="2823" y="712"/>
                  </a:lnTo>
                  <a:lnTo>
                    <a:pt x="2827" y="702"/>
                  </a:lnTo>
                  <a:lnTo>
                    <a:pt x="2830" y="693"/>
                  </a:lnTo>
                  <a:lnTo>
                    <a:pt x="2833" y="683"/>
                  </a:lnTo>
                  <a:lnTo>
                    <a:pt x="2834" y="678"/>
                  </a:lnTo>
                  <a:lnTo>
                    <a:pt x="2835" y="673"/>
                  </a:lnTo>
                  <a:lnTo>
                    <a:pt x="2837" y="663"/>
                  </a:lnTo>
                  <a:lnTo>
                    <a:pt x="2838" y="653"/>
                  </a:lnTo>
                  <a:lnTo>
                    <a:pt x="2840" y="642"/>
                  </a:lnTo>
                  <a:lnTo>
                    <a:pt x="2840" y="630"/>
                  </a:lnTo>
                  <a:lnTo>
                    <a:pt x="2704" y="630"/>
                  </a:lnTo>
                  <a:lnTo>
                    <a:pt x="2704" y="639"/>
                  </a:lnTo>
                  <a:lnTo>
                    <a:pt x="2703" y="647"/>
                  </a:lnTo>
                  <a:lnTo>
                    <a:pt x="2703" y="651"/>
                  </a:lnTo>
                  <a:lnTo>
                    <a:pt x="2702" y="655"/>
                  </a:lnTo>
                  <a:lnTo>
                    <a:pt x="2700" y="662"/>
                  </a:lnTo>
                  <a:lnTo>
                    <a:pt x="2697" y="670"/>
                  </a:lnTo>
                  <a:lnTo>
                    <a:pt x="2694" y="676"/>
                  </a:lnTo>
                  <a:lnTo>
                    <a:pt x="2690" y="683"/>
                  </a:lnTo>
                  <a:lnTo>
                    <a:pt x="2688" y="686"/>
                  </a:lnTo>
                  <a:lnTo>
                    <a:pt x="2686" y="688"/>
                  </a:lnTo>
                  <a:lnTo>
                    <a:pt x="2681" y="694"/>
                  </a:lnTo>
                  <a:lnTo>
                    <a:pt x="2675" y="699"/>
                  </a:lnTo>
                  <a:lnTo>
                    <a:pt x="2668" y="703"/>
                  </a:lnTo>
                  <a:lnTo>
                    <a:pt x="2661" y="706"/>
                  </a:lnTo>
                  <a:lnTo>
                    <a:pt x="2653" y="709"/>
                  </a:lnTo>
                  <a:lnTo>
                    <a:pt x="2644" y="711"/>
                  </a:lnTo>
                  <a:lnTo>
                    <a:pt x="2635" y="712"/>
                  </a:lnTo>
                  <a:lnTo>
                    <a:pt x="2624" y="713"/>
                  </a:lnTo>
                  <a:lnTo>
                    <a:pt x="2616" y="712"/>
                  </a:lnTo>
                  <a:lnTo>
                    <a:pt x="2608" y="711"/>
                  </a:lnTo>
                  <a:lnTo>
                    <a:pt x="2600" y="710"/>
                  </a:lnTo>
                  <a:lnTo>
                    <a:pt x="2593" y="708"/>
                  </a:lnTo>
                  <a:lnTo>
                    <a:pt x="2586" y="705"/>
                  </a:lnTo>
                  <a:lnTo>
                    <a:pt x="2579" y="701"/>
                  </a:lnTo>
                  <a:lnTo>
                    <a:pt x="2573" y="697"/>
                  </a:lnTo>
                  <a:lnTo>
                    <a:pt x="2567" y="692"/>
                  </a:lnTo>
                  <a:lnTo>
                    <a:pt x="2562" y="687"/>
                  </a:lnTo>
                  <a:lnTo>
                    <a:pt x="2558" y="681"/>
                  </a:lnTo>
                  <a:lnTo>
                    <a:pt x="2554" y="674"/>
                  </a:lnTo>
                  <a:lnTo>
                    <a:pt x="2551" y="666"/>
                  </a:lnTo>
                  <a:lnTo>
                    <a:pt x="2548" y="658"/>
                  </a:lnTo>
                  <a:lnTo>
                    <a:pt x="2546" y="649"/>
                  </a:lnTo>
                  <a:lnTo>
                    <a:pt x="2545" y="639"/>
                  </a:lnTo>
                  <a:lnTo>
                    <a:pt x="2544" y="628"/>
                  </a:lnTo>
                  <a:lnTo>
                    <a:pt x="2544" y="551"/>
                  </a:lnTo>
                  <a:lnTo>
                    <a:pt x="2840" y="551"/>
                  </a:lnTo>
                  <a:close/>
                  <a:moveTo>
                    <a:pt x="2168" y="813"/>
                  </a:moveTo>
                  <a:lnTo>
                    <a:pt x="2304" y="813"/>
                  </a:lnTo>
                  <a:lnTo>
                    <a:pt x="2304" y="32"/>
                  </a:lnTo>
                  <a:lnTo>
                    <a:pt x="2168" y="32"/>
                  </a:lnTo>
                  <a:lnTo>
                    <a:pt x="2168" y="813"/>
                  </a:lnTo>
                  <a:close/>
                  <a:moveTo>
                    <a:pt x="1900" y="813"/>
                  </a:moveTo>
                  <a:lnTo>
                    <a:pt x="2036" y="813"/>
                  </a:lnTo>
                  <a:lnTo>
                    <a:pt x="2036" y="32"/>
                  </a:lnTo>
                  <a:lnTo>
                    <a:pt x="1900" y="32"/>
                  </a:lnTo>
                  <a:lnTo>
                    <a:pt x="1900" y="813"/>
                  </a:lnTo>
                  <a:close/>
                  <a:moveTo>
                    <a:pt x="1649" y="224"/>
                  </a:moveTo>
                  <a:lnTo>
                    <a:pt x="1649" y="668"/>
                  </a:lnTo>
                  <a:lnTo>
                    <a:pt x="1627" y="687"/>
                  </a:lnTo>
                  <a:lnTo>
                    <a:pt x="1616" y="696"/>
                  </a:lnTo>
                  <a:lnTo>
                    <a:pt x="1605" y="704"/>
                  </a:lnTo>
                  <a:lnTo>
                    <a:pt x="1593" y="711"/>
                  </a:lnTo>
                  <a:lnTo>
                    <a:pt x="1582" y="717"/>
                  </a:lnTo>
                  <a:lnTo>
                    <a:pt x="1577" y="718"/>
                  </a:lnTo>
                  <a:lnTo>
                    <a:pt x="1571" y="720"/>
                  </a:lnTo>
                  <a:lnTo>
                    <a:pt x="1566" y="721"/>
                  </a:lnTo>
                  <a:lnTo>
                    <a:pt x="1561" y="721"/>
                  </a:lnTo>
                  <a:lnTo>
                    <a:pt x="1554" y="721"/>
                  </a:lnTo>
                  <a:lnTo>
                    <a:pt x="1548" y="720"/>
                  </a:lnTo>
                  <a:lnTo>
                    <a:pt x="1542" y="718"/>
                  </a:lnTo>
                  <a:lnTo>
                    <a:pt x="1537" y="716"/>
                  </a:lnTo>
                  <a:lnTo>
                    <a:pt x="1533" y="714"/>
                  </a:lnTo>
                  <a:lnTo>
                    <a:pt x="1529" y="711"/>
                  </a:lnTo>
                  <a:lnTo>
                    <a:pt x="1525" y="707"/>
                  </a:lnTo>
                  <a:lnTo>
                    <a:pt x="1522" y="703"/>
                  </a:lnTo>
                  <a:lnTo>
                    <a:pt x="1519" y="699"/>
                  </a:lnTo>
                  <a:lnTo>
                    <a:pt x="1517" y="694"/>
                  </a:lnTo>
                  <a:lnTo>
                    <a:pt x="1515" y="689"/>
                  </a:lnTo>
                  <a:lnTo>
                    <a:pt x="1514" y="683"/>
                  </a:lnTo>
                  <a:lnTo>
                    <a:pt x="1512" y="677"/>
                  </a:lnTo>
                  <a:lnTo>
                    <a:pt x="1512" y="670"/>
                  </a:lnTo>
                  <a:lnTo>
                    <a:pt x="1511" y="663"/>
                  </a:lnTo>
                  <a:lnTo>
                    <a:pt x="1511" y="656"/>
                  </a:lnTo>
                  <a:lnTo>
                    <a:pt x="1511" y="224"/>
                  </a:lnTo>
                  <a:lnTo>
                    <a:pt x="1375" y="224"/>
                  </a:lnTo>
                  <a:lnTo>
                    <a:pt x="1375" y="671"/>
                  </a:lnTo>
                  <a:lnTo>
                    <a:pt x="1375" y="691"/>
                  </a:lnTo>
                  <a:lnTo>
                    <a:pt x="1376" y="700"/>
                  </a:lnTo>
                  <a:lnTo>
                    <a:pt x="1377" y="709"/>
                  </a:lnTo>
                  <a:lnTo>
                    <a:pt x="1379" y="726"/>
                  </a:lnTo>
                  <a:lnTo>
                    <a:pt x="1383" y="741"/>
                  </a:lnTo>
                  <a:lnTo>
                    <a:pt x="1385" y="749"/>
                  </a:lnTo>
                  <a:lnTo>
                    <a:pt x="1387" y="756"/>
                  </a:lnTo>
                  <a:lnTo>
                    <a:pt x="1390" y="762"/>
                  </a:lnTo>
                  <a:lnTo>
                    <a:pt x="1393" y="768"/>
                  </a:lnTo>
                  <a:lnTo>
                    <a:pt x="1396" y="774"/>
                  </a:lnTo>
                  <a:lnTo>
                    <a:pt x="1399" y="779"/>
                  </a:lnTo>
                  <a:lnTo>
                    <a:pt x="1403" y="784"/>
                  </a:lnTo>
                  <a:lnTo>
                    <a:pt x="1407" y="789"/>
                  </a:lnTo>
                  <a:lnTo>
                    <a:pt x="1415" y="797"/>
                  </a:lnTo>
                  <a:lnTo>
                    <a:pt x="1420" y="801"/>
                  </a:lnTo>
                  <a:lnTo>
                    <a:pt x="1425" y="805"/>
                  </a:lnTo>
                  <a:lnTo>
                    <a:pt x="1430" y="808"/>
                  </a:lnTo>
                  <a:lnTo>
                    <a:pt x="1435" y="811"/>
                  </a:lnTo>
                  <a:lnTo>
                    <a:pt x="1441" y="813"/>
                  </a:lnTo>
                  <a:lnTo>
                    <a:pt x="1446" y="815"/>
                  </a:lnTo>
                  <a:lnTo>
                    <a:pt x="1452" y="817"/>
                  </a:lnTo>
                  <a:lnTo>
                    <a:pt x="1459" y="819"/>
                  </a:lnTo>
                  <a:lnTo>
                    <a:pt x="1465" y="820"/>
                  </a:lnTo>
                  <a:lnTo>
                    <a:pt x="1472" y="822"/>
                  </a:lnTo>
                  <a:lnTo>
                    <a:pt x="1479" y="823"/>
                  </a:lnTo>
                  <a:lnTo>
                    <a:pt x="1486" y="823"/>
                  </a:lnTo>
                  <a:lnTo>
                    <a:pt x="1501" y="824"/>
                  </a:lnTo>
                  <a:lnTo>
                    <a:pt x="1512" y="823"/>
                  </a:lnTo>
                  <a:lnTo>
                    <a:pt x="1522" y="822"/>
                  </a:lnTo>
                  <a:lnTo>
                    <a:pt x="1532" y="820"/>
                  </a:lnTo>
                  <a:lnTo>
                    <a:pt x="1542" y="818"/>
                  </a:lnTo>
                  <a:lnTo>
                    <a:pt x="1551" y="814"/>
                  </a:lnTo>
                  <a:lnTo>
                    <a:pt x="1561" y="810"/>
                  </a:lnTo>
                  <a:lnTo>
                    <a:pt x="1570" y="806"/>
                  </a:lnTo>
                  <a:lnTo>
                    <a:pt x="1580" y="801"/>
                  </a:lnTo>
                  <a:lnTo>
                    <a:pt x="1589" y="795"/>
                  </a:lnTo>
                  <a:lnTo>
                    <a:pt x="1598" y="790"/>
                  </a:lnTo>
                  <a:lnTo>
                    <a:pt x="1607" y="783"/>
                  </a:lnTo>
                  <a:lnTo>
                    <a:pt x="1617" y="776"/>
                  </a:lnTo>
                  <a:lnTo>
                    <a:pt x="1626" y="769"/>
                  </a:lnTo>
                  <a:lnTo>
                    <a:pt x="1635" y="762"/>
                  </a:lnTo>
                  <a:lnTo>
                    <a:pt x="1654" y="746"/>
                  </a:lnTo>
                  <a:lnTo>
                    <a:pt x="1654" y="813"/>
                  </a:lnTo>
                  <a:lnTo>
                    <a:pt x="1785" y="813"/>
                  </a:lnTo>
                  <a:lnTo>
                    <a:pt x="1785" y="224"/>
                  </a:lnTo>
                  <a:lnTo>
                    <a:pt x="1649" y="224"/>
                  </a:lnTo>
                  <a:close/>
                  <a:moveTo>
                    <a:pt x="1003" y="813"/>
                  </a:moveTo>
                  <a:lnTo>
                    <a:pt x="1003" y="368"/>
                  </a:lnTo>
                  <a:lnTo>
                    <a:pt x="1026" y="349"/>
                  </a:lnTo>
                  <a:lnTo>
                    <a:pt x="1037" y="340"/>
                  </a:lnTo>
                  <a:lnTo>
                    <a:pt x="1048" y="332"/>
                  </a:lnTo>
                  <a:lnTo>
                    <a:pt x="1059" y="325"/>
                  </a:lnTo>
                  <a:lnTo>
                    <a:pt x="1070" y="320"/>
                  </a:lnTo>
                  <a:lnTo>
                    <a:pt x="1076" y="318"/>
                  </a:lnTo>
                  <a:lnTo>
                    <a:pt x="1081" y="316"/>
                  </a:lnTo>
                  <a:lnTo>
                    <a:pt x="1087" y="315"/>
                  </a:lnTo>
                  <a:lnTo>
                    <a:pt x="1092" y="315"/>
                  </a:lnTo>
                  <a:lnTo>
                    <a:pt x="1099" y="315"/>
                  </a:lnTo>
                  <a:lnTo>
                    <a:pt x="1105" y="316"/>
                  </a:lnTo>
                  <a:lnTo>
                    <a:pt x="1110" y="318"/>
                  </a:lnTo>
                  <a:lnTo>
                    <a:pt x="1115" y="320"/>
                  </a:lnTo>
                  <a:lnTo>
                    <a:pt x="1120" y="322"/>
                  </a:lnTo>
                  <a:lnTo>
                    <a:pt x="1124" y="325"/>
                  </a:lnTo>
                  <a:lnTo>
                    <a:pt x="1127" y="329"/>
                  </a:lnTo>
                  <a:lnTo>
                    <a:pt x="1131" y="333"/>
                  </a:lnTo>
                  <a:lnTo>
                    <a:pt x="1133" y="337"/>
                  </a:lnTo>
                  <a:lnTo>
                    <a:pt x="1136" y="342"/>
                  </a:lnTo>
                  <a:lnTo>
                    <a:pt x="1137" y="348"/>
                  </a:lnTo>
                  <a:lnTo>
                    <a:pt x="1139" y="353"/>
                  </a:lnTo>
                  <a:lnTo>
                    <a:pt x="1140" y="359"/>
                  </a:lnTo>
                  <a:lnTo>
                    <a:pt x="1141" y="366"/>
                  </a:lnTo>
                  <a:lnTo>
                    <a:pt x="1141" y="373"/>
                  </a:lnTo>
                  <a:lnTo>
                    <a:pt x="1142" y="380"/>
                  </a:lnTo>
                  <a:lnTo>
                    <a:pt x="1142" y="813"/>
                  </a:lnTo>
                  <a:lnTo>
                    <a:pt x="1278" y="813"/>
                  </a:lnTo>
                  <a:lnTo>
                    <a:pt x="1278" y="365"/>
                  </a:lnTo>
                  <a:lnTo>
                    <a:pt x="1277" y="345"/>
                  </a:lnTo>
                  <a:lnTo>
                    <a:pt x="1277" y="336"/>
                  </a:lnTo>
                  <a:lnTo>
                    <a:pt x="1276" y="327"/>
                  </a:lnTo>
                  <a:lnTo>
                    <a:pt x="1273" y="310"/>
                  </a:lnTo>
                  <a:lnTo>
                    <a:pt x="1270" y="295"/>
                  </a:lnTo>
                  <a:lnTo>
                    <a:pt x="1267" y="288"/>
                  </a:lnTo>
                  <a:lnTo>
                    <a:pt x="1265" y="281"/>
                  </a:lnTo>
                  <a:lnTo>
                    <a:pt x="1262" y="275"/>
                  </a:lnTo>
                  <a:lnTo>
                    <a:pt x="1260" y="269"/>
                  </a:lnTo>
                  <a:lnTo>
                    <a:pt x="1257" y="263"/>
                  </a:lnTo>
                  <a:lnTo>
                    <a:pt x="1253" y="258"/>
                  </a:lnTo>
                  <a:lnTo>
                    <a:pt x="1250" y="253"/>
                  </a:lnTo>
                  <a:lnTo>
                    <a:pt x="1246" y="248"/>
                  </a:lnTo>
                  <a:lnTo>
                    <a:pt x="1237" y="240"/>
                  </a:lnTo>
                  <a:lnTo>
                    <a:pt x="1233" y="236"/>
                  </a:lnTo>
                  <a:lnTo>
                    <a:pt x="1228" y="233"/>
                  </a:lnTo>
                  <a:lnTo>
                    <a:pt x="1223" y="229"/>
                  </a:lnTo>
                  <a:lnTo>
                    <a:pt x="1217" y="227"/>
                  </a:lnTo>
                  <a:lnTo>
                    <a:pt x="1212" y="224"/>
                  </a:lnTo>
                  <a:lnTo>
                    <a:pt x="1206" y="222"/>
                  </a:lnTo>
                  <a:lnTo>
                    <a:pt x="1200" y="220"/>
                  </a:lnTo>
                  <a:lnTo>
                    <a:pt x="1194" y="218"/>
                  </a:lnTo>
                  <a:lnTo>
                    <a:pt x="1187" y="217"/>
                  </a:lnTo>
                  <a:lnTo>
                    <a:pt x="1181" y="216"/>
                  </a:lnTo>
                  <a:lnTo>
                    <a:pt x="1174" y="215"/>
                  </a:lnTo>
                  <a:lnTo>
                    <a:pt x="1166" y="214"/>
                  </a:lnTo>
                  <a:lnTo>
                    <a:pt x="1151" y="214"/>
                  </a:lnTo>
                  <a:lnTo>
                    <a:pt x="1141" y="214"/>
                  </a:lnTo>
                  <a:lnTo>
                    <a:pt x="1131" y="215"/>
                  </a:lnTo>
                  <a:lnTo>
                    <a:pt x="1121" y="217"/>
                  </a:lnTo>
                  <a:lnTo>
                    <a:pt x="1111" y="220"/>
                  </a:lnTo>
                  <a:lnTo>
                    <a:pt x="1101" y="223"/>
                  </a:lnTo>
                  <a:lnTo>
                    <a:pt x="1092" y="227"/>
                  </a:lnTo>
                  <a:lnTo>
                    <a:pt x="1082" y="231"/>
                  </a:lnTo>
                  <a:lnTo>
                    <a:pt x="1073" y="236"/>
                  </a:lnTo>
                  <a:lnTo>
                    <a:pt x="1063" y="242"/>
                  </a:lnTo>
                  <a:lnTo>
                    <a:pt x="1054" y="248"/>
                  </a:lnTo>
                  <a:lnTo>
                    <a:pt x="1045" y="254"/>
                  </a:lnTo>
                  <a:lnTo>
                    <a:pt x="1036" y="261"/>
                  </a:lnTo>
                  <a:lnTo>
                    <a:pt x="1027" y="268"/>
                  </a:lnTo>
                  <a:lnTo>
                    <a:pt x="1018" y="276"/>
                  </a:lnTo>
                  <a:lnTo>
                    <a:pt x="999" y="291"/>
                  </a:lnTo>
                  <a:lnTo>
                    <a:pt x="999" y="224"/>
                  </a:lnTo>
                  <a:lnTo>
                    <a:pt x="867" y="224"/>
                  </a:lnTo>
                  <a:lnTo>
                    <a:pt x="867" y="813"/>
                  </a:lnTo>
                  <a:lnTo>
                    <a:pt x="1003" y="813"/>
                  </a:lnTo>
                  <a:close/>
                  <a:moveTo>
                    <a:pt x="752" y="0"/>
                  </a:moveTo>
                  <a:lnTo>
                    <a:pt x="616" y="0"/>
                  </a:lnTo>
                  <a:lnTo>
                    <a:pt x="616" y="123"/>
                  </a:lnTo>
                  <a:lnTo>
                    <a:pt x="752" y="123"/>
                  </a:lnTo>
                  <a:lnTo>
                    <a:pt x="752" y="0"/>
                  </a:lnTo>
                  <a:close/>
                  <a:moveTo>
                    <a:pt x="616" y="813"/>
                  </a:moveTo>
                  <a:lnTo>
                    <a:pt x="752" y="813"/>
                  </a:lnTo>
                  <a:lnTo>
                    <a:pt x="752" y="224"/>
                  </a:lnTo>
                  <a:lnTo>
                    <a:pt x="616" y="224"/>
                  </a:lnTo>
                  <a:lnTo>
                    <a:pt x="616" y="813"/>
                  </a:lnTo>
                  <a:close/>
                  <a:moveTo>
                    <a:pt x="496" y="210"/>
                  </a:moveTo>
                  <a:lnTo>
                    <a:pt x="493" y="200"/>
                  </a:lnTo>
                  <a:lnTo>
                    <a:pt x="490" y="190"/>
                  </a:lnTo>
                  <a:lnTo>
                    <a:pt x="487" y="180"/>
                  </a:lnTo>
                  <a:lnTo>
                    <a:pt x="484" y="171"/>
                  </a:lnTo>
                  <a:lnTo>
                    <a:pt x="475" y="152"/>
                  </a:lnTo>
                  <a:lnTo>
                    <a:pt x="466" y="134"/>
                  </a:lnTo>
                  <a:lnTo>
                    <a:pt x="461" y="126"/>
                  </a:lnTo>
                  <a:lnTo>
                    <a:pt x="455" y="118"/>
                  </a:lnTo>
                  <a:lnTo>
                    <a:pt x="450" y="110"/>
                  </a:lnTo>
                  <a:lnTo>
                    <a:pt x="444" y="102"/>
                  </a:lnTo>
                  <a:lnTo>
                    <a:pt x="437" y="95"/>
                  </a:lnTo>
                  <a:lnTo>
                    <a:pt x="430" y="88"/>
                  </a:lnTo>
                  <a:lnTo>
                    <a:pt x="423" y="81"/>
                  </a:lnTo>
                  <a:lnTo>
                    <a:pt x="416" y="74"/>
                  </a:lnTo>
                  <a:lnTo>
                    <a:pt x="412" y="71"/>
                  </a:lnTo>
                  <a:lnTo>
                    <a:pt x="408" y="68"/>
                  </a:lnTo>
                  <a:lnTo>
                    <a:pt x="400" y="63"/>
                  </a:lnTo>
                  <a:lnTo>
                    <a:pt x="392" y="57"/>
                  </a:lnTo>
                  <a:lnTo>
                    <a:pt x="383" y="52"/>
                  </a:lnTo>
                  <a:lnTo>
                    <a:pt x="375" y="47"/>
                  </a:lnTo>
                  <a:lnTo>
                    <a:pt x="365" y="43"/>
                  </a:lnTo>
                  <a:lnTo>
                    <a:pt x="356" y="39"/>
                  </a:lnTo>
                  <a:lnTo>
                    <a:pt x="346" y="35"/>
                  </a:lnTo>
                  <a:lnTo>
                    <a:pt x="336" y="32"/>
                  </a:lnTo>
                  <a:lnTo>
                    <a:pt x="325" y="29"/>
                  </a:lnTo>
                  <a:lnTo>
                    <a:pt x="315" y="27"/>
                  </a:lnTo>
                  <a:lnTo>
                    <a:pt x="303" y="25"/>
                  </a:lnTo>
                  <a:lnTo>
                    <a:pt x="292" y="23"/>
                  </a:lnTo>
                  <a:lnTo>
                    <a:pt x="280" y="22"/>
                  </a:lnTo>
                  <a:lnTo>
                    <a:pt x="268" y="22"/>
                  </a:lnTo>
                  <a:lnTo>
                    <a:pt x="256" y="21"/>
                  </a:lnTo>
                  <a:lnTo>
                    <a:pt x="242" y="22"/>
                  </a:lnTo>
                  <a:lnTo>
                    <a:pt x="228" y="22"/>
                  </a:lnTo>
                  <a:lnTo>
                    <a:pt x="215" y="23"/>
                  </a:lnTo>
                  <a:lnTo>
                    <a:pt x="202" y="25"/>
                  </a:lnTo>
                  <a:lnTo>
                    <a:pt x="195" y="26"/>
                  </a:lnTo>
                  <a:lnTo>
                    <a:pt x="189" y="27"/>
                  </a:lnTo>
                  <a:lnTo>
                    <a:pt x="177" y="30"/>
                  </a:lnTo>
                  <a:lnTo>
                    <a:pt x="165" y="33"/>
                  </a:lnTo>
                  <a:lnTo>
                    <a:pt x="154" y="37"/>
                  </a:lnTo>
                  <a:lnTo>
                    <a:pt x="144" y="41"/>
                  </a:lnTo>
                  <a:lnTo>
                    <a:pt x="138" y="43"/>
                  </a:lnTo>
                  <a:lnTo>
                    <a:pt x="133" y="45"/>
                  </a:lnTo>
                  <a:lnTo>
                    <a:pt x="123" y="50"/>
                  </a:lnTo>
                  <a:lnTo>
                    <a:pt x="114" y="55"/>
                  </a:lnTo>
                  <a:lnTo>
                    <a:pt x="105" y="61"/>
                  </a:lnTo>
                  <a:lnTo>
                    <a:pt x="97" y="67"/>
                  </a:lnTo>
                  <a:lnTo>
                    <a:pt x="89" y="73"/>
                  </a:lnTo>
                  <a:lnTo>
                    <a:pt x="85" y="77"/>
                  </a:lnTo>
                  <a:lnTo>
                    <a:pt x="81" y="80"/>
                  </a:lnTo>
                  <a:lnTo>
                    <a:pt x="74" y="87"/>
                  </a:lnTo>
                  <a:lnTo>
                    <a:pt x="67" y="95"/>
                  </a:lnTo>
                  <a:lnTo>
                    <a:pt x="61" y="103"/>
                  </a:lnTo>
                  <a:lnTo>
                    <a:pt x="55" y="112"/>
                  </a:lnTo>
                  <a:lnTo>
                    <a:pt x="50" y="120"/>
                  </a:lnTo>
                  <a:lnTo>
                    <a:pt x="45" y="130"/>
                  </a:lnTo>
                  <a:lnTo>
                    <a:pt x="41" y="139"/>
                  </a:lnTo>
                  <a:lnTo>
                    <a:pt x="37" y="149"/>
                  </a:lnTo>
                  <a:lnTo>
                    <a:pt x="33" y="159"/>
                  </a:lnTo>
                  <a:lnTo>
                    <a:pt x="30" y="170"/>
                  </a:lnTo>
                  <a:lnTo>
                    <a:pt x="28" y="180"/>
                  </a:lnTo>
                  <a:lnTo>
                    <a:pt x="25" y="192"/>
                  </a:lnTo>
                  <a:lnTo>
                    <a:pt x="24" y="203"/>
                  </a:lnTo>
                  <a:lnTo>
                    <a:pt x="23" y="215"/>
                  </a:lnTo>
                  <a:lnTo>
                    <a:pt x="22" y="227"/>
                  </a:lnTo>
                  <a:lnTo>
                    <a:pt x="22" y="239"/>
                  </a:lnTo>
                  <a:lnTo>
                    <a:pt x="22" y="250"/>
                  </a:lnTo>
                  <a:lnTo>
                    <a:pt x="23" y="259"/>
                  </a:lnTo>
                  <a:lnTo>
                    <a:pt x="24" y="269"/>
                  </a:lnTo>
                  <a:lnTo>
                    <a:pt x="25" y="278"/>
                  </a:lnTo>
                  <a:lnTo>
                    <a:pt x="28" y="287"/>
                  </a:lnTo>
                  <a:lnTo>
                    <a:pt x="30" y="295"/>
                  </a:lnTo>
                  <a:lnTo>
                    <a:pt x="33" y="304"/>
                  </a:lnTo>
                  <a:lnTo>
                    <a:pt x="36" y="312"/>
                  </a:lnTo>
                  <a:lnTo>
                    <a:pt x="40" y="320"/>
                  </a:lnTo>
                  <a:lnTo>
                    <a:pt x="44" y="327"/>
                  </a:lnTo>
                  <a:lnTo>
                    <a:pt x="52" y="342"/>
                  </a:lnTo>
                  <a:lnTo>
                    <a:pt x="57" y="349"/>
                  </a:lnTo>
                  <a:lnTo>
                    <a:pt x="63" y="355"/>
                  </a:lnTo>
                  <a:lnTo>
                    <a:pt x="68" y="362"/>
                  </a:lnTo>
                  <a:lnTo>
                    <a:pt x="74" y="368"/>
                  </a:lnTo>
                  <a:lnTo>
                    <a:pt x="80" y="374"/>
                  </a:lnTo>
                  <a:lnTo>
                    <a:pt x="86" y="380"/>
                  </a:lnTo>
                  <a:lnTo>
                    <a:pt x="99" y="392"/>
                  </a:lnTo>
                  <a:lnTo>
                    <a:pt x="113" y="403"/>
                  </a:lnTo>
                  <a:lnTo>
                    <a:pt x="127" y="413"/>
                  </a:lnTo>
                  <a:lnTo>
                    <a:pt x="142" y="423"/>
                  </a:lnTo>
                  <a:lnTo>
                    <a:pt x="157" y="432"/>
                  </a:lnTo>
                  <a:lnTo>
                    <a:pt x="172" y="441"/>
                  </a:lnTo>
                  <a:lnTo>
                    <a:pt x="188" y="450"/>
                  </a:lnTo>
                  <a:lnTo>
                    <a:pt x="219" y="467"/>
                  </a:lnTo>
                  <a:lnTo>
                    <a:pt x="249" y="483"/>
                  </a:lnTo>
                  <a:lnTo>
                    <a:pt x="263" y="492"/>
                  </a:lnTo>
                  <a:lnTo>
                    <a:pt x="277" y="500"/>
                  </a:lnTo>
                  <a:lnTo>
                    <a:pt x="290" y="509"/>
                  </a:lnTo>
                  <a:lnTo>
                    <a:pt x="302" y="518"/>
                  </a:lnTo>
                  <a:lnTo>
                    <a:pt x="308" y="523"/>
                  </a:lnTo>
                  <a:lnTo>
                    <a:pt x="314" y="527"/>
                  </a:lnTo>
                  <a:lnTo>
                    <a:pt x="319" y="532"/>
                  </a:lnTo>
                  <a:lnTo>
                    <a:pt x="324" y="537"/>
                  </a:lnTo>
                  <a:lnTo>
                    <a:pt x="328" y="542"/>
                  </a:lnTo>
                  <a:lnTo>
                    <a:pt x="333" y="547"/>
                  </a:lnTo>
                  <a:lnTo>
                    <a:pt x="336" y="552"/>
                  </a:lnTo>
                  <a:lnTo>
                    <a:pt x="340" y="558"/>
                  </a:lnTo>
                  <a:lnTo>
                    <a:pt x="343" y="563"/>
                  </a:lnTo>
                  <a:lnTo>
                    <a:pt x="346" y="569"/>
                  </a:lnTo>
                  <a:lnTo>
                    <a:pt x="349" y="575"/>
                  </a:lnTo>
                  <a:lnTo>
                    <a:pt x="351" y="581"/>
                  </a:lnTo>
                  <a:lnTo>
                    <a:pt x="352" y="587"/>
                  </a:lnTo>
                  <a:lnTo>
                    <a:pt x="353" y="593"/>
                  </a:lnTo>
                  <a:lnTo>
                    <a:pt x="354" y="600"/>
                  </a:lnTo>
                  <a:lnTo>
                    <a:pt x="354" y="607"/>
                  </a:lnTo>
                  <a:lnTo>
                    <a:pt x="354" y="617"/>
                  </a:lnTo>
                  <a:lnTo>
                    <a:pt x="353" y="627"/>
                  </a:lnTo>
                  <a:lnTo>
                    <a:pt x="352" y="632"/>
                  </a:lnTo>
                  <a:lnTo>
                    <a:pt x="350" y="637"/>
                  </a:lnTo>
                  <a:lnTo>
                    <a:pt x="347" y="646"/>
                  </a:lnTo>
                  <a:lnTo>
                    <a:pt x="344" y="654"/>
                  </a:lnTo>
                  <a:lnTo>
                    <a:pt x="339" y="662"/>
                  </a:lnTo>
                  <a:lnTo>
                    <a:pt x="334" y="669"/>
                  </a:lnTo>
                  <a:lnTo>
                    <a:pt x="328" y="675"/>
                  </a:lnTo>
                  <a:lnTo>
                    <a:pt x="321" y="681"/>
                  </a:lnTo>
                  <a:lnTo>
                    <a:pt x="314" y="686"/>
                  </a:lnTo>
                  <a:lnTo>
                    <a:pt x="307" y="690"/>
                  </a:lnTo>
                  <a:lnTo>
                    <a:pt x="299" y="693"/>
                  </a:lnTo>
                  <a:lnTo>
                    <a:pt x="290" y="696"/>
                  </a:lnTo>
                  <a:lnTo>
                    <a:pt x="281" y="698"/>
                  </a:lnTo>
                  <a:lnTo>
                    <a:pt x="272" y="699"/>
                  </a:lnTo>
                  <a:lnTo>
                    <a:pt x="263" y="700"/>
                  </a:lnTo>
                  <a:lnTo>
                    <a:pt x="254" y="699"/>
                  </a:lnTo>
                  <a:lnTo>
                    <a:pt x="246" y="698"/>
                  </a:lnTo>
                  <a:lnTo>
                    <a:pt x="237" y="696"/>
                  </a:lnTo>
                  <a:lnTo>
                    <a:pt x="228" y="693"/>
                  </a:lnTo>
                  <a:lnTo>
                    <a:pt x="220" y="689"/>
                  </a:lnTo>
                  <a:lnTo>
                    <a:pt x="215" y="687"/>
                  </a:lnTo>
                  <a:lnTo>
                    <a:pt x="211" y="684"/>
                  </a:lnTo>
                  <a:lnTo>
                    <a:pt x="203" y="678"/>
                  </a:lnTo>
                  <a:lnTo>
                    <a:pt x="195" y="671"/>
                  </a:lnTo>
                  <a:lnTo>
                    <a:pt x="187" y="663"/>
                  </a:lnTo>
                  <a:lnTo>
                    <a:pt x="179" y="654"/>
                  </a:lnTo>
                  <a:lnTo>
                    <a:pt x="173" y="643"/>
                  </a:lnTo>
                  <a:lnTo>
                    <a:pt x="169" y="638"/>
                  </a:lnTo>
                  <a:lnTo>
                    <a:pt x="166" y="632"/>
                  </a:lnTo>
                  <a:lnTo>
                    <a:pt x="160" y="619"/>
                  </a:lnTo>
                  <a:lnTo>
                    <a:pt x="155" y="605"/>
                  </a:lnTo>
                  <a:lnTo>
                    <a:pt x="151" y="589"/>
                  </a:lnTo>
                  <a:lnTo>
                    <a:pt x="147" y="572"/>
                  </a:lnTo>
                  <a:lnTo>
                    <a:pt x="0" y="603"/>
                  </a:lnTo>
                  <a:lnTo>
                    <a:pt x="8" y="631"/>
                  </a:lnTo>
                  <a:lnTo>
                    <a:pt x="18" y="657"/>
                  </a:lnTo>
                  <a:lnTo>
                    <a:pt x="23" y="669"/>
                  </a:lnTo>
                  <a:lnTo>
                    <a:pt x="28" y="681"/>
                  </a:lnTo>
                  <a:lnTo>
                    <a:pt x="34" y="692"/>
                  </a:lnTo>
                  <a:lnTo>
                    <a:pt x="40" y="702"/>
                  </a:lnTo>
                  <a:lnTo>
                    <a:pt x="46" y="713"/>
                  </a:lnTo>
                  <a:lnTo>
                    <a:pt x="53" y="722"/>
                  </a:lnTo>
                  <a:lnTo>
                    <a:pt x="59" y="731"/>
                  </a:lnTo>
                  <a:lnTo>
                    <a:pt x="66" y="740"/>
                  </a:lnTo>
                  <a:lnTo>
                    <a:pt x="74" y="749"/>
                  </a:lnTo>
                  <a:lnTo>
                    <a:pt x="81" y="757"/>
                  </a:lnTo>
                  <a:lnTo>
                    <a:pt x="97" y="772"/>
                  </a:lnTo>
                  <a:lnTo>
                    <a:pt x="105" y="778"/>
                  </a:lnTo>
                  <a:lnTo>
                    <a:pt x="114" y="784"/>
                  </a:lnTo>
                  <a:lnTo>
                    <a:pt x="123" y="790"/>
                  </a:lnTo>
                  <a:lnTo>
                    <a:pt x="132" y="795"/>
                  </a:lnTo>
                  <a:lnTo>
                    <a:pt x="141" y="799"/>
                  </a:lnTo>
                  <a:lnTo>
                    <a:pt x="150" y="804"/>
                  </a:lnTo>
                  <a:lnTo>
                    <a:pt x="160" y="808"/>
                  </a:lnTo>
                  <a:lnTo>
                    <a:pt x="170" y="811"/>
                  </a:lnTo>
                  <a:lnTo>
                    <a:pt x="180" y="814"/>
                  </a:lnTo>
                  <a:lnTo>
                    <a:pt x="190" y="817"/>
                  </a:lnTo>
                  <a:lnTo>
                    <a:pt x="200" y="819"/>
                  </a:lnTo>
                  <a:lnTo>
                    <a:pt x="211" y="821"/>
                  </a:lnTo>
                  <a:lnTo>
                    <a:pt x="222" y="822"/>
                  </a:lnTo>
                  <a:lnTo>
                    <a:pt x="233" y="823"/>
                  </a:lnTo>
                  <a:lnTo>
                    <a:pt x="255" y="824"/>
                  </a:lnTo>
                  <a:lnTo>
                    <a:pt x="269" y="823"/>
                  </a:lnTo>
                  <a:lnTo>
                    <a:pt x="284" y="823"/>
                  </a:lnTo>
                  <a:lnTo>
                    <a:pt x="297" y="821"/>
                  </a:lnTo>
                  <a:lnTo>
                    <a:pt x="311" y="820"/>
                  </a:lnTo>
                  <a:lnTo>
                    <a:pt x="324" y="817"/>
                  </a:lnTo>
                  <a:lnTo>
                    <a:pt x="336" y="815"/>
                  </a:lnTo>
                  <a:lnTo>
                    <a:pt x="348" y="811"/>
                  </a:lnTo>
                  <a:lnTo>
                    <a:pt x="360" y="808"/>
                  </a:lnTo>
                  <a:lnTo>
                    <a:pt x="371" y="804"/>
                  </a:lnTo>
                  <a:lnTo>
                    <a:pt x="382" y="799"/>
                  </a:lnTo>
                  <a:lnTo>
                    <a:pt x="392" y="794"/>
                  </a:lnTo>
                  <a:lnTo>
                    <a:pt x="402" y="789"/>
                  </a:lnTo>
                  <a:lnTo>
                    <a:pt x="412" y="783"/>
                  </a:lnTo>
                  <a:lnTo>
                    <a:pt x="421" y="776"/>
                  </a:lnTo>
                  <a:lnTo>
                    <a:pt x="430" y="770"/>
                  </a:lnTo>
                  <a:lnTo>
                    <a:pt x="438" y="763"/>
                  </a:lnTo>
                  <a:lnTo>
                    <a:pt x="446" y="755"/>
                  </a:lnTo>
                  <a:lnTo>
                    <a:pt x="453" y="747"/>
                  </a:lnTo>
                  <a:lnTo>
                    <a:pt x="460" y="738"/>
                  </a:lnTo>
                  <a:lnTo>
                    <a:pt x="466" y="729"/>
                  </a:lnTo>
                  <a:lnTo>
                    <a:pt x="472" y="720"/>
                  </a:lnTo>
                  <a:lnTo>
                    <a:pt x="477" y="711"/>
                  </a:lnTo>
                  <a:lnTo>
                    <a:pt x="482" y="701"/>
                  </a:lnTo>
                  <a:lnTo>
                    <a:pt x="487" y="691"/>
                  </a:lnTo>
                  <a:lnTo>
                    <a:pt x="491" y="681"/>
                  </a:lnTo>
                  <a:lnTo>
                    <a:pt x="494" y="670"/>
                  </a:lnTo>
                  <a:lnTo>
                    <a:pt x="497" y="659"/>
                  </a:lnTo>
                  <a:lnTo>
                    <a:pt x="499" y="648"/>
                  </a:lnTo>
                  <a:lnTo>
                    <a:pt x="501" y="637"/>
                  </a:lnTo>
                  <a:lnTo>
                    <a:pt x="502" y="625"/>
                  </a:lnTo>
                  <a:lnTo>
                    <a:pt x="503" y="613"/>
                  </a:lnTo>
                  <a:lnTo>
                    <a:pt x="503" y="600"/>
                  </a:lnTo>
                  <a:lnTo>
                    <a:pt x="503" y="589"/>
                  </a:lnTo>
                  <a:lnTo>
                    <a:pt x="502" y="578"/>
                  </a:lnTo>
                  <a:lnTo>
                    <a:pt x="501" y="567"/>
                  </a:lnTo>
                  <a:lnTo>
                    <a:pt x="500" y="557"/>
                  </a:lnTo>
                  <a:lnTo>
                    <a:pt x="498" y="547"/>
                  </a:lnTo>
                  <a:lnTo>
                    <a:pt x="495" y="537"/>
                  </a:lnTo>
                  <a:lnTo>
                    <a:pt x="492" y="528"/>
                  </a:lnTo>
                  <a:lnTo>
                    <a:pt x="489" y="519"/>
                  </a:lnTo>
                  <a:lnTo>
                    <a:pt x="486" y="510"/>
                  </a:lnTo>
                  <a:lnTo>
                    <a:pt x="482" y="502"/>
                  </a:lnTo>
                  <a:lnTo>
                    <a:pt x="473" y="485"/>
                  </a:lnTo>
                  <a:lnTo>
                    <a:pt x="463" y="470"/>
                  </a:lnTo>
                  <a:lnTo>
                    <a:pt x="457" y="463"/>
                  </a:lnTo>
                  <a:lnTo>
                    <a:pt x="451" y="456"/>
                  </a:lnTo>
                  <a:lnTo>
                    <a:pt x="439" y="442"/>
                  </a:lnTo>
                  <a:lnTo>
                    <a:pt x="426" y="430"/>
                  </a:lnTo>
                  <a:lnTo>
                    <a:pt x="413" y="418"/>
                  </a:lnTo>
                  <a:lnTo>
                    <a:pt x="398" y="407"/>
                  </a:lnTo>
                  <a:lnTo>
                    <a:pt x="383" y="396"/>
                  </a:lnTo>
                  <a:lnTo>
                    <a:pt x="368" y="386"/>
                  </a:lnTo>
                  <a:lnTo>
                    <a:pt x="353" y="377"/>
                  </a:lnTo>
                  <a:lnTo>
                    <a:pt x="337" y="368"/>
                  </a:lnTo>
                  <a:lnTo>
                    <a:pt x="306" y="350"/>
                  </a:lnTo>
                  <a:lnTo>
                    <a:pt x="276" y="334"/>
                  </a:lnTo>
                  <a:lnTo>
                    <a:pt x="262" y="326"/>
                  </a:lnTo>
                  <a:lnTo>
                    <a:pt x="248" y="319"/>
                  </a:lnTo>
                  <a:lnTo>
                    <a:pt x="235" y="311"/>
                  </a:lnTo>
                  <a:lnTo>
                    <a:pt x="223" y="303"/>
                  </a:lnTo>
                  <a:lnTo>
                    <a:pt x="212" y="295"/>
                  </a:lnTo>
                  <a:lnTo>
                    <a:pt x="201" y="287"/>
                  </a:lnTo>
                  <a:lnTo>
                    <a:pt x="197" y="283"/>
                  </a:lnTo>
                  <a:lnTo>
                    <a:pt x="193" y="278"/>
                  </a:lnTo>
                  <a:lnTo>
                    <a:pt x="185" y="269"/>
                  </a:lnTo>
                  <a:lnTo>
                    <a:pt x="182" y="265"/>
                  </a:lnTo>
                  <a:lnTo>
                    <a:pt x="179" y="260"/>
                  </a:lnTo>
                  <a:lnTo>
                    <a:pt x="177" y="256"/>
                  </a:lnTo>
                  <a:lnTo>
                    <a:pt x="174" y="251"/>
                  </a:lnTo>
                  <a:lnTo>
                    <a:pt x="173" y="246"/>
                  </a:lnTo>
                  <a:lnTo>
                    <a:pt x="172" y="240"/>
                  </a:lnTo>
                  <a:lnTo>
                    <a:pt x="171" y="235"/>
                  </a:lnTo>
                  <a:lnTo>
                    <a:pt x="171" y="230"/>
                  </a:lnTo>
                  <a:lnTo>
                    <a:pt x="171" y="220"/>
                  </a:lnTo>
                  <a:lnTo>
                    <a:pt x="172" y="211"/>
                  </a:lnTo>
                  <a:lnTo>
                    <a:pt x="174" y="202"/>
                  </a:lnTo>
                  <a:lnTo>
                    <a:pt x="176" y="194"/>
                  </a:lnTo>
                  <a:lnTo>
                    <a:pt x="179" y="187"/>
                  </a:lnTo>
                  <a:lnTo>
                    <a:pt x="181" y="183"/>
                  </a:lnTo>
                  <a:lnTo>
                    <a:pt x="183" y="179"/>
                  </a:lnTo>
                  <a:lnTo>
                    <a:pt x="187" y="173"/>
                  </a:lnTo>
                  <a:lnTo>
                    <a:pt x="192" y="167"/>
                  </a:lnTo>
                  <a:lnTo>
                    <a:pt x="197" y="162"/>
                  </a:lnTo>
                  <a:lnTo>
                    <a:pt x="200" y="160"/>
                  </a:lnTo>
                  <a:lnTo>
                    <a:pt x="204" y="157"/>
                  </a:lnTo>
                  <a:lnTo>
                    <a:pt x="210" y="154"/>
                  </a:lnTo>
                  <a:lnTo>
                    <a:pt x="218" y="150"/>
                  </a:lnTo>
                  <a:lnTo>
                    <a:pt x="226" y="148"/>
                  </a:lnTo>
                  <a:lnTo>
                    <a:pt x="234" y="146"/>
                  </a:lnTo>
                  <a:lnTo>
                    <a:pt x="243" y="145"/>
                  </a:lnTo>
                  <a:lnTo>
                    <a:pt x="253" y="144"/>
                  </a:lnTo>
                  <a:lnTo>
                    <a:pt x="262" y="145"/>
                  </a:lnTo>
                  <a:lnTo>
                    <a:pt x="271" y="146"/>
                  </a:lnTo>
                  <a:lnTo>
                    <a:pt x="280" y="148"/>
                  </a:lnTo>
                  <a:lnTo>
                    <a:pt x="288" y="150"/>
                  </a:lnTo>
                  <a:lnTo>
                    <a:pt x="296" y="154"/>
                  </a:lnTo>
                  <a:lnTo>
                    <a:pt x="304" y="158"/>
                  </a:lnTo>
                  <a:lnTo>
                    <a:pt x="311" y="163"/>
                  </a:lnTo>
                  <a:lnTo>
                    <a:pt x="317" y="169"/>
                  </a:lnTo>
                  <a:lnTo>
                    <a:pt x="324" y="176"/>
                  </a:lnTo>
                  <a:lnTo>
                    <a:pt x="330" y="184"/>
                  </a:lnTo>
                  <a:lnTo>
                    <a:pt x="336" y="192"/>
                  </a:lnTo>
                  <a:lnTo>
                    <a:pt x="342" y="202"/>
                  </a:lnTo>
                  <a:lnTo>
                    <a:pt x="347" y="212"/>
                  </a:lnTo>
                  <a:lnTo>
                    <a:pt x="352" y="224"/>
                  </a:lnTo>
                  <a:lnTo>
                    <a:pt x="362" y="249"/>
                  </a:lnTo>
                  <a:lnTo>
                    <a:pt x="496" y="210"/>
                  </a:lnTo>
                  <a:close/>
                </a:path>
              </a:pathLst>
            </a:custGeom>
            <a:solidFill>
              <a:schemeClr val="accent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pPr>
                <a:defRPr/>
              </a:pPr>
              <a:endParaRPr lang="en-GB" sz="1800">
                <a:latin typeface="Arial" charset="0"/>
              </a:endParaRPr>
            </a:p>
          </p:txBody>
        </p:sp>
        <p:sp>
          <p:nvSpPr>
            <p:cNvPr id="4" name="Freeform 6"/>
            <p:cNvSpPr>
              <a:spLocks noChangeAspect="1" noEditPoints="1"/>
            </p:cNvSpPr>
            <p:nvPr userDrawn="1"/>
          </p:nvSpPr>
          <p:spPr bwMode="auto">
            <a:xfrm>
              <a:off x="5705485" y="3717032"/>
              <a:ext cx="2829422" cy="864096"/>
            </a:xfrm>
            <a:custGeom>
              <a:avLst/>
              <a:gdLst>
                <a:gd name="T0" fmla="*/ 481788 w 4892"/>
                <a:gd name="T1" fmla="*/ 110470 h 1494"/>
                <a:gd name="T2" fmla="*/ 327940 w 4892"/>
                <a:gd name="T3" fmla="*/ 635637 h 1494"/>
                <a:gd name="T4" fmla="*/ 922512 w 4892"/>
                <a:gd name="T5" fmla="*/ 628696 h 1494"/>
                <a:gd name="T6" fmla="*/ 779074 w 4892"/>
                <a:gd name="T7" fmla="*/ 814934 h 1494"/>
                <a:gd name="T8" fmla="*/ 762301 w 4892"/>
                <a:gd name="T9" fmla="*/ 207059 h 1494"/>
                <a:gd name="T10" fmla="*/ 688269 w 4892"/>
                <a:gd name="T11" fmla="*/ 320421 h 1494"/>
                <a:gd name="T12" fmla="*/ 913258 w 4892"/>
                <a:gd name="T13" fmla="*/ 857734 h 1494"/>
                <a:gd name="T14" fmla="*/ 955479 w 4892"/>
                <a:gd name="T15" fmla="*/ 546567 h 1494"/>
                <a:gd name="T16" fmla="*/ 897642 w 4892"/>
                <a:gd name="T17" fmla="*/ 52054 h 1494"/>
                <a:gd name="T18" fmla="*/ 900534 w 4892"/>
                <a:gd name="T19" fmla="*/ 189129 h 1494"/>
                <a:gd name="T20" fmla="*/ 997701 w 4892"/>
                <a:gd name="T21" fmla="*/ 167729 h 1494"/>
                <a:gd name="T22" fmla="*/ 1064214 w 4892"/>
                <a:gd name="T23" fmla="*/ 58995 h 1494"/>
                <a:gd name="T24" fmla="*/ 1108749 w 4892"/>
                <a:gd name="T25" fmla="*/ 153270 h 1494"/>
                <a:gd name="T26" fmla="*/ 1100074 w 4892"/>
                <a:gd name="T27" fmla="*/ 262005 h 1494"/>
                <a:gd name="T28" fmla="*/ 1203603 w 4892"/>
                <a:gd name="T29" fmla="*/ 175248 h 1494"/>
                <a:gd name="T30" fmla="*/ 1177576 w 4892"/>
                <a:gd name="T31" fmla="*/ 301913 h 1494"/>
                <a:gd name="T32" fmla="*/ 497405 w 4892"/>
                <a:gd name="T33" fmla="*/ 515334 h 1494"/>
                <a:gd name="T34" fmla="*/ 538469 w 4892"/>
                <a:gd name="T35" fmla="*/ 374210 h 1494"/>
                <a:gd name="T36" fmla="*/ 642577 w 4892"/>
                <a:gd name="T37" fmla="*/ 503767 h 1494"/>
                <a:gd name="T38" fmla="*/ 1218641 w 4892"/>
                <a:gd name="T39" fmla="*/ 694631 h 1494"/>
                <a:gd name="T40" fmla="*/ 1346462 w 4892"/>
                <a:gd name="T41" fmla="*/ 591102 h 1494"/>
                <a:gd name="T42" fmla="*/ 1334317 w 4892"/>
                <a:gd name="T43" fmla="*/ 754783 h 1494"/>
                <a:gd name="T44" fmla="*/ 458653 w 4892"/>
                <a:gd name="T45" fmla="*/ 444772 h 1494"/>
                <a:gd name="T46" fmla="*/ 604404 w 4892"/>
                <a:gd name="T47" fmla="*/ 559291 h 1494"/>
                <a:gd name="T48" fmla="*/ 624648 w 4892"/>
                <a:gd name="T49" fmla="*/ 368426 h 1494"/>
                <a:gd name="T50" fmla="*/ 364956 w 4892"/>
                <a:gd name="T51" fmla="*/ 610767 h 1494"/>
                <a:gd name="T52" fmla="*/ 531529 w 4892"/>
                <a:gd name="T53" fmla="*/ 117989 h 1494"/>
                <a:gd name="T54" fmla="*/ 1183938 w 4892"/>
                <a:gd name="T55" fmla="*/ 336616 h 1494"/>
                <a:gd name="T56" fmla="*/ 1219798 w 4892"/>
                <a:gd name="T57" fmla="*/ 149800 h 1494"/>
                <a:gd name="T58" fmla="*/ 1124944 w 4892"/>
                <a:gd name="T59" fmla="*/ 251016 h 1494"/>
                <a:gd name="T60" fmla="*/ 1118003 w 4892"/>
                <a:gd name="T61" fmla="*/ 133605 h 1494"/>
                <a:gd name="T62" fmla="*/ 1035874 w 4892"/>
                <a:gd name="T63" fmla="*/ 56103 h 1494"/>
                <a:gd name="T64" fmla="*/ 980928 w 4892"/>
                <a:gd name="T65" fmla="*/ 176984 h 1494"/>
                <a:gd name="T66" fmla="*/ 940442 w 4892"/>
                <a:gd name="T67" fmla="*/ 122616 h 1494"/>
                <a:gd name="T68" fmla="*/ 1240619 w 4892"/>
                <a:gd name="T69" fmla="*/ 27184 h 1494"/>
                <a:gd name="T70" fmla="*/ 1011004 w 4892"/>
                <a:gd name="T71" fmla="*/ 577799 h 1494"/>
                <a:gd name="T72" fmla="*/ 1405457 w 4892"/>
                <a:gd name="T73" fmla="*/ 319843 h 1494"/>
                <a:gd name="T74" fmla="*/ 792955 w 4892"/>
                <a:gd name="T75" fmla="*/ 269524 h 1494"/>
                <a:gd name="T76" fmla="*/ 636215 w 4892"/>
                <a:gd name="T77" fmla="*/ 233086 h 1494"/>
                <a:gd name="T78" fmla="*/ 1268382 w 4892"/>
                <a:gd name="T79" fmla="*/ 569123 h 1494"/>
                <a:gd name="T80" fmla="*/ 1233101 w 4892"/>
                <a:gd name="T81" fmla="*/ 751891 h 1494"/>
                <a:gd name="T82" fmla="*/ 1412397 w 4892"/>
                <a:gd name="T83" fmla="*/ 684221 h 1494"/>
                <a:gd name="T84" fmla="*/ 1258549 w 4892"/>
                <a:gd name="T85" fmla="*/ 498561 h 1494"/>
                <a:gd name="T86" fmla="*/ 1340100 w 4892"/>
                <a:gd name="T87" fmla="*/ 340664 h 1494"/>
                <a:gd name="T88" fmla="*/ 1409506 w 4892"/>
                <a:gd name="T89" fmla="*/ 113940 h 1494"/>
                <a:gd name="T90" fmla="*/ 1738602 w 4892"/>
                <a:gd name="T91" fmla="*/ 825923 h 1494"/>
                <a:gd name="T92" fmla="*/ 1628132 w 4892"/>
                <a:gd name="T93" fmla="*/ 688848 h 1494"/>
                <a:gd name="T94" fmla="*/ 1648954 w 4892"/>
                <a:gd name="T95" fmla="*/ 546567 h 1494"/>
                <a:gd name="T96" fmla="*/ 1711997 w 4892"/>
                <a:gd name="T97" fmla="*/ 573750 h 1494"/>
                <a:gd name="T98" fmla="*/ 1623505 w 4892"/>
                <a:gd name="T99" fmla="*/ 650096 h 1494"/>
                <a:gd name="T100" fmla="*/ 1776775 w 4892"/>
                <a:gd name="T101" fmla="*/ 823031 h 1494"/>
                <a:gd name="T102" fmla="*/ 1578970 w 4892"/>
                <a:gd name="T103" fmla="*/ 779075 h 1494"/>
                <a:gd name="T104" fmla="*/ 2705071 w 4892"/>
                <a:gd name="T105" fmla="*/ 857734 h 1494"/>
                <a:gd name="T106" fmla="*/ 2425715 w 4892"/>
                <a:gd name="T107" fmla="*/ 19665 h 1494"/>
                <a:gd name="T108" fmla="*/ 2474298 w 4892"/>
                <a:gd name="T109" fmla="*/ 226724 h 1494"/>
                <a:gd name="T110" fmla="*/ 2412412 w 4892"/>
                <a:gd name="T111" fmla="*/ 153270 h 1494"/>
                <a:gd name="T112" fmla="*/ 2628725 w 4892"/>
                <a:gd name="T113" fmla="*/ 139389 h 1494"/>
                <a:gd name="T114" fmla="*/ 2733411 w 4892"/>
                <a:gd name="T115" fmla="*/ 365535 h 1494"/>
                <a:gd name="T116" fmla="*/ 2621206 w 4892"/>
                <a:gd name="T117" fmla="*/ 452870 h 1494"/>
                <a:gd name="T118" fmla="*/ 2562212 w 4892"/>
                <a:gd name="T119" fmla="*/ 60151 h 1494"/>
                <a:gd name="T120" fmla="*/ 2801082 w 4892"/>
                <a:gd name="T121" fmla="*/ 48584 h 1494"/>
                <a:gd name="T122" fmla="*/ 2755390 w 4892"/>
                <a:gd name="T123" fmla="*/ 450556 h 149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4892" h="1494">
                  <a:moveTo>
                    <a:pt x="1023" y="1319"/>
                  </a:moveTo>
                  <a:lnTo>
                    <a:pt x="877" y="1390"/>
                  </a:lnTo>
                  <a:lnTo>
                    <a:pt x="852" y="1336"/>
                  </a:lnTo>
                  <a:lnTo>
                    <a:pt x="1023" y="1253"/>
                  </a:lnTo>
                  <a:lnTo>
                    <a:pt x="1153" y="1189"/>
                  </a:lnTo>
                  <a:lnTo>
                    <a:pt x="1339" y="1098"/>
                  </a:lnTo>
                  <a:lnTo>
                    <a:pt x="1356" y="1089"/>
                  </a:lnTo>
                  <a:lnTo>
                    <a:pt x="1540" y="1000"/>
                  </a:lnTo>
                  <a:lnTo>
                    <a:pt x="1556" y="1025"/>
                  </a:lnTo>
                  <a:lnTo>
                    <a:pt x="1572" y="1050"/>
                  </a:lnTo>
                  <a:lnTo>
                    <a:pt x="1567" y="1052"/>
                  </a:lnTo>
                  <a:lnTo>
                    <a:pt x="1565" y="1053"/>
                  </a:lnTo>
                  <a:lnTo>
                    <a:pt x="1563" y="1054"/>
                  </a:lnTo>
                  <a:lnTo>
                    <a:pt x="1356" y="1156"/>
                  </a:lnTo>
                  <a:lnTo>
                    <a:pt x="1339" y="1164"/>
                  </a:lnTo>
                  <a:lnTo>
                    <a:pt x="1153" y="1255"/>
                  </a:lnTo>
                  <a:lnTo>
                    <a:pt x="1023" y="1319"/>
                  </a:lnTo>
                  <a:close/>
                  <a:moveTo>
                    <a:pt x="1023" y="1216"/>
                  </a:moveTo>
                  <a:lnTo>
                    <a:pt x="984" y="1237"/>
                  </a:lnTo>
                  <a:lnTo>
                    <a:pt x="868" y="1216"/>
                  </a:lnTo>
                  <a:lnTo>
                    <a:pt x="1023" y="1140"/>
                  </a:lnTo>
                  <a:lnTo>
                    <a:pt x="1153" y="1077"/>
                  </a:lnTo>
                  <a:lnTo>
                    <a:pt x="1192" y="1057"/>
                  </a:lnTo>
                  <a:lnTo>
                    <a:pt x="1305" y="1078"/>
                  </a:lnTo>
                  <a:lnTo>
                    <a:pt x="1153" y="1154"/>
                  </a:lnTo>
                  <a:lnTo>
                    <a:pt x="1023" y="1216"/>
                  </a:lnTo>
                  <a:close/>
                  <a:moveTo>
                    <a:pt x="1023" y="26"/>
                  </a:moveTo>
                  <a:lnTo>
                    <a:pt x="1004" y="39"/>
                  </a:lnTo>
                  <a:lnTo>
                    <a:pt x="986" y="53"/>
                  </a:lnTo>
                  <a:lnTo>
                    <a:pt x="968" y="67"/>
                  </a:lnTo>
                  <a:lnTo>
                    <a:pt x="950" y="81"/>
                  </a:lnTo>
                  <a:lnTo>
                    <a:pt x="933" y="96"/>
                  </a:lnTo>
                  <a:lnTo>
                    <a:pt x="914" y="111"/>
                  </a:lnTo>
                  <a:lnTo>
                    <a:pt x="897" y="126"/>
                  </a:lnTo>
                  <a:lnTo>
                    <a:pt x="881" y="142"/>
                  </a:lnTo>
                  <a:lnTo>
                    <a:pt x="865" y="158"/>
                  </a:lnTo>
                  <a:lnTo>
                    <a:pt x="849" y="174"/>
                  </a:lnTo>
                  <a:lnTo>
                    <a:pt x="833" y="191"/>
                  </a:lnTo>
                  <a:lnTo>
                    <a:pt x="818" y="208"/>
                  </a:lnTo>
                  <a:lnTo>
                    <a:pt x="803" y="226"/>
                  </a:lnTo>
                  <a:lnTo>
                    <a:pt x="788" y="244"/>
                  </a:lnTo>
                  <a:lnTo>
                    <a:pt x="774" y="262"/>
                  </a:lnTo>
                  <a:lnTo>
                    <a:pt x="760" y="281"/>
                  </a:lnTo>
                  <a:lnTo>
                    <a:pt x="746" y="299"/>
                  </a:lnTo>
                  <a:lnTo>
                    <a:pt x="733" y="319"/>
                  </a:lnTo>
                  <a:lnTo>
                    <a:pt x="720" y="338"/>
                  </a:lnTo>
                  <a:lnTo>
                    <a:pt x="708" y="358"/>
                  </a:lnTo>
                  <a:lnTo>
                    <a:pt x="696" y="379"/>
                  </a:lnTo>
                  <a:lnTo>
                    <a:pt x="685" y="400"/>
                  </a:lnTo>
                  <a:lnTo>
                    <a:pt x="673" y="420"/>
                  </a:lnTo>
                  <a:lnTo>
                    <a:pt x="663" y="441"/>
                  </a:lnTo>
                  <a:lnTo>
                    <a:pt x="652" y="463"/>
                  </a:lnTo>
                  <a:lnTo>
                    <a:pt x="643" y="485"/>
                  </a:lnTo>
                  <a:lnTo>
                    <a:pt x="633" y="507"/>
                  </a:lnTo>
                  <a:lnTo>
                    <a:pt x="624" y="529"/>
                  </a:lnTo>
                  <a:lnTo>
                    <a:pt x="616" y="551"/>
                  </a:lnTo>
                  <a:lnTo>
                    <a:pt x="608" y="574"/>
                  </a:lnTo>
                  <a:lnTo>
                    <a:pt x="600" y="598"/>
                  </a:lnTo>
                  <a:lnTo>
                    <a:pt x="593" y="621"/>
                  </a:lnTo>
                  <a:lnTo>
                    <a:pt x="586" y="649"/>
                  </a:lnTo>
                  <a:lnTo>
                    <a:pt x="579" y="678"/>
                  </a:lnTo>
                  <a:lnTo>
                    <a:pt x="573" y="706"/>
                  </a:lnTo>
                  <a:lnTo>
                    <a:pt x="568" y="735"/>
                  </a:lnTo>
                  <a:lnTo>
                    <a:pt x="563" y="763"/>
                  </a:lnTo>
                  <a:lnTo>
                    <a:pt x="559" y="792"/>
                  </a:lnTo>
                  <a:lnTo>
                    <a:pt x="556" y="820"/>
                  </a:lnTo>
                  <a:lnTo>
                    <a:pt x="554" y="848"/>
                  </a:lnTo>
                  <a:lnTo>
                    <a:pt x="553" y="877"/>
                  </a:lnTo>
                  <a:lnTo>
                    <a:pt x="552" y="905"/>
                  </a:lnTo>
                  <a:lnTo>
                    <a:pt x="552" y="933"/>
                  </a:lnTo>
                  <a:lnTo>
                    <a:pt x="553" y="961"/>
                  </a:lnTo>
                  <a:lnTo>
                    <a:pt x="554" y="989"/>
                  </a:lnTo>
                  <a:lnTo>
                    <a:pt x="556" y="1017"/>
                  </a:lnTo>
                  <a:lnTo>
                    <a:pt x="559" y="1044"/>
                  </a:lnTo>
                  <a:lnTo>
                    <a:pt x="563" y="1072"/>
                  </a:lnTo>
                  <a:lnTo>
                    <a:pt x="567" y="1099"/>
                  </a:lnTo>
                  <a:lnTo>
                    <a:pt x="572" y="1127"/>
                  </a:lnTo>
                  <a:lnTo>
                    <a:pt x="577" y="1154"/>
                  </a:lnTo>
                  <a:lnTo>
                    <a:pt x="584" y="1181"/>
                  </a:lnTo>
                  <a:lnTo>
                    <a:pt x="591" y="1208"/>
                  </a:lnTo>
                  <a:lnTo>
                    <a:pt x="598" y="1234"/>
                  </a:lnTo>
                  <a:lnTo>
                    <a:pt x="607" y="1260"/>
                  </a:lnTo>
                  <a:lnTo>
                    <a:pt x="616" y="1286"/>
                  </a:lnTo>
                  <a:lnTo>
                    <a:pt x="625" y="1312"/>
                  </a:lnTo>
                  <a:lnTo>
                    <a:pt x="635" y="1337"/>
                  </a:lnTo>
                  <a:lnTo>
                    <a:pt x="646" y="1362"/>
                  </a:lnTo>
                  <a:lnTo>
                    <a:pt x="658" y="1387"/>
                  </a:lnTo>
                  <a:lnTo>
                    <a:pt x="670" y="1412"/>
                  </a:lnTo>
                  <a:lnTo>
                    <a:pt x="683" y="1436"/>
                  </a:lnTo>
                  <a:lnTo>
                    <a:pt x="696" y="1460"/>
                  </a:lnTo>
                  <a:lnTo>
                    <a:pt x="710" y="1483"/>
                  </a:lnTo>
                  <a:lnTo>
                    <a:pt x="0" y="1483"/>
                  </a:lnTo>
                  <a:lnTo>
                    <a:pt x="0" y="746"/>
                  </a:lnTo>
                  <a:lnTo>
                    <a:pt x="0" y="10"/>
                  </a:lnTo>
                  <a:lnTo>
                    <a:pt x="511" y="10"/>
                  </a:lnTo>
                  <a:lnTo>
                    <a:pt x="1023" y="10"/>
                  </a:lnTo>
                  <a:lnTo>
                    <a:pt x="1048" y="10"/>
                  </a:lnTo>
                  <a:lnTo>
                    <a:pt x="1042" y="14"/>
                  </a:lnTo>
                  <a:lnTo>
                    <a:pt x="1036" y="18"/>
                  </a:lnTo>
                  <a:lnTo>
                    <a:pt x="1023" y="26"/>
                  </a:lnTo>
                  <a:close/>
                  <a:moveTo>
                    <a:pt x="1153" y="1483"/>
                  </a:moveTo>
                  <a:lnTo>
                    <a:pt x="1023" y="1483"/>
                  </a:lnTo>
                  <a:lnTo>
                    <a:pt x="989" y="1483"/>
                  </a:lnTo>
                  <a:lnTo>
                    <a:pt x="1023" y="1466"/>
                  </a:lnTo>
                  <a:lnTo>
                    <a:pt x="1153" y="1404"/>
                  </a:lnTo>
                  <a:lnTo>
                    <a:pt x="1328" y="1317"/>
                  </a:lnTo>
                  <a:lnTo>
                    <a:pt x="1339" y="1299"/>
                  </a:lnTo>
                  <a:lnTo>
                    <a:pt x="1356" y="1265"/>
                  </a:lnTo>
                  <a:lnTo>
                    <a:pt x="1408" y="1166"/>
                  </a:lnTo>
                  <a:lnTo>
                    <a:pt x="1577" y="1084"/>
                  </a:lnTo>
                  <a:lnTo>
                    <a:pt x="1583" y="1081"/>
                  </a:lnTo>
                  <a:lnTo>
                    <a:pt x="1588" y="1078"/>
                  </a:lnTo>
                  <a:lnTo>
                    <a:pt x="1591" y="1082"/>
                  </a:lnTo>
                  <a:lnTo>
                    <a:pt x="1595" y="1087"/>
                  </a:lnTo>
                  <a:lnTo>
                    <a:pt x="1694" y="1248"/>
                  </a:lnTo>
                  <a:lnTo>
                    <a:pt x="1682" y="1418"/>
                  </a:lnTo>
                  <a:lnTo>
                    <a:pt x="1717" y="1476"/>
                  </a:lnTo>
                  <a:lnTo>
                    <a:pt x="1723" y="1483"/>
                  </a:lnTo>
                  <a:lnTo>
                    <a:pt x="1717" y="1483"/>
                  </a:lnTo>
                  <a:lnTo>
                    <a:pt x="1616" y="1483"/>
                  </a:lnTo>
                  <a:lnTo>
                    <a:pt x="1612" y="1475"/>
                  </a:lnTo>
                  <a:lnTo>
                    <a:pt x="1607" y="1467"/>
                  </a:lnTo>
                  <a:lnTo>
                    <a:pt x="1601" y="1459"/>
                  </a:lnTo>
                  <a:lnTo>
                    <a:pt x="1596" y="1451"/>
                  </a:lnTo>
                  <a:lnTo>
                    <a:pt x="1590" y="1444"/>
                  </a:lnTo>
                  <a:lnTo>
                    <a:pt x="1583" y="1437"/>
                  </a:lnTo>
                  <a:lnTo>
                    <a:pt x="1576" y="1430"/>
                  </a:lnTo>
                  <a:lnTo>
                    <a:pt x="1569" y="1423"/>
                  </a:lnTo>
                  <a:lnTo>
                    <a:pt x="1562" y="1417"/>
                  </a:lnTo>
                  <a:lnTo>
                    <a:pt x="1554" y="1412"/>
                  </a:lnTo>
                  <a:lnTo>
                    <a:pt x="1546" y="1406"/>
                  </a:lnTo>
                  <a:lnTo>
                    <a:pt x="1537" y="1401"/>
                  </a:lnTo>
                  <a:lnTo>
                    <a:pt x="1529" y="1397"/>
                  </a:lnTo>
                  <a:lnTo>
                    <a:pt x="1519" y="1393"/>
                  </a:lnTo>
                  <a:lnTo>
                    <a:pt x="1509" y="1389"/>
                  </a:lnTo>
                  <a:lnTo>
                    <a:pt x="1500" y="1386"/>
                  </a:lnTo>
                  <a:lnTo>
                    <a:pt x="1490" y="1384"/>
                  </a:lnTo>
                  <a:lnTo>
                    <a:pt x="1481" y="1382"/>
                  </a:lnTo>
                  <a:lnTo>
                    <a:pt x="1462" y="1380"/>
                  </a:lnTo>
                  <a:lnTo>
                    <a:pt x="1452" y="1379"/>
                  </a:lnTo>
                  <a:lnTo>
                    <a:pt x="1443" y="1379"/>
                  </a:lnTo>
                  <a:lnTo>
                    <a:pt x="1433" y="1380"/>
                  </a:lnTo>
                  <a:lnTo>
                    <a:pt x="1424" y="1381"/>
                  </a:lnTo>
                  <a:lnTo>
                    <a:pt x="1415" y="1382"/>
                  </a:lnTo>
                  <a:lnTo>
                    <a:pt x="1406" y="1384"/>
                  </a:lnTo>
                  <a:lnTo>
                    <a:pt x="1397" y="1387"/>
                  </a:lnTo>
                  <a:lnTo>
                    <a:pt x="1389" y="1389"/>
                  </a:lnTo>
                  <a:lnTo>
                    <a:pt x="1380" y="1392"/>
                  </a:lnTo>
                  <a:lnTo>
                    <a:pt x="1372" y="1396"/>
                  </a:lnTo>
                  <a:lnTo>
                    <a:pt x="1364" y="1400"/>
                  </a:lnTo>
                  <a:lnTo>
                    <a:pt x="1356" y="1404"/>
                  </a:lnTo>
                  <a:lnTo>
                    <a:pt x="1347" y="1409"/>
                  </a:lnTo>
                  <a:lnTo>
                    <a:pt x="1339" y="1414"/>
                  </a:lnTo>
                  <a:lnTo>
                    <a:pt x="1330" y="1421"/>
                  </a:lnTo>
                  <a:lnTo>
                    <a:pt x="1321" y="1429"/>
                  </a:lnTo>
                  <a:lnTo>
                    <a:pt x="1313" y="1437"/>
                  </a:lnTo>
                  <a:lnTo>
                    <a:pt x="1305" y="1445"/>
                  </a:lnTo>
                  <a:lnTo>
                    <a:pt x="1298" y="1454"/>
                  </a:lnTo>
                  <a:lnTo>
                    <a:pt x="1292" y="1463"/>
                  </a:lnTo>
                  <a:lnTo>
                    <a:pt x="1289" y="1468"/>
                  </a:lnTo>
                  <a:lnTo>
                    <a:pt x="1286" y="1473"/>
                  </a:lnTo>
                  <a:lnTo>
                    <a:pt x="1280" y="1483"/>
                  </a:lnTo>
                  <a:lnTo>
                    <a:pt x="1153" y="1483"/>
                  </a:lnTo>
                  <a:close/>
                  <a:moveTo>
                    <a:pt x="1153" y="460"/>
                  </a:moveTo>
                  <a:lnTo>
                    <a:pt x="1142" y="428"/>
                  </a:lnTo>
                  <a:lnTo>
                    <a:pt x="1137" y="412"/>
                  </a:lnTo>
                  <a:lnTo>
                    <a:pt x="1132" y="396"/>
                  </a:lnTo>
                  <a:lnTo>
                    <a:pt x="1124" y="363"/>
                  </a:lnTo>
                  <a:lnTo>
                    <a:pt x="1120" y="346"/>
                  </a:lnTo>
                  <a:lnTo>
                    <a:pt x="1117" y="330"/>
                  </a:lnTo>
                  <a:lnTo>
                    <a:pt x="1114" y="313"/>
                  </a:lnTo>
                  <a:lnTo>
                    <a:pt x="1111" y="297"/>
                  </a:lnTo>
                  <a:lnTo>
                    <a:pt x="1109" y="280"/>
                  </a:lnTo>
                  <a:lnTo>
                    <a:pt x="1107" y="264"/>
                  </a:lnTo>
                  <a:lnTo>
                    <a:pt x="1105" y="231"/>
                  </a:lnTo>
                  <a:lnTo>
                    <a:pt x="1105" y="214"/>
                  </a:lnTo>
                  <a:lnTo>
                    <a:pt x="1105" y="198"/>
                  </a:lnTo>
                  <a:lnTo>
                    <a:pt x="1117" y="204"/>
                  </a:lnTo>
                  <a:lnTo>
                    <a:pt x="1129" y="210"/>
                  </a:lnTo>
                  <a:lnTo>
                    <a:pt x="1153" y="223"/>
                  </a:lnTo>
                  <a:lnTo>
                    <a:pt x="1165" y="231"/>
                  </a:lnTo>
                  <a:lnTo>
                    <a:pt x="1178" y="239"/>
                  </a:lnTo>
                  <a:lnTo>
                    <a:pt x="1191" y="247"/>
                  </a:lnTo>
                  <a:lnTo>
                    <a:pt x="1203" y="256"/>
                  </a:lnTo>
                  <a:lnTo>
                    <a:pt x="1227" y="275"/>
                  </a:lnTo>
                  <a:lnTo>
                    <a:pt x="1239" y="285"/>
                  </a:lnTo>
                  <a:lnTo>
                    <a:pt x="1251" y="295"/>
                  </a:lnTo>
                  <a:lnTo>
                    <a:pt x="1274" y="315"/>
                  </a:lnTo>
                  <a:lnTo>
                    <a:pt x="1296" y="336"/>
                  </a:lnTo>
                  <a:lnTo>
                    <a:pt x="1318" y="358"/>
                  </a:lnTo>
                  <a:lnTo>
                    <a:pt x="1339" y="382"/>
                  </a:lnTo>
                  <a:lnTo>
                    <a:pt x="1347" y="392"/>
                  </a:lnTo>
                  <a:lnTo>
                    <a:pt x="1351" y="397"/>
                  </a:lnTo>
                  <a:lnTo>
                    <a:pt x="1356" y="401"/>
                  </a:lnTo>
                  <a:lnTo>
                    <a:pt x="1363" y="411"/>
                  </a:lnTo>
                  <a:lnTo>
                    <a:pt x="1371" y="420"/>
                  </a:lnTo>
                  <a:lnTo>
                    <a:pt x="1385" y="438"/>
                  </a:lnTo>
                  <a:lnTo>
                    <a:pt x="1371" y="433"/>
                  </a:lnTo>
                  <a:lnTo>
                    <a:pt x="1363" y="431"/>
                  </a:lnTo>
                  <a:lnTo>
                    <a:pt x="1356" y="430"/>
                  </a:lnTo>
                  <a:lnTo>
                    <a:pt x="1351" y="429"/>
                  </a:lnTo>
                  <a:lnTo>
                    <a:pt x="1347" y="428"/>
                  </a:lnTo>
                  <a:lnTo>
                    <a:pt x="1339" y="426"/>
                  </a:lnTo>
                  <a:lnTo>
                    <a:pt x="1327" y="425"/>
                  </a:lnTo>
                  <a:lnTo>
                    <a:pt x="1315" y="425"/>
                  </a:lnTo>
                  <a:lnTo>
                    <a:pt x="1302" y="426"/>
                  </a:lnTo>
                  <a:lnTo>
                    <a:pt x="1289" y="428"/>
                  </a:lnTo>
                  <a:lnTo>
                    <a:pt x="1309" y="460"/>
                  </a:lnTo>
                  <a:lnTo>
                    <a:pt x="1339" y="508"/>
                  </a:lnTo>
                  <a:lnTo>
                    <a:pt x="1356" y="536"/>
                  </a:lnTo>
                  <a:lnTo>
                    <a:pt x="1379" y="571"/>
                  </a:lnTo>
                  <a:lnTo>
                    <a:pt x="1356" y="586"/>
                  </a:lnTo>
                  <a:lnTo>
                    <a:pt x="1339" y="598"/>
                  </a:lnTo>
                  <a:lnTo>
                    <a:pt x="1306" y="544"/>
                  </a:lnTo>
                  <a:lnTo>
                    <a:pt x="1274" y="490"/>
                  </a:lnTo>
                  <a:lnTo>
                    <a:pt x="1211" y="380"/>
                  </a:lnTo>
                  <a:lnTo>
                    <a:pt x="1193" y="380"/>
                  </a:lnTo>
                  <a:lnTo>
                    <a:pt x="1176" y="382"/>
                  </a:lnTo>
                  <a:lnTo>
                    <a:pt x="1190" y="408"/>
                  </a:lnTo>
                  <a:lnTo>
                    <a:pt x="1206" y="435"/>
                  </a:lnTo>
                  <a:lnTo>
                    <a:pt x="1221" y="461"/>
                  </a:lnTo>
                  <a:lnTo>
                    <a:pt x="1236" y="488"/>
                  </a:lnTo>
                  <a:lnTo>
                    <a:pt x="1227" y="511"/>
                  </a:lnTo>
                  <a:lnTo>
                    <a:pt x="1223" y="523"/>
                  </a:lnTo>
                  <a:lnTo>
                    <a:pt x="1219" y="535"/>
                  </a:lnTo>
                  <a:lnTo>
                    <a:pt x="1211" y="559"/>
                  </a:lnTo>
                  <a:lnTo>
                    <a:pt x="1204" y="584"/>
                  </a:lnTo>
                  <a:lnTo>
                    <a:pt x="1190" y="554"/>
                  </a:lnTo>
                  <a:lnTo>
                    <a:pt x="1177" y="523"/>
                  </a:lnTo>
                  <a:lnTo>
                    <a:pt x="1164" y="492"/>
                  </a:lnTo>
                  <a:lnTo>
                    <a:pt x="1158" y="476"/>
                  </a:lnTo>
                  <a:lnTo>
                    <a:pt x="1153" y="460"/>
                  </a:lnTo>
                  <a:close/>
                  <a:moveTo>
                    <a:pt x="1339" y="1483"/>
                  </a:moveTo>
                  <a:lnTo>
                    <a:pt x="1317" y="1483"/>
                  </a:lnTo>
                  <a:lnTo>
                    <a:pt x="1339" y="1457"/>
                  </a:lnTo>
                  <a:lnTo>
                    <a:pt x="1347" y="1449"/>
                  </a:lnTo>
                  <a:lnTo>
                    <a:pt x="1351" y="1446"/>
                  </a:lnTo>
                  <a:lnTo>
                    <a:pt x="1356" y="1443"/>
                  </a:lnTo>
                  <a:lnTo>
                    <a:pt x="1363" y="1438"/>
                  </a:lnTo>
                  <a:lnTo>
                    <a:pt x="1371" y="1433"/>
                  </a:lnTo>
                  <a:lnTo>
                    <a:pt x="1378" y="1429"/>
                  </a:lnTo>
                  <a:lnTo>
                    <a:pt x="1386" y="1425"/>
                  </a:lnTo>
                  <a:lnTo>
                    <a:pt x="1394" y="1422"/>
                  </a:lnTo>
                  <a:lnTo>
                    <a:pt x="1402" y="1419"/>
                  </a:lnTo>
                  <a:lnTo>
                    <a:pt x="1411" y="1416"/>
                  </a:lnTo>
                  <a:lnTo>
                    <a:pt x="1419" y="1414"/>
                  </a:lnTo>
                  <a:lnTo>
                    <a:pt x="1428" y="1413"/>
                  </a:lnTo>
                  <a:lnTo>
                    <a:pt x="1436" y="1412"/>
                  </a:lnTo>
                  <a:lnTo>
                    <a:pt x="1445" y="1412"/>
                  </a:lnTo>
                  <a:lnTo>
                    <a:pt x="1454" y="1412"/>
                  </a:lnTo>
                  <a:lnTo>
                    <a:pt x="1463" y="1412"/>
                  </a:lnTo>
                  <a:lnTo>
                    <a:pt x="1473" y="1414"/>
                  </a:lnTo>
                  <a:lnTo>
                    <a:pt x="1482" y="1416"/>
                  </a:lnTo>
                  <a:lnTo>
                    <a:pt x="1491" y="1418"/>
                  </a:lnTo>
                  <a:lnTo>
                    <a:pt x="1498" y="1420"/>
                  </a:lnTo>
                  <a:lnTo>
                    <a:pt x="1505" y="1422"/>
                  </a:lnTo>
                  <a:lnTo>
                    <a:pt x="1511" y="1425"/>
                  </a:lnTo>
                  <a:lnTo>
                    <a:pt x="1518" y="1428"/>
                  </a:lnTo>
                  <a:lnTo>
                    <a:pt x="1524" y="1431"/>
                  </a:lnTo>
                  <a:lnTo>
                    <a:pt x="1531" y="1435"/>
                  </a:lnTo>
                  <a:lnTo>
                    <a:pt x="1542" y="1443"/>
                  </a:lnTo>
                  <a:lnTo>
                    <a:pt x="1548" y="1447"/>
                  </a:lnTo>
                  <a:lnTo>
                    <a:pt x="1553" y="1452"/>
                  </a:lnTo>
                  <a:lnTo>
                    <a:pt x="1562" y="1461"/>
                  </a:lnTo>
                  <a:lnTo>
                    <a:pt x="1571" y="1472"/>
                  </a:lnTo>
                  <a:lnTo>
                    <a:pt x="1579" y="1483"/>
                  </a:lnTo>
                  <a:lnTo>
                    <a:pt x="1356" y="1483"/>
                  </a:lnTo>
                  <a:lnTo>
                    <a:pt x="1339" y="1483"/>
                  </a:lnTo>
                  <a:close/>
                  <a:moveTo>
                    <a:pt x="1153" y="1368"/>
                  </a:moveTo>
                  <a:lnTo>
                    <a:pt x="1023" y="1430"/>
                  </a:lnTo>
                  <a:lnTo>
                    <a:pt x="1000" y="1443"/>
                  </a:lnTo>
                  <a:lnTo>
                    <a:pt x="1023" y="1382"/>
                  </a:lnTo>
                  <a:lnTo>
                    <a:pt x="1039" y="1347"/>
                  </a:lnTo>
                  <a:lnTo>
                    <a:pt x="1153" y="1290"/>
                  </a:lnTo>
                  <a:lnTo>
                    <a:pt x="1339" y="1200"/>
                  </a:lnTo>
                  <a:lnTo>
                    <a:pt x="1356" y="1191"/>
                  </a:lnTo>
                  <a:lnTo>
                    <a:pt x="1356" y="1196"/>
                  </a:lnTo>
                  <a:lnTo>
                    <a:pt x="1339" y="1228"/>
                  </a:lnTo>
                  <a:lnTo>
                    <a:pt x="1305" y="1294"/>
                  </a:lnTo>
                  <a:lnTo>
                    <a:pt x="1153" y="1368"/>
                  </a:lnTo>
                  <a:close/>
                  <a:moveTo>
                    <a:pt x="1356" y="632"/>
                  </a:moveTo>
                  <a:lnTo>
                    <a:pt x="1354" y="629"/>
                  </a:lnTo>
                  <a:lnTo>
                    <a:pt x="1353" y="628"/>
                  </a:lnTo>
                  <a:lnTo>
                    <a:pt x="1353" y="626"/>
                  </a:lnTo>
                  <a:lnTo>
                    <a:pt x="1395" y="600"/>
                  </a:lnTo>
                  <a:lnTo>
                    <a:pt x="1717" y="1114"/>
                  </a:lnTo>
                  <a:lnTo>
                    <a:pt x="1840" y="1308"/>
                  </a:lnTo>
                  <a:lnTo>
                    <a:pt x="1948" y="1483"/>
                  </a:lnTo>
                  <a:lnTo>
                    <a:pt x="1879" y="1483"/>
                  </a:lnTo>
                  <a:lnTo>
                    <a:pt x="1840" y="1420"/>
                  </a:lnTo>
                  <a:lnTo>
                    <a:pt x="1717" y="1226"/>
                  </a:lnTo>
                  <a:lnTo>
                    <a:pt x="1622" y="1071"/>
                  </a:lnTo>
                  <a:lnTo>
                    <a:pt x="1554" y="962"/>
                  </a:lnTo>
                  <a:lnTo>
                    <a:pt x="1486" y="853"/>
                  </a:lnTo>
                  <a:lnTo>
                    <a:pt x="1454" y="798"/>
                  </a:lnTo>
                  <a:lnTo>
                    <a:pt x="1421" y="743"/>
                  </a:lnTo>
                  <a:lnTo>
                    <a:pt x="1388" y="687"/>
                  </a:lnTo>
                  <a:lnTo>
                    <a:pt x="1356" y="632"/>
                  </a:lnTo>
                  <a:close/>
                  <a:moveTo>
                    <a:pt x="1717" y="977"/>
                  </a:moveTo>
                  <a:lnTo>
                    <a:pt x="1709" y="982"/>
                  </a:lnTo>
                  <a:lnTo>
                    <a:pt x="1700" y="987"/>
                  </a:lnTo>
                  <a:lnTo>
                    <a:pt x="1691" y="991"/>
                  </a:lnTo>
                  <a:lnTo>
                    <a:pt x="1682" y="995"/>
                  </a:lnTo>
                  <a:lnTo>
                    <a:pt x="1652" y="945"/>
                  </a:lnTo>
                  <a:lnTo>
                    <a:pt x="1717" y="913"/>
                  </a:lnTo>
                  <a:lnTo>
                    <a:pt x="1840" y="853"/>
                  </a:lnTo>
                  <a:lnTo>
                    <a:pt x="2004" y="773"/>
                  </a:lnTo>
                  <a:lnTo>
                    <a:pt x="2026" y="820"/>
                  </a:lnTo>
                  <a:lnTo>
                    <a:pt x="1933" y="869"/>
                  </a:lnTo>
                  <a:lnTo>
                    <a:pt x="1840" y="917"/>
                  </a:lnTo>
                  <a:lnTo>
                    <a:pt x="1809" y="933"/>
                  </a:lnTo>
                  <a:lnTo>
                    <a:pt x="1778" y="948"/>
                  </a:lnTo>
                  <a:lnTo>
                    <a:pt x="1717" y="977"/>
                  </a:lnTo>
                  <a:close/>
                  <a:moveTo>
                    <a:pt x="1717" y="453"/>
                  </a:moveTo>
                  <a:lnTo>
                    <a:pt x="1498" y="391"/>
                  </a:lnTo>
                  <a:lnTo>
                    <a:pt x="1502" y="367"/>
                  </a:lnTo>
                  <a:lnTo>
                    <a:pt x="1506" y="345"/>
                  </a:lnTo>
                  <a:lnTo>
                    <a:pt x="1509" y="322"/>
                  </a:lnTo>
                  <a:lnTo>
                    <a:pt x="1512" y="300"/>
                  </a:lnTo>
                  <a:lnTo>
                    <a:pt x="1517" y="255"/>
                  </a:lnTo>
                  <a:lnTo>
                    <a:pt x="1519" y="233"/>
                  </a:lnTo>
                  <a:lnTo>
                    <a:pt x="1520" y="211"/>
                  </a:lnTo>
                  <a:lnTo>
                    <a:pt x="1521" y="188"/>
                  </a:lnTo>
                  <a:lnTo>
                    <a:pt x="1522" y="166"/>
                  </a:lnTo>
                  <a:lnTo>
                    <a:pt x="1522" y="121"/>
                  </a:lnTo>
                  <a:lnTo>
                    <a:pt x="1522" y="77"/>
                  </a:lnTo>
                  <a:lnTo>
                    <a:pt x="1519" y="31"/>
                  </a:lnTo>
                  <a:lnTo>
                    <a:pt x="1524" y="33"/>
                  </a:lnTo>
                  <a:lnTo>
                    <a:pt x="1529" y="35"/>
                  </a:lnTo>
                  <a:lnTo>
                    <a:pt x="1537" y="40"/>
                  </a:lnTo>
                  <a:lnTo>
                    <a:pt x="1540" y="43"/>
                  </a:lnTo>
                  <a:lnTo>
                    <a:pt x="1543" y="47"/>
                  </a:lnTo>
                  <a:lnTo>
                    <a:pt x="1546" y="50"/>
                  </a:lnTo>
                  <a:lnTo>
                    <a:pt x="1548" y="54"/>
                  </a:lnTo>
                  <a:lnTo>
                    <a:pt x="1550" y="58"/>
                  </a:lnTo>
                  <a:lnTo>
                    <a:pt x="1552" y="62"/>
                  </a:lnTo>
                  <a:lnTo>
                    <a:pt x="1553" y="67"/>
                  </a:lnTo>
                  <a:lnTo>
                    <a:pt x="1554" y="71"/>
                  </a:lnTo>
                  <a:lnTo>
                    <a:pt x="1554" y="76"/>
                  </a:lnTo>
                  <a:lnTo>
                    <a:pt x="1554" y="81"/>
                  </a:lnTo>
                  <a:lnTo>
                    <a:pt x="1553" y="85"/>
                  </a:lnTo>
                  <a:lnTo>
                    <a:pt x="1552" y="90"/>
                  </a:lnTo>
                  <a:lnTo>
                    <a:pt x="1551" y="94"/>
                  </a:lnTo>
                  <a:lnTo>
                    <a:pt x="1549" y="98"/>
                  </a:lnTo>
                  <a:lnTo>
                    <a:pt x="1544" y="105"/>
                  </a:lnTo>
                  <a:lnTo>
                    <a:pt x="1538" y="112"/>
                  </a:lnTo>
                  <a:lnTo>
                    <a:pt x="1533" y="118"/>
                  </a:lnTo>
                  <a:lnTo>
                    <a:pt x="1546" y="127"/>
                  </a:lnTo>
                  <a:lnTo>
                    <a:pt x="1552" y="132"/>
                  </a:lnTo>
                  <a:lnTo>
                    <a:pt x="1558" y="137"/>
                  </a:lnTo>
                  <a:lnTo>
                    <a:pt x="1564" y="142"/>
                  </a:lnTo>
                  <a:lnTo>
                    <a:pt x="1570" y="148"/>
                  </a:lnTo>
                  <a:lnTo>
                    <a:pt x="1575" y="153"/>
                  </a:lnTo>
                  <a:lnTo>
                    <a:pt x="1580" y="160"/>
                  </a:lnTo>
                  <a:lnTo>
                    <a:pt x="1584" y="166"/>
                  </a:lnTo>
                  <a:lnTo>
                    <a:pt x="1588" y="173"/>
                  </a:lnTo>
                  <a:lnTo>
                    <a:pt x="1591" y="180"/>
                  </a:lnTo>
                  <a:lnTo>
                    <a:pt x="1593" y="187"/>
                  </a:lnTo>
                  <a:lnTo>
                    <a:pt x="1594" y="195"/>
                  </a:lnTo>
                  <a:lnTo>
                    <a:pt x="1594" y="203"/>
                  </a:lnTo>
                  <a:lnTo>
                    <a:pt x="1594" y="207"/>
                  </a:lnTo>
                  <a:lnTo>
                    <a:pt x="1593" y="211"/>
                  </a:lnTo>
                  <a:lnTo>
                    <a:pt x="1591" y="219"/>
                  </a:lnTo>
                  <a:lnTo>
                    <a:pt x="1590" y="225"/>
                  </a:lnTo>
                  <a:lnTo>
                    <a:pt x="1587" y="230"/>
                  </a:lnTo>
                  <a:lnTo>
                    <a:pt x="1585" y="235"/>
                  </a:lnTo>
                  <a:lnTo>
                    <a:pt x="1582" y="239"/>
                  </a:lnTo>
                  <a:lnTo>
                    <a:pt x="1575" y="247"/>
                  </a:lnTo>
                  <a:lnTo>
                    <a:pt x="1572" y="250"/>
                  </a:lnTo>
                  <a:lnTo>
                    <a:pt x="1568" y="253"/>
                  </a:lnTo>
                  <a:lnTo>
                    <a:pt x="1560" y="259"/>
                  </a:lnTo>
                  <a:lnTo>
                    <a:pt x="1550" y="264"/>
                  </a:lnTo>
                  <a:lnTo>
                    <a:pt x="1541" y="268"/>
                  </a:lnTo>
                  <a:lnTo>
                    <a:pt x="1531" y="273"/>
                  </a:lnTo>
                  <a:lnTo>
                    <a:pt x="1538" y="291"/>
                  </a:lnTo>
                  <a:lnTo>
                    <a:pt x="1541" y="299"/>
                  </a:lnTo>
                  <a:lnTo>
                    <a:pt x="1545" y="308"/>
                  </a:lnTo>
                  <a:lnTo>
                    <a:pt x="1550" y="316"/>
                  </a:lnTo>
                  <a:lnTo>
                    <a:pt x="1554" y="323"/>
                  </a:lnTo>
                  <a:lnTo>
                    <a:pt x="1557" y="327"/>
                  </a:lnTo>
                  <a:lnTo>
                    <a:pt x="1560" y="330"/>
                  </a:lnTo>
                  <a:lnTo>
                    <a:pt x="1565" y="337"/>
                  </a:lnTo>
                  <a:lnTo>
                    <a:pt x="1571" y="344"/>
                  </a:lnTo>
                  <a:lnTo>
                    <a:pt x="1578" y="350"/>
                  </a:lnTo>
                  <a:lnTo>
                    <a:pt x="1585" y="355"/>
                  </a:lnTo>
                  <a:lnTo>
                    <a:pt x="1592" y="360"/>
                  </a:lnTo>
                  <a:lnTo>
                    <a:pt x="1596" y="363"/>
                  </a:lnTo>
                  <a:lnTo>
                    <a:pt x="1601" y="365"/>
                  </a:lnTo>
                  <a:lnTo>
                    <a:pt x="1609" y="369"/>
                  </a:lnTo>
                  <a:lnTo>
                    <a:pt x="1619" y="373"/>
                  </a:lnTo>
                  <a:lnTo>
                    <a:pt x="1629" y="376"/>
                  </a:lnTo>
                  <a:lnTo>
                    <a:pt x="1635" y="378"/>
                  </a:lnTo>
                  <a:lnTo>
                    <a:pt x="1641" y="380"/>
                  </a:lnTo>
                  <a:lnTo>
                    <a:pt x="1647" y="381"/>
                  </a:lnTo>
                  <a:lnTo>
                    <a:pt x="1653" y="382"/>
                  </a:lnTo>
                  <a:lnTo>
                    <a:pt x="1665" y="383"/>
                  </a:lnTo>
                  <a:lnTo>
                    <a:pt x="1676" y="383"/>
                  </a:lnTo>
                  <a:lnTo>
                    <a:pt x="1682" y="382"/>
                  </a:lnTo>
                  <a:lnTo>
                    <a:pt x="1687" y="381"/>
                  </a:lnTo>
                  <a:lnTo>
                    <a:pt x="1698" y="379"/>
                  </a:lnTo>
                  <a:lnTo>
                    <a:pt x="1703" y="378"/>
                  </a:lnTo>
                  <a:lnTo>
                    <a:pt x="1708" y="376"/>
                  </a:lnTo>
                  <a:lnTo>
                    <a:pt x="1713" y="375"/>
                  </a:lnTo>
                  <a:lnTo>
                    <a:pt x="1717" y="373"/>
                  </a:lnTo>
                  <a:lnTo>
                    <a:pt x="1732" y="365"/>
                  </a:lnTo>
                  <a:lnTo>
                    <a:pt x="1739" y="360"/>
                  </a:lnTo>
                  <a:lnTo>
                    <a:pt x="1746" y="356"/>
                  </a:lnTo>
                  <a:lnTo>
                    <a:pt x="1753" y="351"/>
                  </a:lnTo>
                  <a:lnTo>
                    <a:pt x="1760" y="346"/>
                  </a:lnTo>
                  <a:lnTo>
                    <a:pt x="1767" y="340"/>
                  </a:lnTo>
                  <a:lnTo>
                    <a:pt x="1774" y="335"/>
                  </a:lnTo>
                  <a:lnTo>
                    <a:pt x="1758" y="323"/>
                  </a:lnTo>
                  <a:lnTo>
                    <a:pt x="1750" y="316"/>
                  </a:lnTo>
                  <a:lnTo>
                    <a:pt x="1742" y="309"/>
                  </a:lnTo>
                  <a:lnTo>
                    <a:pt x="1735" y="302"/>
                  </a:lnTo>
                  <a:lnTo>
                    <a:pt x="1731" y="298"/>
                  </a:lnTo>
                  <a:lnTo>
                    <a:pt x="1728" y="294"/>
                  </a:lnTo>
                  <a:lnTo>
                    <a:pt x="1725" y="290"/>
                  </a:lnTo>
                  <a:lnTo>
                    <a:pt x="1722" y="285"/>
                  </a:lnTo>
                  <a:lnTo>
                    <a:pt x="1717" y="276"/>
                  </a:lnTo>
                  <a:lnTo>
                    <a:pt x="1716" y="272"/>
                  </a:lnTo>
                  <a:lnTo>
                    <a:pt x="1715" y="268"/>
                  </a:lnTo>
                  <a:lnTo>
                    <a:pt x="1715" y="260"/>
                  </a:lnTo>
                  <a:lnTo>
                    <a:pt x="1715" y="252"/>
                  </a:lnTo>
                  <a:lnTo>
                    <a:pt x="1716" y="248"/>
                  </a:lnTo>
                  <a:lnTo>
                    <a:pt x="1717" y="244"/>
                  </a:lnTo>
                  <a:lnTo>
                    <a:pt x="1721" y="236"/>
                  </a:lnTo>
                  <a:lnTo>
                    <a:pt x="1725" y="230"/>
                  </a:lnTo>
                  <a:lnTo>
                    <a:pt x="1730" y="224"/>
                  </a:lnTo>
                  <a:lnTo>
                    <a:pt x="1736" y="219"/>
                  </a:lnTo>
                  <a:lnTo>
                    <a:pt x="1742" y="214"/>
                  </a:lnTo>
                  <a:lnTo>
                    <a:pt x="1749" y="211"/>
                  </a:lnTo>
                  <a:lnTo>
                    <a:pt x="1756" y="208"/>
                  </a:lnTo>
                  <a:lnTo>
                    <a:pt x="1763" y="205"/>
                  </a:lnTo>
                  <a:lnTo>
                    <a:pt x="1771" y="203"/>
                  </a:lnTo>
                  <a:lnTo>
                    <a:pt x="1779" y="202"/>
                  </a:lnTo>
                  <a:lnTo>
                    <a:pt x="1794" y="200"/>
                  </a:lnTo>
                  <a:lnTo>
                    <a:pt x="1809" y="199"/>
                  </a:lnTo>
                  <a:lnTo>
                    <a:pt x="1824" y="198"/>
                  </a:lnTo>
                  <a:lnTo>
                    <a:pt x="1815" y="184"/>
                  </a:lnTo>
                  <a:lnTo>
                    <a:pt x="1811" y="176"/>
                  </a:lnTo>
                  <a:lnTo>
                    <a:pt x="1808" y="169"/>
                  </a:lnTo>
                  <a:lnTo>
                    <a:pt x="1806" y="161"/>
                  </a:lnTo>
                  <a:lnTo>
                    <a:pt x="1805" y="158"/>
                  </a:lnTo>
                  <a:lnTo>
                    <a:pt x="1804" y="153"/>
                  </a:lnTo>
                  <a:lnTo>
                    <a:pt x="1804" y="145"/>
                  </a:lnTo>
                  <a:lnTo>
                    <a:pt x="1805" y="141"/>
                  </a:lnTo>
                  <a:lnTo>
                    <a:pt x="1806" y="136"/>
                  </a:lnTo>
                  <a:lnTo>
                    <a:pt x="1808" y="130"/>
                  </a:lnTo>
                  <a:lnTo>
                    <a:pt x="1811" y="125"/>
                  </a:lnTo>
                  <a:lnTo>
                    <a:pt x="1815" y="120"/>
                  </a:lnTo>
                  <a:lnTo>
                    <a:pt x="1819" y="115"/>
                  </a:lnTo>
                  <a:lnTo>
                    <a:pt x="1823" y="111"/>
                  </a:lnTo>
                  <a:lnTo>
                    <a:pt x="1828" y="108"/>
                  </a:lnTo>
                  <a:lnTo>
                    <a:pt x="1834" y="105"/>
                  </a:lnTo>
                  <a:lnTo>
                    <a:pt x="1840" y="102"/>
                  </a:lnTo>
                  <a:lnTo>
                    <a:pt x="1846" y="101"/>
                  </a:lnTo>
                  <a:lnTo>
                    <a:pt x="1853" y="100"/>
                  </a:lnTo>
                  <a:lnTo>
                    <a:pt x="1860" y="101"/>
                  </a:lnTo>
                  <a:lnTo>
                    <a:pt x="1864" y="101"/>
                  </a:lnTo>
                  <a:lnTo>
                    <a:pt x="1868" y="102"/>
                  </a:lnTo>
                  <a:lnTo>
                    <a:pt x="1873" y="104"/>
                  </a:lnTo>
                  <a:lnTo>
                    <a:pt x="1877" y="106"/>
                  </a:lnTo>
                  <a:lnTo>
                    <a:pt x="1881" y="108"/>
                  </a:lnTo>
                  <a:lnTo>
                    <a:pt x="1885" y="111"/>
                  </a:lnTo>
                  <a:lnTo>
                    <a:pt x="1889" y="115"/>
                  </a:lnTo>
                  <a:lnTo>
                    <a:pt x="1892" y="118"/>
                  </a:lnTo>
                  <a:lnTo>
                    <a:pt x="1895" y="122"/>
                  </a:lnTo>
                  <a:lnTo>
                    <a:pt x="1897" y="126"/>
                  </a:lnTo>
                  <a:lnTo>
                    <a:pt x="1899" y="130"/>
                  </a:lnTo>
                  <a:lnTo>
                    <a:pt x="1901" y="135"/>
                  </a:lnTo>
                  <a:lnTo>
                    <a:pt x="1902" y="140"/>
                  </a:lnTo>
                  <a:lnTo>
                    <a:pt x="1903" y="145"/>
                  </a:lnTo>
                  <a:lnTo>
                    <a:pt x="1903" y="149"/>
                  </a:lnTo>
                  <a:lnTo>
                    <a:pt x="1903" y="154"/>
                  </a:lnTo>
                  <a:lnTo>
                    <a:pt x="1903" y="159"/>
                  </a:lnTo>
                  <a:lnTo>
                    <a:pt x="1902" y="164"/>
                  </a:lnTo>
                  <a:lnTo>
                    <a:pt x="1898" y="172"/>
                  </a:lnTo>
                  <a:lnTo>
                    <a:pt x="1894" y="179"/>
                  </a:lnTo>
                  <a:lnTo>
                    <a:pt x="1889" y="185"/>
                  </a:lnTo>
                  <a:lnTo>
                    <a:pt x="1883" y="190"/>
                  </a:lnTo>
                  <a:lnTo>
                    <a:pt x="1876" y="195"/>
                  </a:lnTo>
                  <a:lnTo>
                    <a:pt x="1869" y="199"/>
                  </a:lnTo>
                  <a:lnTo>
                    <a:pt x="1854" y="207"/>
                  </a:lnTo>
                  <a:lnTo>
                    <a:pt x="1866" y="215"/>
                  </a:lnTo>
                  <a:lnTo>
                    <a:pt x="1879" y="224"/>
                  </a:lnTo>
                  <a:lnTo>
                    <a:pt x="1885" y="229"/>
                  </a:lnTo>
                  <a:lnTo>
                    <a:pt x="1892" y="234"/>
                  </a:lnTo>
                  <a:lnTo>
                    <a:pt x="1898" y="240"/>
                  </a:lnTo>
                  <a:lnTo>
                    <a:pt x="1903" y="246"/>
                  </a:lnTo>
                  <a:lnTo>
                    <a:pt x="1909" y="252"/>
                  </a:lnTo>
                  <a:lnTo>
                    <a:pt x="1911" y="255"/>
                  </a:lnTo>
                  <a:lnTo>
                    <a:pt x="1913" y="258"/>
                  </a:lnTo>
                  <a:lnTo>
                    <a:pt x="1917" y="265"/>
                  </a:lnTo>
                  <a:lnTo>
                    <a:pt x="1919" y="268"/>
                  </a:lnTo>
                  <a:lnTo>
                    <a:pt x="1920" y="272"/>
                  </a:lnTo>
                  <a:lnTo>
                    <a:pt x="1922" y="279"/>
                  </a:lnTo>
                  <a:lnTo>
                    <a:pt x="1923" y="287"/>
                  </a:lnTo>
                  <a:lnTo>
                    <a:pt x="1923" y="295"/>
                  </a:lnTo>
                  <a:lnTo>
                    <a:pt x="1921" y="303"/>
                  </a:lnTo>
                  <a:lnTo>
                    <a:pt x="1919" y="309"/>
                  </a:lnTo>
                  <a:lnTo>
                    <a:pt x="1917" y="312"/>
                  </a:lnTo>
                  <a:lnTo>
                    <a:pt x="1916" y="315"/>
                  </a:lnTo>
                  <a:lnTo>
                    <a:pt x="1912" y="320"/>
                  </a:lnTo>
                  <a:lnTo>
                    <a:pt x="1908" y="324"/>
                  </a:lnTo>
                  <a:lnTo>
                    <a:pt x="1904" y="328"/>
                  </a:lnTo>
                  <a:lnTo>
                    <a:pt x="1899" y="332"/>
                  </a:lnTo>
                  <a:lnTo>
                    <a:pt x="1894" y="335"/>
                  </a:lnTo>
                  <a:lnTo>
                    <a:pt x="1888" y="337"/>
                  </a:lnTo>
                  <a:lnTo>
                    <a:pt x="1883" y="340"/>
                  </a:lnTo>
                  <a:lnTo>
                    <a:pt x="1877" y="342"/>
                  </a:lnTo>
                  <a:lnTo>
                    <a:pt x="1870" y="343"/>
                  </a:lnTo>
                  <a:lnTo>
                    <a:pt x="1864" y="344"/>
                  </a:lnTo>
                  <a:lnTo>
                    <a:pt x="1852" y="346"/>
                  </a:lnTo>
                  <a:lnTo>
                    <a:pt x="1840" y="347"/>
                  </a:lnTo>
                  <a:lnTo>
                    <a:pt x="1836" y="348"/>
                  </a:lnTo>
                  <a:lnTo>
                    <a:pt x="1832" y="349"/>
                  </a:lnTo>
                  <a:lnTo>
                    <a:pt x="1825" y="349"/>
                  </a:lnTo>
                  <a:lnTo>
                    <a:pt x="1828" y="359"/>
                  </a:lnTo>
                  <a:lnTo>
                    <a:pt x="1832" y="369"/>
                  </a:lnTo>
                  <a:lnTo>
                    <a:pt x="1836" y="379"/>
                  </a:lnTo>
                  <a:lnTo>
                    <a:pt x="1840" y="387"/>
                  </a:lnTo>
                  <a:lnTo>
                    <a:pt x="1846" y="400"/>
                  </a:lnTo>
                  <a:lnTo>
                    <a:pt x="1853" y="412"/>
                  </a:lnTo>
                  <a:lnTo>
                    <a:pt x="1862" y="423"/>
                  </a:lnTo>
                  <a:lnTo>
                    <a:pt x="1866" y="428"/>
                  </a:lnTo>
                  <a:lnTo>
                    <a:pt x="1871" y="433"/>
                  </a:lnTo>
                  <a:lnTo>
                    <a:pt x="1877" y="437"/>
                  </a:lnTo>
                  <a:lnTo>
                    <a:pt x="1882" y="442"/>
                  </a:lnTo>
                  <a:lnTo>
                    <a:pt x="1888" y="446"/>
                  </a:lnTo>
                  <a:lnTo>
                    <a:pt x="1895" y="450"/>
                  </a:lnTo>
                  <a:lnTo>
                    <a:pt x="1902" y="453"/>
                  </a:lnTo>
                  <a:lnTo>
                    <a:pt x="1909" y="456"/>
                  </a:lnTo>
                  <a:lnTo>
                    <a:pt x="1917" y="459"/>
                  </a:lnTo>
                  <a:lnTo>
                    <a:pt x="1925" y="461"/>
                  </a:lnTo>
                  <a:lnTo>
                    <a:pt x="1935" y="464"/>
                  </a:lnTo>
                  <a:lnTo>
                    <a:pt x="1945" y="466"/>
                  </a:lnTo>
                  <a:lnTo>
                    <a:pt x="1954" y="467"/>
                  </a:lnTo>
                  <a:lnTo>
                    <a:pt x="1964" y="467"/>
                  </a:lnTo>
                  <a:lnTo>
                    <a:pt x="1973" y="467"/>
                  </a:lnTo>
                  <a:lnTo>
                    <a:pt x="1982" y="466"/>
                  </a:lnTo>
                  <a:lnTo>
                    <a:pt x="1991" y="465"/>
                  </a:lnTo>
                  <a:lnTo>
                    <a:pt x="1999" y="462"/>
                  </a:lnTo>
                  <a:lnTo>
                    <a:pt x="2008" y="460"/>
                  </a:lnTo>
                  <a:lnTo>
                    <a:pt x="2016" y="456"/>
                  </a:lnTo>
                  <a:lnTo>
                    <a:pt x="2033" y="448"/>
                  </a:lnTo>
                  <a:lnTo>
                    <a:pt x="2041" y="443"/>
                  </a:lnTo>
                  <a:lnTo>
                    <a:pt x="2049" y="438"/>
                  </a:lnTo>
                  <a:lnTo>
                    <a:pt x="2065" y="426"/>
                  </a:lnTo>
                  <a:lnTo>
                    <a:pt x="2058" y="417"/>
                  </a:lnTo>
                  <a:lnTo>
                    <a:pt x="2052" y="409"/>
                  </a:lnTo>
                  <a:lnTo>
                    <a:pt x="2047" y="400"/>
                  </a:lnTo>
                  <a:lnTo>
                    <a:pt x="2044" y="395"/>
                  </a:lnTo>
                  <a:lnTo>
                    <a:pt x="2042" y="390"/>
                  </a:lnTo>
                  <a:lnTo>
                    <a:pt x="2039" y="381"/>
                  </a:lnTo>
                  <a:lnTo>
                    <a:pt x="2037" y="369"/>
                  </a:lnTo>
                  <a:lnTo>
                    <a:pt x="2037" y="364"/>
                  </a:lnTo>
                  <a:lnTo>
                    <a:pt x="2038" y="359"/>
                  </a:lnTo>
                  <a:lnTo>
                    <a:pt x="2038" y="353"/>
                  </a:lnTo>
                  <a:lnTo>
                    <a:pt x="2040" y="347"/>
                  </a:lnTo>
                  <a:lnTo>
                    <a:pt x="2043" y="339"/>
                  </a:lnTo>
                  <a:lnTo>
                    <a:pt x="2047" y="331"/>
                  </a:lnTo>
                  <a:lnTo>
                    <a:pt x="2049" y="328"/>
                  </a:lnTo>
                  <a:lnTo>
                    <a:pt x="2051" y="325"/>
                  </a:lnTo>
                  <a:lnTo>
                    <a:pt x="2056" y="319"/>
                  </a:lnTo>
                  <a:lnTo>
                    <a:pt x="2062" y="314"/>
                  </a:lnTo>
                  <a:lnTo>
                    <a:pt x="2068" y="310"/>
                  </a:lnTo>
                  <a:lnTo>
                    <a:pt x="2074" y="306"/>
                  </a:lnTo>
                  <a:lnTo>
                    <a:pt x="2078" y="305"/>
                  </a:lnTo>
                  <a:lnTo>
                    <a:pt x="2081" y="303"/>
                  </a:lnTo>
                  <a:lnTo>
                    <a:pt x="2088" y="301"/>
                  </a:lnTo>
                  <a:lnTo>
                    <a:pt x="2096" y="299"/>
                  </a:lnTo>
                  <a:lnTo>
                    <a:pt x="2100" y="298"/>
                  </a:lnTo>
                  <a:lnTo>
                    <a:pt x="2104" y="297"/>
                  </a:lnTo>
                  <a:lnTo>
                    <a:pt x="2111" y="296"/>
                  </a:lnTo>
                  <a:lnTo>
                    <a:pt x="2127" y="294"/>
                  </a:lnTo>
                  <a:lnTo>
                    <a:pt x="2144" y="294"/>
                  </a:lnTo>
                  <a:lnTo>
                    <a:pt x="2142" y="285"/>
                  </a:lnTo>
                  <a:lnTo>
                    <a:pt x="2142" y="276"/>
                  </a:lnTo>
                  <a:lnTo>
                    <a:pt x="2142" y="267"/>
                  </a:lnTo>
                  <a:lnTo>
                    <a:pt x="2143" y="263"/>
                  </a:lnTo>
                  <a:lnTo>
                    <a:pt x="2144" y="258"/>
                  </a:lnTo>
                  <a:lnTo>
                    <a:pt x="2145" y="254"/>
                  </a:lnTo>
                  <a:lnTo>
                    <a:pt x="2147" y="250"/>
                  </a:lnTo>
                  <a:lnTo>
                    <a:pt x="2152" y="242"/>
                  </a:lnTo>
                  <a:lnTo>
                    <a:pt x="2159" y="236"/>
                  </a:lnTo>
                  <a:lnTo>
                    <a:pt x="2162" y="233"/>
                  </a:lnTo>
                  <a:lnTo>
                    <a:pt x="2166" y="230"/>
                  </a:lnTo>
                  <a:lnTo>
                    <a:pt x="2170" y="228"/>
                  </a:lnTo>
                  <a:lnTo>
                    <a:pt x="2174" y="227"/>
                  </a:lnTo>
                  <a:lnTo>
                    <a:pt x="2178" y="226"/>
                  </a:lnTo>
                  <a:lnTo>
                    <a:pt x="2183" y="225"/>
                  </a:lnTo>
                  <a:lnTo>
                    <a:pt x="2187" y="225"/>
                  </a:lnTo>
                  <a:lnTo>
                    <a:pt x="2192" y="225"/>
                  </a:lnTo>
                  <a:lnTo>
                    <a:pt x="2196" y="225"/>
                  </a:lnTo>
                  <a:lnTo>
                    <a:pt x="2200" y="226"/>
                  </a:lnTo>
                  <a:lnTo>
                    <a:pt x="2175" y="264"/>
                  </a:lnTo>
                  <a:lnTo>
                    <a:pt x="2151" y="301"/>
                  </a:lnTo>
                  <a:lnTo>
                    <a:pt x="2139" y="320"/>
                  </a:lnTo>
                  <a:lnTo>
                    <a:pt x="2126" y="340"/>
                  </a:lnTo>
                  <a:lnTo>
                    <a:pt x="2104" y="379"/>
                  </a:lnTo>
                  <a:lnTo>
                    <a:pt x="2093" y="399"/>
                  </a:lnTo>
                  <a:lnTo>
                    <a:pt x="2083" y="419"/>
                  </a:lnTo>
                  <a:lnTo>
                    <a:pt x="2073" y="439"/>
                  </a:lnTo>
                  <a:lnTo>
                    <a:pt x="2063" y="459"/>
                  </a:lnTo>
                  <a:lnTo>
                    <a:pt x="2054" y="480"/>
                  </a:lnTo>
                  <a:lnTo>
                    <a:pt x="2045" y="500"/>
                  </a:lnTo>
                  <a:lnTo>
                    <a:pt x="2036" y="522"/>
                  </a:lnTo>
                  <a:lnTo>
                    <a:pt x="2027" y="543"/>
                  </a:lnTo>
                  <a:lnTo>
                    <a:pt x="1840" y="488"/>
                  </a:lnTo>
                  <a:lnTo>
                    <a:pt x="1763" y="467"/>
                  </a:lnTo>
                  <a:lnTo>
                    <a:pt x="1717" y="453"/>
                  </a:lnTo>
                  <a:close/>
                  <a:moveTo>
                    <a:pt x="1717" y="1416"/>
                  </a:moveTo>
                  <a:lnTo>
                    <a:pt x="1714" y="1411"/>
                  </a:lnTo>
                  <a:lnTo>
                    <a:pt x="1717" y="1359"/>
                  </a:lnTo>
                  <a:lnTo>
                    <a:pt x="1723" y="1294"/>
                  </a:lnTo>
                  <a:lnTo>
                    <a:pt x="1840" y="1480"/>
                  </a:lnTo>
                  <a:lnTo>
                    <a:pt x="1760" y="1483"/>
                  </a:lnTo>
                  <a:lnTo>
                    <a:pt x="1717" y="1416"/>
                  </a:lnTo>
                  <a:close/>
                  <a:moveTo>
                    <a:pt x="1840" y="1246"/>
                  </a:moveTo>
                  <a:lnTo>
                    <a:pt x="1827" y="1228"/>
                  </a:lnTo>
                  <a:lnTo>
                    <a:pt x="1840" y="1234"/>
                  </a:lnTo>
                  <a:lnTo>
                    <a:pt x="1935" y="1273"/>
                  </a:lnTo>
                  <a:lnTo>
                    <a:pt x="2066" y="1483"/>
                  </a:lnTo>
                  <a:lnTo>
                    <a:pt x="1987" y="1483"/>
                  </a:lnTo>
                  <a:lnTo>
                    <a:pt x="1840" y="1246"/>
                  </a:lnTo>
                  <a:close/>
                  <a:moveTo>
                    <a:pt x="1023" y="940"/>
                  </a:moveTo>
                  <a:lnTo>
                    <a:pt x="1013" y="943"/>
                  </a:lnTo>
                  <a:lnTo>
                    <a:pt x="1003" y="945"/>
                  </a:lnTo>
                  <a:lnTo>
                    <a:pt x="992" y="946"/>
                  </a:lnTo>
                  <a:lnTo>
                    <a:pt x="981" y="947"/>
                  </a:lnTo>
                  <a:lnTo>
                    <a:pt x="970" y="946"/>
                  </a:lnTo>
                  <a:lnTo>
                    <a:pt x="959" y="945"/>
                  </a:lnTo>
                  <a:lnTo>
                    <a:pt x="948" y="943"/>
                  </a:lnTo>
                  <a:lnTo>
                    <a:pt x="936" y="940"/>
                  </a:lnTo>
                  <a:lnTo>
                    <a:pt x="929" y="938"/>
                  </a:lnTo>
                  <a:lnTo>
                    <a:pt x="921" y="935"/>
                  </a:lnTo>
                  <a:lnTo>
                    <a:pt x="913" y="932"/>
                  </a:lnTo>
                  <a:lnTo>
                    <a:pt x="906" y="929"/>
                  </a:lnTo>
                  <a:lnTo>
                    <a:pt x="900" y="925"/>
                  </a:lnTo>
                  <a:lnTo>
                    <a:pt x="893" y="921"/>
                  </a:lnTo>
                  <a:lnTo>
                    <a:pt x="881" y="912"/>
                  </a:lnTo>
                  <a:lnTo>
                    <a:pt x="875" y="907"/>
                  </a:lnTo>
                  <a:lnTo>
                    <a:pt x="870" y="902"/>
                  </a:lnTo>
                  <a:lnTo>
                    <a:pt x="865" y="897"/>
                  </a:lnTo>
                  <a:lnTo>
                    <a:pt x="860" y="891"/>
                  </a:lnTo>
                  <a:lnTo>
                    <a:pt x="855" y="886"/>
                  </a:lnTo>
                  <a:lnTo>
                    <a:pt x="851" y="880"/>
                  </a:lnTo>
                  <a:lnTo>
                    <a:pt x="847" y="874"/>
                  </a:lnTo>
                  <a:lnTo>
                    <a:pt x="843" y="867"/>
                  </a:lnTo>
                  <a:lnTo>
                    <a:pt x="839" y="861"/>
                  </a:lnTo>
                  <a:lnTo>
                    <a:pt x="836" y="854"/>
                  </a:lnTo>
                  <a:lnTo>
                    <a:pt x="833" y="847"/>
                  </a:lnTo>
                  <a:lnTo>
                    <a:pt x="831" y="840"/>
                  </a:lnTo>
                  <a:lnTo>
                    <a:pt x="829" y="833"/>
                  </a:lnTo>
                  <a:lnTo>
                    <a:pt x="827" y="826"/>
                  </a:lnTo>
                  <a:lnTo>
                    <a:pt x="825" y="819"/>
                  </a:lnTo>
                  <a:lnTo>
                    <a:pt x="824" y="811"/>
                  </a:lnTo>
                  <a:lnTo>
                    <a:pt x="824" y="804"/>
                  </a:lnTo>
                  <a:lnTo>
                    <a:pt x="823" y="796"/>
                  </a:lnTo>
                  <a:lnTo>
                    <a:pt x="823" y="789"/>
                  </a:lnTo>
                  <a:lnTo>
                    <a:pt x="824" y="781"/>
                  </a:lnTo>
                  <a:lnTo>
                    <a:pt x="824" y="773"/>
                  </a:lnTo>
                  <a:lnTo>
                    <a:pt x="825" y="766"/>
                  </a:lnTo>
                  <a:lnTo>
                    <a:pt x="827" y="758"/>
                  </a:lnTo>
                  <a:lnTo>
                    <a:pt x="829" y="750"/>
                  </a:lnTo>
                  <a:lnTo>
                    <a:pt x="834" y="736"/>
                  </a:lnTo>
                  <a:lnTo>
                    <a:pt x="837" y="728"/>
                  </a:lnTo>
                  <a:lnTo>
                    <a:pt x="840" y="721"/>
                  </a:lnTo>
                  <a:lnTo>
                    <a:pt x="844" y="715"/>
                  </a:lnTo>
                  <a:lnTo>
                    <a:pt x="848" y="708"/>
                  </a:lnTo>
                  <a:lnTo>
                    <a:pt x="852" y="702"/>
                  </a:lnTo>
                  <a:lnTo>
                    <a:pt x="857" y="696"/>
                  </a:lnTo>
                  <a:lnTo>
                    <a:pt x="867" y="685"/>
                  </a:lnTo>
                  <a:lnTo>
                    <a:pt x="873" y="680"/>
                  </a:lnTo>
                  <a:lnTo>
                    <a:pt x="878" y="675"/>
                  </a:lnTo>
                  <a:lnTo>
                    <a:pt x="884" y="670"/>
                  </a:lnTo>
                  <a:lnTo>
                    <a:pt x="890" y="666"/>
                  </a:lnTo>
                  <a:lnTo>
                    <a:pt x="896" y="662"/>
                  </a:lnTo>
                  <a:lnTo>
                    <a:pt x="903" y="658"/>
                  </a:lnTo>
                  <a:lnTo>
                    <a:pt x="909" y="655"/>
                  </a:lnTo>
                  <a:lnTo>
                    <a:pt x="917" y="652"/>
                  </a:lnTo>
                  <a:lnTo>
                    <a:pt x="924" y="649"/>
                  </a:lnTo>
                  <a:lnTo>
                    <a:pt x="931" y="647"/>
                  </a:lnTo>
                  <a:lnTo>
                    <a:pt x="938" y="644"/>
                  </a:lnTo>
                  <a:lnTo>
                    <a:pt x="945" y="643"/>
                  </a:lnTo>
                  <a:lnTo>
                    <a:pt x="960" y="640"/>
                  </a:lnTo>
                  <a:lnTo>
                    <a:pt x="968" y="640"/>
                  </a:lnTo>
                  <a:lnTo>
                    <a:pt x="975" y="639"/>
                  </a:lnTo>
                  <a:lnTo>
                    <a:pt x="983" y="639"/>
                  </a:lnTo>
                  <a:lnTo>
                    <a:pt x="991" y="640"/>
                  </a:lnTo>
                  <a:lnTo>
                    <a:pt x="1006" y="642"/>
                  </a:lnTo>
                  <a:lnTo>
                    <a:pt x="1021" y="646"/>
                  </a:lnTo>
                  <a:lnTo>
                    <a:pt x="1029" y="648"/>
                  </a:lnTo>
                  <a:lnTo>
                    <a:pt x="1036" y="651"/>
                  </a:lnTo>
                  <a:lnTo>
                    <a:pt x="1050" y="658"/>
                  </a:lnTo>
                  <a:lnTo>
                    <a:pt x="1063" y="666"/>
                  </a:lnTo>
                  <a:lnTo>
                    <a:pt x="1069" y="670"/>
                  </a:lnTo>
                  <a:lnTo>
                    <a:pt x="1075" y="674"/>
                  </a:lnTo>
                  <a:lnTo>
                    <a:pt x="1086" y="684"/>
                  </a:lnTo>
                  <a:lnTo>
                    <a:pt x="1096" y="695"/>
                  </a:lnTo>
                  <a:lnTo>
                    <a:pt x="1101" y="701"/>
                  </a:lnTo>
                  <a:lnTo>
                    <a:pt x="1105" y="707"/>
                  </a:lnTo>
                  <a:lnTo>
                    <a:pt x="1113" y="719"/>
                  </a:lnTo>
                  <a:lnTo>
                    <a:pt x="1119" y="732"/>
                  </a:lnTo>
                  <a:lnTo>
                    <a:pt x="1122" y="739"/>
                  </a:lnTo>
                  <a:lnTo>
                    <a:pt x="1124" y="746"/>
                  </a:lnTo>
                  <a:lnTo>
                    <a:pt x="1128" y="760"/>
                  </a:lnTo>
                  <a:lnTo>
                    <a:pt x="1130" y="768"/>
                  </a:lnTo>
                  <a:lnTo>
                    <a:pt x="1131" y="775"/>
                  </a:lnTo>
                  <a:lnTo>
                    <a:pt x="1132" y="782"/>
                  </a:lnTo>
                  <a:lnTo>
                    <a:pt x="1132" y="790"/>
                  </a:lnTo>
                  <a:lnTo>
                    <a:pt x="1132" y="797"/>
                  </a:lnTo>
                  <a:lnTo>
                    <a:pt x="1131" y="805"/>
                  </a:lnTo>
                  <a:lnTo>
                    <a:pt x="1131" y="813"/>
                  </a:lnTo>
                  <a:lnTo>
                    <a:pt x="1129" y="820"/>
                  </a:lnTo>
                  <a:lnTo>
                    <a:pt x="1128" y="828"/>
                  </a:lnTo>
                  <a:lnTo>
                    <a:pt x="1126" y="835"/>
                  </a:lnTo>
                  <a:lnTo>
                    <a:pt x="1123" y="845"/>
                  </a:lnTo>
                  <a:lnTo>
                    <a:pt x="1119" y="854"/>
                  </a:lnTo>
                  <a:lnTo>
                    <a:pt x="1115" y="863"/>
                  </a:lnTo>
                  <a:lnTo>
                    <a:pt x="1111" y="871"/>
                  </a:lnTo>
                  <a:lnTo>
                    <a:pt x="1108" y="875"/>
                  </a:lnTo>
                  <a:lnTo>
                    <a:pt x="1105" y="879"/>
                  </a:lnTo>
                  <a:lnTo>
                    <a:pt x="1100" y="887"/>
                  </a:lnTo>
                  <a:lnTo>
                    <a:pt x="1094" y="894"/>
                  </a:lnTo>
                  <a:lnTo>
                    <a:pt x="1087" y="901"/>
                  </a:lnTo>
                  <a:lnTo>
                    <a:pt x="1080" y="908"/>
                  </a:lnTo>
                  <a:lnTo>
                    <a:pt x="1073" y="914"/>
                  </a:lnTo>
                  <a:lnTo>
                    <a:pt x="1065" y="919"/>
                  </a:lnTo>
                  <a:lnTo>
                    <a:pt x="1057" y="924"/>
                  </a:lnTo>
                  <a:lnTo>
                    <a:pt x="1049" y="929"/>
                  </a:lnTo>
                  <a:lnTo>
                    <a:pt x="1041" y="933"/>
                  </a:lnTo>
                  <a:lnTo>
                    <a:pt x="1032" y="937"/>
                  </a:lnTo>
                  <a:lnTo>
                    <a:pt x="1023" y="940"/>
                  </a:lnTo>
                  <a:close/>
                  <a:moveTo>
                    <a:pt x="2250" y="1313"/>
                  </a:moveTo>
                  <a:lnTo>
                    <a:pt x="2241" y="1313"/>
                  </a:lnTo>
                  <a:lnTo>
                    <a:pt x="2232" y="1312"/>
                  </a:lnTo>
                  <a:lnTo>
                    <a:pt x="2223" y="1310"/>
                  </a:lnTo>
                  <a:lnTo>
                    <a:pt x="2215" y="1308"/>
                  </a:lnTo>
                  <a:lnTo>
                    <a:pt x="2207" y="1306"/>
                  </a:lnTo>
                  <a:lnTo>
                    <a:pt x="2200" y="1303"/>
                  </a:lnTo>
                  <a:lnTo>
                    <a:pt x="2193" y="1300"/>
                  </a:lnTo>
                  <a:lnTo>
                    <a:pt x="2186" y="1297"/>
                  </a:lnTo>
                  <a:lnTo>
                    <a:pt x="2179" y="1293"/>
                  </a:lnTo>
                  <a:lnTo>
                    <a:pt x="2172" y="1289"/>
                  </a:lnTo>
                  <a:lnTo>
                    <a:pt x="2160" y="1280"/>
                  </a:lnTo>
                  <a:lnTo>
                    <a:pt x="2155" y="1275"/>
                  </a:lnTo>
                  <a:lnTo>
                    <a:pt x="2149" y="1270"/>
                  </a:lnTo>
                  <a:lnTo>
                    <a:pt x="2144" y="1265"/>
                  </a:lnTo>
                  <a:lnTo>
                    <a:pt x="2139" y="1259"/>
                  </a:lnTo>
                  <a:lnTo>
                    <a:pt x="2133" y="1253"/>
                  </a:lnTo>
                  <a:lnTo>
                    <a:pt x="2129" y="1247"/>
                  </a:lnTo>
                  <a:lnTo>
                    <a:pt x="2125" y="1241"/>
                  </a:lnTo>
                  <a:lnTo>
                    <a:pt x="2121" y="1235"/>
                  </a:lnTo>
                  <a:lnTo>
                    <a:pt x="2118" y="1228"/>
                  </a:lnTo>
                  <a:lnTo>
                    <a:pt x="2115" y="1222"/>
                  </a:lnTo>
                  <a:lnTo>
                    <a:pt x="2112" y="1215"/>
                  </a:lnTo>
                  <a:lnTo>
                    <a:pt x="2109" y="1208"/>
                  </a:lnTo>
                  <a:lnTo>
                    <a:pt x="2107" y="1201"/>
                  </a:lnTo>
                  <a:lnTo>
                    <a:pt x="2105" y="1193"/>
                  </a:lnTo>
                  <a:lnTo>
                    <a:pt x="2104" y="1186"/>
                  </a:lnTo>
                  <a:lnTo>
                    <a:pt x="2103" y="1178"/>
                  </a:lnTo>
                  <a:lnTo>
                    <a:pt x="2102" y="1171"/>
                  </a:lnTo>
                  <a:lnTo>
                    <a:pt x="2101" y="1163"/>
                  </a:lnTo>
                  <a:lnTo>
                    <a:pt x="2101" y="1155"/>
                  </a:lnTo>
                  <a:lnTo>
                    <a:pt x="2102" y="1148"/>
                  </a:lnTo>
                  <a:lnTo>
                    <a:pt x="2103" y="1140"/>
                  </a:lnTo>
                  <a:lnTo>
                    <a:pt x="2104" y="1132"/>
                  </a:lnTo>
                  <a:lnTo>
                    <a:pt x="2105" y="1124"/>
                  </a:lnTo>
                  <a:lnTo>
                    <a:pt x="2107" y="1116"/>
                  </a:lnTo>
                  <a:lnTo>
                    <a:pt x="2111" y="1104"/>
                  </a:lnTo>
                  <a:lnTo>
                    <a:pt x="2116" y="1093"/>
                  </a:lnTo>
                  <a:lnTo>
                    <a:pt x="2122" y="1082"/>
                  </a:lnTo>
                  <a:lnTo>
                    <a:pt x="2128" y="1072"/>
                  </a:lnTo>
                  <a:lnTo>
                    <a:pt x="2136" y="1063"/>
                  </a:lnTo>
                  <a:lnTo>
                    <a:pt x="2144" y="1054"/>
                  </a:lnTo>
                  <a:lnTo>
                    <a:pt x="2153" y="1046"/>
                  </a:lnTo>
                  <a:lnTo>
                    <a:pt x="2162" y="1038"/>
                  </a:lnTo>
                  <a:lnTo>
                    <a:pt x="2167" y="1035"/>
                  </a:lnTo>
                  <a:lnTo>
                    <a:pt x="2171" y="1031"/>
                  </a:lnTo>
                  <a:lnTo>
                    <a:pt x="2181" y="1025"/>
                  </a:lnTo>
                  <a:lnTo>
                    <a:pt x="2192" y="1020"/>
                  </a:lnTo>
                  <a:lnTo>
                    <a:pt x="2197" y="1018"/>
                  </a:lnTo>
                  <a:lnTo>
                    <a:pt x="2203" y="1015"/>
                  </a:lnTo>
                  <a:lnTo>
                    <a:pt x="2214" y="1012"/>
                  </a:lnTo>
                  <a:lnTo>
                    <a:pt x="2226" y="1009"/>
                  </a:lnTo>
                  <a:lnTo>
                    <a:pt x="2238" y="1007"/>
                  </a:lnTo>
                  <a:lnTo>
                    <a:pt x="2244" y="1006"/>
                  </a:lnTo>
                  <a:lnTo>
                    <a:pt x="2250" y="1006"/>
                  </a:lnTo>
                  <a:lnTo>
                    <a:pt x="2262" y="1005"/>
                  </a:lnTo>
                  <a:lnTo>
                    <a:pt x="2274" y="1006"/>
                  </a:lnTo>
                  <a:lnTo>
                    <a:pt x="2280" y="1006"/>
                  </a:lnTo>
                  <a:lnTo>
                    <a:pt x="2287" y="1008"/>
                  </a:lnTo>
                  <a:lnTo>
                    <a:pt x="2300" y="1011"/>
                  </a:lnTo>
                  <a:lnTo>
                    <a:pt x="2315" y="1016"/>
                  </a:lnTo>
                  <a:lnTo>
                    <a:pt x="2322" y="1019"/>
                  </a:lnTo>
                  <a:lnTo>
                    <a:pt x="2328" y="1022"/>
                  </a:lnTo>
                  <a:lnTo>
                    <a:pt x="2335" y="1026"/>
                  </a:lnTo>
                  <a:lnTo>
                    <a:pt x="2342" y="1030"/>
                  </a:lnTo>
                  <a:lnTo>
                    <a:pt x="2348" y="1035"/>
                  </a:lnTo>
                  <a:lnTo>
                    <a:pt x="2354" y="1039"/>
                  </a:lnTo>
                  <a:lnTo>
                    <a:pt x="2365" y="1049"/>
                  </a:lnTo>
                  <a:lnTo>
                    <a:pt x="2375" y="1060"/>
                  </a:lnTo>
                  <a:lnTo>
                    <a:pt x="2379" y="1066"/>
                  </a:lnTo>
                  <a:lnTo>
                    <a:pt x="2383" y="1072"/>
                  </a:lnTo>
                  <a:lnTo>
                    <a:pt x="2391" y="1085"/>
                  </a:lnTo>
                  <a:lnTo>
                    <a:pt x="2398" y="1098"/>
                  </a:lnTo>
                  <a:lnTo>
                    <a:pt x="2403" y="1112"/>
                  </a:lnTo>
                  <a:lnTo>
                    <a:pt x="2407" y="1127"/>
                  </a:lnTo>
                  <a:lnTo>
                    <a:pt x="2408" y="1134"/>
                  </a:lnTo>
                  <a:lnTo>
                    <a:pt x="2409" y="1142"/>
                  </a:lnTo>
                  <a:lnTo>
                    <a:pt x="2410" y="1149"/>
                  </a:lnTo>
                  <a:lnTo>
                    <a:pt x="2410" y="1156"/>
                  </a:lnTo>
                  <a:lnTo>
                    <a:pt x="2410" y="1164"/>
                  </a:lnTo>
                  <a:lnTo>
                    <a:pt x="2410" y="1172"/>
                  </a:lnTo>
                  <a:lnTo>
                    <a:pt x="2409" y="1179"/>
                  </a:lnTo>
                  <a:lnTo>
                    <a:pt x="2408" y="1187"/>
                  </a:lnTo>
                  <a:lnTo>
                    <a:pt x="2406" y="1194"/>
                  </a:lnTo>
                  <a:lnTo>
                    <a:pt x="2404" y="1202"/>
                  </a:lnTo>
                  <a:lnTo>
                    <a:pt x="2402" y="1208"/>
                  </a:lnTo>
                  <a:lnTo>
                    <a:pt x="2400" y="1215"/>
                  </a:lnTo>
                  <a:lnTo>
                    <a:pt x="2398" y="1221"/>
                  </a:lnTo>
                  <a:lnTo>
                    <a:pt x="2395" y="1227"/>
                  </a:lnTo>
                  <a:lnTo>
                    <a:pt x="2389" y="1239"/>
                  </a:lnTo>
                  <a:lnTo>
                    <a:pt x="2382" y="1250"/>
                  </a:lnTo>
                  <a:lnTo>
                    <a:pt x="2378" y="1255"/>
                  </a:lnTo>
                  <a:lnTo>
                    <a:pt x="2374" y="1260"/>
                  </a:lnTo>
                  <a:lnTo>
                    <a:pt x="2365" y="1269"/>
                  </a:lnTo>
                  <a:lnTo>
                    <a:pt x="2356" y="1278"/>
                  </a:lnTo>
                  <a:lnTo>
                    <a:pt x="2346" y="1285"/>
                  </a:lnTo>
                  <a:lnTo>
                    <a:pt x="2335" y="1292"/>
                  </a:lnTo>
                  <a:lnTo>
                    <a:pt x="2330" y="1295"/>
                  </a:lnTo>
                  <a:lnTo>
                    <a:pt x="2324" y="1298"/>
                  </a:lnTo>
                  <a:lnTo>
                    <a:pt x="2312" y="1303"/>
                  </a:lnTo>
                  <a:lnTo>
                    <a:pt x="2307" y="1305"/>
                  </a:lnTo>
                  <a:lnTo>
                    <a:pt x="2301" y="1307"/>
                  </a:lnTo>
                  <a:lnTo>
                    <a:pt x="2288" y="1310"/>
                  </a:lnTo>
                  <a:lnTo>
                    <a:pt x="2276" y="1312"/>
                  </a:lnTo>
                  <a:lnTo>
                    <a:pt x="2263" y="1313"/>
                  </a:lnTo>
                  <a:lnTo>
                    <a:pt x="2250" y="1313"/>
                  </a:lnTo>
                  <a:close/>
                  <a:moveTo>
                    <a:pt x="1023" y="612"/>
                  </a:moveTo>
                  <a:lnTo>
                    <a:pt x="1005" y="608"/>
                  </a:lnTo>
                  <a:lnTo>
                    <a:pt x="996" y="607"/>
                  </a:lnTo>
                  <a:lnTo>
                    <a:pt x="987" y="607"/>
                  </a:lnTo>
                  <a:lnTo>
                    <a:pt x="969" y="607"/>
                  </a:lnTo>
                  <a:lnTo>
                    <a:pt x="960" y="607"/>
                  </a:lnTo>
                  <a:lnTo>
                    <a:pt x="952" y="608"/>
                  </a:lnTo>
                  <a:lnTo>
                    <a:pt x="943" y="610"/>
                  </a:lnTo>
                  <a:lnTo>
                    <a:pt x="934" y="612"/>
                  </a:lnTo>
                  <a:lnTo>
                    <a:pt x="926" y="614"/>
                  </a:lnTo>
                  <a:lnTo>
                    <a:pt x="917" y="616"/>
                  </a:lnTo>
                  <a:lnTo>
                    <a:pt x="908" y="620"/>
                  </a:lnTo>
                  <a:lnTo>
                    <a:pt x="900" y="623"/>
                  </a:lnTo>
                  <a:lnTo>
                    <a:pt x="892" y="627"/>
                  </a:lnTo>
                  <a:lnTo>
                    <a:pt x="885" y="631"/>
                  </a:lnTo>
                  <a:lnTo>
                    <a:pt x="877" y="636"/>
                  </a:lnTo>
                  <a:lnTo>
                    <a:pt x="870" y="640"/>
                  </a:lnTo>
                  <a:lnTo>
                    <a:pt x="863" y="646"/>
                  </a:lnTo>
                  <a:lnTo>
                    <a:pt x="856" y="651"/>
                  </a:lnTo>
                  <a:lnTo>
                    <a:pt x="849" y="657"/>
                  </a:lnTo>
                  <a:lnTo>
                    <a:pt x="843" y="663"/>
                  </a:lnTo>
                  <a:lnTo>
                    <a:pt x="831" y="677"/>
                  </a:lnTo>
                  <a:lnTo>
                    <a:pt x="826" y="684"/>
                  </a:lnTo>
                  <a:lnTo>
                    <a:pt x="821" y="691"/>
                  </a:lnTo>
                  <a:lnTo>
                    <a:pt x="816" y="699"/>
                  </a:lnTo>
                  <a:lnTo>
                    <a:pt x="812" y="707"/>
                  </a:lnTo>
                  <a:lnTo>
                    <a:pt x="808" y="715"/>
                  </a:lnTo>
                  <a:lnTo>
                    <a:pt x="805" y="724"/>
                  </a:lnTo>
                  <a:lnTo>
                    <a:pt x="802" y="733"/>
                  </a:lnTo>
                  <a:lnTo>
                    <a:pt x="799" y="742"/>
                  </a:lnTo>
                  <a:lnTo>
                    <a:pt x="796" y="751"/>
                  </a:lnTo>
                  <a:lnTo>
                    <a:pt x="794" y="760"/>
                  </a:lnTo>
                  <a:lnTo>
                    <a:pt x="793" y="769"/>
                  </a:lnTo>
                  <a:lnTo>
                    <a:pt x="792" y="779"/>
                  </a:lnTo>
                  <a:lnTo>
                    <a:pt x="792" y="788"/>
                  </a:lnTo>
                  <a:lnTo>
                    <a:pt x="792" y="797"/>
                  </a:lnTo>
                  <a:lnTo>
                    <a:pt x="792" y="806"/>
                  </a:lnTo>
                  <a:lnTo>
                    <a:pt x="793" y="815"/>
                  </a:lnTo>
                  <a:lnTo>
                    <a:pt x="794" y="824"/>
                  </a:lnTo>
                  <a:lnTo>
                    <a:pt x="796" y="833"/>
                  </a:lnTo>
                  <a:lnTo>
                    <a:pt x="798" y="842"/>
                  </a:lnTo>
                  <a:lnTo>
                    <a:pt x="801" y="851"/>
                  </a:lnTo>
                  <a:lnTo>
                    <a:pt x="804" y="859"/>
                  </a:lnTo>
                  <a:lnTo>
                    <a:pt x="807" y="867"/>
                  </a:lnTo>
                  <a:lnTo>
                    <a:pt x="811" y="875"/>
                  </a:lnTo>
                  <a:lnTo>
                    <a:pt x="815" y="883"/>
                  </a:lnTo>
                  <a:lnTo>
                    <a:pt x="819" y="891"/>
                  </a:lnTo>
                  <a:lnTo>
                    <a:pt x="824" y="899"/>
                  </a:lnTo>
                  <a:lnTo>
                    <a:pt x="829" y="906"/>
                  </a:lnTo>
                  <a:lnTo>
                    <a:pt x="835" y="913"/>
                  </a:lnTo>
                  <a:lnTo>
                    <a:pt x="841" y="920"/>
                  </a:lnTo>
                  <a:lnTo>
                    <a:pt x="847" y="926"/>
                  </a:lnTo>
                  <a:lnTo>
                    <a:pt x="854" y="932"/>
                  </a:lnTo>
                  <a:lnTo>
                    <a:pt x="861" y="938"/>
                  </a:lnTo>
                  <a:lnTo>
                    <a:pt x="875" y="949"/>
                  </a:lnTo>
                  <a:lnTo>
                    <a:pt x="883" y="954"/>
                  </a:lnTo>
                  <a:lnTo>
                    <a:pt x="891" y="958"/>
                  </a:lnTo>
                  <a:lnTo>
                    <a:pt x="900" y="962"/>
                  </a:lnTo>
                  <a:lnTo>
                    <a:pt x="908" y="966"/>
                  </a:lnTo>
                  <a:lnTo>
                    <a:pt x="918" y="969"/>
                  </a:lnTo>
                  <a:lnTo>
                    <a:pt x="927" y="972"/>
                  </a:lnTo>
                  <a:lnTo>
                    <a:pt x="939" y="975"/>
                  </a:lnTo>
                  <a:lnTo>
                    <a:pt x="952" y="977"/>
                  </a:lnTo>
                  <a:lnTo>
                    <a:pt x="964" y="978"/>
                  </a:lnTo>
                  <a:lnTo>
                    <a:pt x="976" y="979"/>
                  </a:lnTo>
                  <a:lnTo>
                    <a:pt x="988" y="979"/>
                  </a:lnTo>
                  <a:lnTo>
                    <a:pt x="1000" y="978"/>
                  </a:lnTo>
                  <a:lnTo>
                    <a:pt x="1012" y="976"/>
                  </a:lnTo>
                  <a:lnTo>
                    <a:pt x="1023" y="974"/>
                  </a:lnTo>
                  <a:lnTo>
                    <a:pt x="1034" y="971"/>
                  </a:lnTo>
                  <a:lnTo>
                    <a:pt x="1045" y="967"/>
                  </a:lnTo>
                  <a:lnTo>
                    <a:pt x="1055" y="963"/>
                  </a:lnTo>
                  <a:lnTo>
                    <a:pt x="1065" y="958"/>
                  </a:lnTo>
                  <a:lnTo>
                    <a:pt x="1074" y="953"/>
                  </a:lnTo>
                  <a:lnTo>
                    <a:pt x="1084" y="946"/>
                  </a:lnTo>
                  <a:lnTo>
                    <a:pt x="1093" y="940"/>
                  </a:lnTo>
                  <a:lnTo>
                    <a:pt x="1101" y="933"/>
                  </a:lnTo>
                  <a:lnTo>
                    <a:pt x="1109" y="925"/>
                  </a:lnTo>
                  <a:lnTo>
                    <a:pt x="1117" y="917"/>
                  </a:lnTo>
                  <a:lnTo>
                    <a:pt x="1124" y="908"/>
                  </a:lnTo>
                  <a:lnTo>
                    <a:pt x="1131" y="899"/>
                  </a:lnTo>
                  <a:lnTo>
                    <a:pt x="1137" y="890"/>
                  </a:lnTo>
                  <a:lnTo>
                    <a:pt x="1143" y="880"/>
                  </a:lnTo>
                  <a:lnTo>
                    <a:pt x="1148" y="869"/>
                  </a:lnTo>
                  <a:lnTo>
                    <a:pt x="1150" y="864"/>
                  </a:lnTo>
                  <a:lnTo>
                    <a:pt x="1153" y="859"/>
                  </a:lnTo>
                  <a:lnTo>
                    <a:pt x="1155" y="852"/>
                  </a:lnTo>
                  <a:lnTo>
                    <a:pt x="1158" y="844"/>
                  </a:lnTo>
                  <a:lnTo>
                    <a:pt x="1161" y="829"/>
                  </a:lnTo>
                  <a:lnTo>
                    <a:pt x="1164" y="814"/>
                  </a:lnTo>
                  <a:lnTo>
                    <a:pt x="1164" y="806"/>
                  </a:lnTo>
                  <a:lnTo>
                    <a:pt x="1165" y="799"/>
                  </a:lnTo>
                  <a:lnTo>
                    <a:pt x="1165" y="784"/>
                  </a:lnTo>
                  <a:lnTo>
                    <a:pt x="1163" y="769"/>
                  </a:lnTo>
                  <a:lnTo>
                    <a:pt x="1162" y="762"/>
                  </a:lnTo>
                  <a:lnTo>
                    <a:pt x="1161" y="755"/>
                  </a:lnTo>
                  <a:lnTo>
                    <a:pt x="1157" y="741"/>
                  </a:lnTo>
                  <a:lnTo>
                    <a:pt x="1153" y="727"/>
                  </a:lnTo>
                  <a:lnTo>
                    <a:pt x="1148" y="717"/>
                  </a:lnTo>
                  <a:lnTo>
                    <a:pt x="1144" y="708"/>
                  </a:lnTo>
                  <a:lnTo>
                    <a:pt x="1138" y="699"/>
                  </a:lnTo>
                  <a:lnTo>
                    <a:pt x="1133" y="689"/>
                  </a:lnTo>
                  <a:lnTo>
                    <a:pt x="1127" y="681"/>
                  </a:lnTo>
                  <a:lnTo>
                    <a:pt x="1120" y="672"/>
                  </a:lnTo>
                  <a:lnTo>
                    <a:pt x="1113" y="664"/>
                  </a:lnTo>
                  <a:lnTo>
                    <a:pt x="1105" y="657"/>
                  </a:lnTo>
                  <a:lnTo>
                    <a:pt x="1097" y="650"/>
                  </a:lnTo>
                  <a:lnTo>
                    <a:pt x="1089" y="643"/>
                  </a:lnTo>
                  <a:lnTo>
                    <a:pt x="1080" y="637"/>
                  </a:lnTo>
                  <a:lnTo>
                    <a:pt x="1071" y="631"/>
                  </a:lnTo>
                  <a:lnTo>
                    <a:pt x="1061" y="626"/>
                  </a:lnTo>
                  <a:lnTo>
                    <a:pt x="1056" y="623"/>
                  </a:lnTo>
                  <a:lnTo>
                    <a:pt x="1051" y="621"/>
                  </a:lnTo>
                  <a:lnTo>
                    <a:pt x="1041" y="617"/>
                  </a:lnTo>
                  <a:lnTo>
                    <a:pt x="1030" y="614"/>
                  </a:lnTo>
                  <a:lnTo>
                    <a:pt x="1029" y="614"/>
                  </a:lnTo>
                  <a:lnTo>
                    <a:pt x="1027" y="613"/>
                  </a:lnTo>
                  <a:lnTo>
                    <a:pt x="1025" y="612"/>
                  </a:lnTo>
                  <a:lnTo>
                    <a:pt x="1023" y="612"/>
                  </a:lnTo>
                  <a:close/>
                  <a:moveTo>
                    <a:pt x="1023" y="1103"/>
                  </a:moveTo>
                  <a:lnTo>
                    <a:pt x="767" y="1230"/>
                  </a:lnTo>
                  <a:lnTo>
                    <a:pt x="882" y="1251"/>
                  </a:lnTo>
                  <a:lnTo>
                    <a:pt x="935" y="1260"/>
                  </a:lnTo>
                  <a:lnTo>
                    <a:pt x="808" y="1320"/>
                  </a:lnTo>
                  <a:lnTo>
                    <a:pt x="863" y="1432"/>
                  </a:lnTo>
                  <a:lnTo>
                    <a:pt x="995" y="1368"/>
                  </a:lnTo>
                  <a:lnTo>
                    <a:pt x="949" y="1483"/>
                  </a:lnTo>
                  <a:lnTo>
                    <a:pt x="793" y="1483"/>
                  </a:lnTo>
                  <a:lnTo>
                    <a:pt x="779" y="1461"/>
                  </a:lnTo>
                  <a:lnTo>
                    <a:pt x="765" y="1438"/>
                  </a:lnTo>
                  <a:lnTo>
                    <a:pt x="751" y="1415"/>
                  </a:lnTo>
                  <a:lnTo>
                    <a:pt x="745" y="1403"/>
                  </a:lnTo>
                  <a:lnTo>
                    <a:pt x="738" y="1391"/>
                  </a:lnTo>
                  <a:lnTo>
                    <a:pt x="726" y="1367"/>
                  </a:lnTo>
                  <a:lnTo>
                    <a:pt x="715" y="1342"/>
                  </a:lnTo>
                  <a:lnTo>
                    <a:pt x="704" y="1318"/>
                  </a:lnTo>
                  <a:lnTo>
                    <a:pt x="693" y="1293"/>
                  </a:lnTo>
                  <a:lnTo>
                    <a:pt x="684" y="1268"/>
                  </a:lnTo>
                  <a:lnTo>
                    <a:pt x="675" y="1242"/>
                  </a:lnTo>
                  <a:lnTo>
                    <a:pt x="671" y="1229"/>
                  </a:lnTo>
                  <a:lnTo>
                    <a:pt x="667" y="1216"/>
                  </a:lnTo>
                  <a:lnTo>
                    <a:pt x="659" y="1190"/>
                  </a:lnTo>
                  <a:lnTo>
                    <a:pt x="652" y="1164"/>
                  </a:lnTo>
                  <a:lnTo>
                    <a:pt x="646" y="1138"/>
                  </a:lnTo>
                  <a:lnTo>
                    <a:pt x="640" y="1110"/>
                  </a:lnTo>
                  <a:lnTo>
                    <a:pt x="635" y="1083"/>
                  </a:lnTo>
                  <a:lnTo>
                    <a:pt x="631" y="1056"/>
                  </a:lnTo>
                  <a:lnTo>
                    <a:pt x="628" y="1029"/>
                  </a:lnTo>
                  <a:lnTo>
                    <a:pt x="625" y="1002"/>
                  </a:lnTo>
                  <a:lnTo>
                    <a:pt x="623" y="975"/>
                  </a:lnTo>
                  <a:lnTo>
                    <a:pt x="622" y="947"/>
                  </a:lnTo>
                  <a:lnTo>
                    <a:pt x="622" y="920"/>
                  </a:lnTo>
                  <a:lnTo>
                    <a:pt x="622" y="892"/>
                  </a:lnTo>
                  <a:lnTo>
                    <a:pt x="623" y="864"/>
                  </a:lnTo>
                  <a:lnTo>
                    <a:pt x="625" y="836"/>
                  </a:lnTo>
                  <a:lnTo>
                    <a:pt x="628" y="808"/>
                  </a:lnTo>
                  <a:lnTo>
                    <a:pt x="631" y="780"/>
                  </a:lnTo>
                  <a:lnTo>
                    <a:pt x="635" y="752"/>
                  </a:lnTo>
                  <a:lnTo>
                    <a:pt x="640" y="724"/>
                  </a:lnTo>
                  <a:lnTo>
                    <a:pt x="646" y="696"/>
                  </a:lnTo>
                  <a:lnTo>
                    <a:pt x="653" y="668"/>
                  </a:lnTo>
                  <a:lnTo>
                    <a:pt x="661" y="640"/>
                  </a:lnTo>
                  <a:lnTo>
                    <a:pt x="667" y="620"/>
                  </a:lnTo>
                  <a:lnTo>
                    <a:pt x="673" y="600"/>
                  </a:lnTo>
                  <a:lnTo>
                    <a:pt x="680" y="580"/>
                  </a:lnTo>
                  <a:lnTo>
                    <a:pt x="687" y="561"/>
                  </a:lnTo>
                  <a:lnTo>
                    <a:pt x="695" y="541"/>
                  </a:lnTo>
                  <a:lnTo>
                    <a:pt x="703" y="522"/>
                  </a:lnTo>
                  <a:lnTo>
                    <a:pt x="720" y="484"/>
                  </a:lnTo>
                  <a:lnTo>
                    <a:pt x="729" y="466"/>
                  </a:lnTo>
                  <a:lnTo>
                    <a:pt x="739" y="447"/>
                  </a:lnTo>
                  <a:lnTo>
                    <a:pt x="759" y="412"/>
                  </a:lnTo>
                  <a:lnTo>
                    <a:pt x="769" y="394"/>
                  </a:lnTo>
                  <a:lnTo>
                    <a:pt x="780" y="377"/>
                  </a:lnTo>
                  <a:lnTo>
                    <a:pt x="791" y="359"/>
                  </a:lnTo>
                  <a:lnTo>
                    <a:pt x="802" y="342"/>
                  </a:lnTo>
                  <a:lnTo>
                    <a:pt x="814" y="326"/>
                  </a:lnTo>
                  <a:lnTo>
                    <a:pt x="826" y="310"/>
                  </a:lnTo>
                  <a:lnTo>
                    <a:pt x="838" y="294"/>
                  </a:lnTo>
                  <a:lnTo>
                    <a:pt x="851" y="278"/>
                  </a:lnTo>
                  <a:lnTo>
                    <a:pt x="863" y="263"/>
                  </a:lnTo>
                  <a:lnTo>
                    <a:pt x="877" y="248"/>
                  </a:lnTo>
                  <a:lnTo>
                    <a:pt x="890" y="233"/>
                  </a:lnTo>
                  <a:lnTo>
                    <a:pt x="904" y="218"/>
                  </a:lnTo>
                  <a:lnTo>
                    <a:pt x="919" y="204"/>
                  </a:lnTo>
                  <a:lnTo>
                    <a:pt x="933" y="190"/>
                  </a:lnTo>
                  <a:lnTo>
                    <a:pt x="947" y="177"/>
                  </a:lnTo>
                  <a:lnTo>
                    <a:pt x="962" y="163"/>
                  </a:lnTo>
                  <a:lnTo>
                    <a:pt x="977" y="150"/>
                  </a:lnTo>
                  <a:lnTo>
                    <a:pt x="992" y="138"/>
                  </a:lnTo>
                  <a:lnTo>
                    <a:pt x="1007" y="125"/>
                  </a:lnTo>
                  <a:lnTo>
                    <a:pt x="1023" y="113"/>
                  </a:lnTo>
                  <a:lnTo>
                    <a:pt x="1039" y="102"/>
                  </a:lnTo>
                  <a:lnTo>
                    <a:pt x="1054" y="91"/>
                  </a:lnTo>
                  <a:lnTo>
                    <a:pt x="1087" y="70"/>
                  </a:lnTo>
                  <a:lnTo>
                    <a:pt x="1119" y="50"/>
                  </a:lnTo>
                  <a:lnTo>
                    <a:pt x="1136" y="40"/>
                  </a:lnTo>
                  <a:lnTo>
                    <a:pt x="1153" y="31"/>
                  </a:lnTo>
                  <a:lnTo>
                    <a:pt x="1171" y="21"/>
                  </a:lnTo>
                  <a:lnTo>
                    <a:pt x="1192" y="10"/>
                  </a:lnTo>
                  <a:lnTo>
                    <a:pt x="1339" y="10"/>
                  </a:lnTo>
                  <a:lnTo>
                    <a:pt x="1356" y="10"/>
                  </a:lnTo>
                  <a:lnTo>
                    <a:pt x="1484" y="10"/>
                  </a:lnTo>
                  <a:lnTo>
                    <a:pt x="1486" y="37"/>
                  </a:lnTo>
                  <a:lnTo>
                    <a:pt x="1487" y="63"/>
                  </a:lnTo>
                  <a:lnTo>
                    <a:pt x="1488" y="89"/>
                  </a:lnTo>
                  <a:lnTo>
                    <a:pt x="1489" y="114"/>
                  </a:lnTo>
                  <a:lnTo>
                    <a:pt x="1489" y="139"/>
                  </a:lnTo>
                  <a:lnTo>
                    <a:pt x="1489" y="164"/>
                  </a:lnTo>
                  <a:lnTo>
                    <a:pt x="1489" y="188"/>
                  </a:lnTo>
                  <a:lnTo>
                    <a:pt x="1488" y="212"/>
                  </a:lnTo>
                  <a:lnTo>
                    <a:pt x="1486" y="236"/>
                  </a:lnTo>
                  <a:lnTo>
                    <a:pt x="1484" y="261"/>
                  </a:lnTo>
                  <a:lnTo>
                    <a:pt x="1482" y="285"/>
                  </a:lnTo>
                  <a:lnTo>
                    <a:pt x="1479" y="310"/>
                  </a:lnTo>
                  <a:lnTo>
                    <a:pt x="1475" y="335"/>
                  </a:lnTo>
                  <a:lnTo>
                    <a:pt x="1471" y="360"/>
                  </a:lnTo>
                  <a:lnTo>
                    <a:pt x="1466" y="387"/>
                  </a:lnTo>
                  <a:lnTo>
                    <a:pt x="1461" y="414"/>
                  </a:lnTo>
                  <a:lnTo>
                    <a:pt x="1717" y="488"/>
                  </a:lnTo>
                  <a:lnTo>
                    <a:pt x="1754" y="497"/>
                  </a:lnTo>
                  <a:lnTo>
                    <a:pt x="1840" y="522"/>
                  </a:lnTo>
                  <a:lnTo>
                    <a:pt x="2047" y="582"/>
                  </a:lnTo>
                  <a:lnTo>
                    <a:pt x="2067" y="531"/>
                  </a:lnTo>
                  <a:lnTo>
                    <a:pt x="2078" y="506"/>
                  </a:lnTo>
                  <a:lnTo>
                    <a:pt x="2088" y="482"/>
                  </a:lnTo>
                  <a:lnTo>
                    <a:pt x="2099" y="459"/>
                  </a:lnTo>
                  <a:lnTo>
                    <a:pt x="2110" y="436"/>
                  </a:lnTo>
                  <a:lnTo>
                    <a:pt x="2122" y="414"/>
                  </a:lnTo>
                  <a:lnTo>
                    <a:pt x="2134" y="392"/>
                  </a:lnTo>
                  <a:lnTo>
                    <a:pt x="2147" y="371"/>
                  </a:lnTo>
                  <a:lnTo>
                    <a:pt x="2160" y="348"/>
                  </a:lnTo>
                  <a:lnTo>
                    <a:pt x="2187" y="305"/>
                  </a:lnTo>
                  <a:lnTo>
                    <a:pt x="2216" y="262"/>
                  </a:lnTo>
                  <a:lnTo>
                    <a:pt x="2248" y="218"/>
                  </a:lnTo>
                  <a:lnTo>
                    <a:pt x="2239" y="211"/>
                  </a:lnTo>
                  <a:lnTo>
                    <a:pt x="2230" y="205"/>
                  </a:lnTo>
                  <a:lnTo>
                    <a:pt x="2225" y="202"/>
                  </a:lnTo>
                  <a:lnTo>
                    <a:pt x="2220" y="200"/>
                  </a:lnTo>
                  <a:lnTo>
                    <a:pt x="2215" y="198"/>
                  </a:lnTo>
                  <a:lnTo>
                    <a:pt x="2209" y="196"/>
                  </a:lnTo>
                  <a:lnTo>
                    <a:pt x="2202" y="194"/>
                  </a:lnTo>
                  <a:lnTo>
                    <a:pt x="2194" y="193"/>
                  </a:lnTo>
                  <a:lnTo>
                    <a:pt x="2186" y="193"/>
                  </a:lnTo>
                  <a:lnTo>
                    <a:pt x="2179" y="194"/>
                  </a:lnTo>
                  <a:lnTo>
                    <a:pt x="2171" y="195"/>
                  </a:lnTo>
                  <a:lnTo>
                    <a:pt x="2164" y="197"/>
                  </a:lnTo>
                  <a:lnTo>
                    <a:pt x="2157" y="200"/>
                  </a:lnTo>
                  <a:lnTo>
                    <a:pt x="2150" y="203"/>
                  </a:lnTo>
                  <a:lnTo>
                    <a:pt x="2143" y="207"/>
                  </a:lnTo>
                  <a:lnTo>
                    <a:pt x="2136" y="212"/>
                  </a:lnTo>
                  <a:lnTo>
                    <a:pt x="2131" y="217"/>
                  </a:lnTo>
                  <a:lnTo>
                    <a:pt x="2125" y="222"/>
                  </a:lnTo>
                  <a:lnTo>
                    <a:pt x="2123" y="225"/>
                  </a:lnTo>
                  <a:lnTo>
                    <a:pt x="2121" y="228"/>
                  </a:lnTo>
                  <a:lnTo>
                    <a:pt x="2117" y="235"/>
                  </a:lnTo>
                  <a:lnTo>
                    <a:pt x="2113" y="242"/>
                  </a:lnTo>
                  <a:lnTo>
                    <a:pt x="2111" y="250"/>
                  </a:lnTo>
                  <a:lnTo>
                    <a:pt x="2110" y="253"/>
                  </a:lnTo>
                  <a:lnTo>
                    <a:pt x="2110" y="256"/>
                  </a:lnTo>
                  <a:lnTo>
                    <a:pt x="2109" y="259"/>
                  </a:lnTo>
                  <a:lnTo>
                    <a:pt x="2109" y="262"/>
                  </a:lnTo>
                  <a:lnTo>
                    <a:pt x="2100" y="263"/>
                  </a:lnTo>
                  <a:lnTo>
                    <a:pt x="2092" y="265"/>
                  </a:lnTo>
                  <a:lnTo>
                    <a:pt x="2084" y="267"/>
                  </a:lnTo>
                  <a:lnTo>
                    <a:pt x="2076" y="270"/>
                  </a:lnTo>
                  <a:lnTo>
                    <a:pt x="2068" y="273"/>
                  </a:lnTo>
                  <a:lnTo>
                    <a:pt x="2060" y="277"/>
                  </a:lnTo>
                  <a:lnTo>
                    <a:pt x="2053" y="281"/>
                  </a:lnTo>
                  <a:lnTo>
                    <a:pt x="2046" y="286"/>
                  </a:lnTo>
                  <a:lnTo>
                    <a:pt x="2040" y="291"/>
                  </a:lnTo>
                  <a:lnTo>
                    <a:pt x="2034" y="297"/>
                  </a:lnTo>
                  <a:lnTo>
                    <a:pt x="2028" y="303"/>
                  </a:lnTo>
                  <a:lnTo>
                    <a:pt x="2023" y="309"/>
                  </a:lnTo>
                  <a:lnTo>
                    <a:pt x="2019" y="316"/>
                  </a:lnTo>
                  <a:lnTo>
                    <a:pt x="2014" y="323"/>
                  </a:lnTo>
                  <a:lnTo>
                    <a:pt x="2011" y="330"/>
                  </a:lnTo>
                  <a:lnTo>
                    <a:pt x="2008" y="338"/>
                  </a:lnTo>
                  <a:lnTo>
                    <a:pt x="2007" y="343"/>
                  </a:lnTo>
                  <a:lnTo>
                    <a:pt x="2006" y="349"/>
                  </a:lnTo>
                  <a:lnTo>
                    <a:pt x="2005" y="359"/>
                  </a:lnTo>
                  <a:lnTo>
                    <a:pt x="2005" y="369"/>
                  </a:lnTo>
                  <a:lnTo>
                    <a:pt x="2005" y="375"/>
                  </a:lnTo>
                  <a:lnTo>
                    <a:pt x="2006" y="380"/>
                  </a:lnTo>
                  <a:lnTo>
                    <a:pt x="2008" y="390"/>
                  </a:lnTo>
                  <a:lnTo>
                    <a:pt x="2011" y="400"/>
                  </a:lnTo>
                  <a:lnTo>
                    <a:pt x="2015" y="410"/>
                  </a:lnTo>
                  <a:lnTo>
                    <a:pt x="2020" y="419"/>
                  </a:lnTo>
                  <a:lnTo>
                    <a:pt x="2011" y="424"/>
                  </a:lnTo>
                  <a:lnTo>
                    <a:pt x="2006" y="427"/>
                  </a:lnTo>
                  <a:lnTo>
                    <a:pt x="2001" y="429"/>
                  </a:lnTo>
                  <a:lnTo>
                    <a:pt x="1996" y="431"/>
                  </a:lnTo>
                  <a:lnTo>
                    <a:pt x="1990" y="432"/>
                  </a:lnTo>
                  <a:lnTo>
                    <a:pt x="1980" y="434"/>
                  </a:lnTo>
                  <a:lnTo>
                    <a:pt x="1974" y="435"/>
                  </a:lnTo>
                  <a:lnTo>
                    <a:pt x="1968" y="436"/>
                  </a:lnTo>
                  <a:lnTo>
                    <a:pt x="1963" y="436"/>
                  </a:lnTo>
                  <a:lnTo>
                    <a:pt x="1957" y="435"/>
                  </a:lnTo>
                  <a:lnTo>
                    <a:pt x="1945" y="434"/>
                  </a:lnTo>
                  <a:lnTo>
                    <a:pt x="1939" y="433"/>
                  </a:lnTo>
                  <a:lnTo>
                    <a:pt x="1933" y="431"/>
                  </a:lnTo>
                  <a:lnTo>
                    <a:pt x="1923" y="428"/>
                  </a:lnTo>
                  <a:lnTo>
                    <a:pt x="1913" y="423"/>
                  </a:lnTo>
                  <a:lnTo>
                    <a:pt x="1903" y="417"/>
                  </a:lnTo>
                  <a:lnTo>
                    <a:pt x="1895" y="411"/>
                  </a:lnTo>
                  <a:lnTo>
                    <a:pt x="1887" y="404"/>
                  </a:lnTo>
                  <a:lnTo>
                    <a:pt x="1880" y="396"/>
                  </a:lnTo>
                  <a:lnTo>
                    <a:pt x="1874" y="387"/>
                  </a:lnTo>
                  <a:lnTo>
                    <a:pt x="1868" y="378"/>
                  </a:lnTo>
                  <a:lnTo>
                    <a:pt x="1875" y="377"/>
                  </a:lnTo>
                  <a:lnTo>
                    <a:pt x="1882" y="375"/>
                  </a:lnTo>
                  <a:lnTo>
                    <a:pt x="1896" y="369"/>
                  </a:lnTo>
                  <a:lnTo>
                    <a:pt x="1902" y="366"/>
                  </a:lnTo>
                  <a:lnTo>
                    <a:pt x="1909" y="363"/>
                  </a:lnTo>
                  <a:lnTo>
                    <a:pt x="1915" y="359"/>
                  </a:lnTo>
                  <a:lnTo>
                    <a:pt x="1920" y="355"/>
                  </a:lnTo>
                  <a:lnTo>
                    <a:pt x="1926" y="351"/>
                  </a:lnTo>
                  <a:lnTo>
                    <a:pt x="1930" y="346"/>
                  </a:lnTo>
                  <a:lnTo>
                    <a:pt x="1935" y="341"/>
                  </a:lnTo>
                  <a:lnTo>
                    <a:pt x="1939" y="336"/>
                  </a:lnTo>
                  <a:lnTo>
                    <a:pt x="1943" y="330"/>
                  </a:lnTo>
                  <a:lnTo>
                    <a:pt x="1946" y="324"/>
                  </a:lnTo>
                  <a:lnTo>
                    <a:pt x="1949" y="318"/>
                  </a:lnTo>
                  <a:lnTo>
                    <a:pt x="1951" y="312"/>
                  </a:lnTo>
                  <a:lnTo>
                    <a:pt x="1953" y="305"/>
                  </a:lnTo>
                  <a:lnTo>
                    <a:pt x="1954" y="298"/>
                  </a:lnTo>
                  <a:lnTo>
                    <a:pt x="1954" y="291"/>
                  </a:lnTo>
                  <a:lnTo>
                    <a:pt x="1954" y="284"/>
                  </a:lnTo>
                  <a:lnTo>
                    <a:pt x="1953" y="277"/>
                  </a:lnTo>
                  <a:lnTo>
                    <a:pt x="1952" y="270"/>
                  </a:lnTo>
                  <a:lnTo>
                    <a:pt x="1950" y="263"/>
                  </a:lnTo>
                  <a:lnTo>
                    <a:pt x="1948" y="256"/>
                  </a:lnTo>
                  <a:lnTo>
                    <a:pt x="1946" y="253"/>
                  </a:lnTo>
                  <a:lnTo>
                    <a:pt x="1945" y="250"/>
                  </a:lnTo>
                  <a:lnTo>
                    <a:pt x="1941" y="243"/>
                  </a:lnTo>
                  <a:lnTo>
                    <a:pt x="1938" y="237"/>
                  </a:lnTo>
                  <a:lnTo>
                    <a:pt x="1933" y="231"/>
                  </a:lnTo>
                  <a:lnTo>
                    <a:pt x="1929" y="225"/>
                  </a:lnTo>
                  <a:lnTo>
                    <a:pt x="1923" y="219"/>
                  </a:lnTo>
                  <a:lnTo>
                    <a:pt x="1918" y="214"/>
                  </a:lnTo>
                  <a:lnTo>
                    <a:pt x="1912" y="209"/>
                  </a:lnTo>
                  <a:lnTo>
                    <a:pt x="1919" y="201"/>
                  </a:lnTo>
                  <a:lnTo>
                    <a:pt x="1925" y="192"/>
                  </a:lnTo>
                  <a:lnTo>
                    <a:pt x="1928" y="188"/>
                  </a:lnTo>
                  <a:lnTo>
                    <a:pt x="1930" y="183"/>
                  </a:lnTo>
                  <a:lnTo>
                    <a:pt x="1932" y="178"/>
                  </a:lnTo>
                  <a:lnTo>
                    <a:pt x="1933" y="173"/>
                  </a:lnTo>
                  <a:lnTo>
                    <a:pt x="1935" y="165"/>
                  </a:lnTo>
                  <a:lnTo>
                    <a:pt x="1936" y="157"/>
                  </a:lnTo>
                  <a:lnTo>
                    <a:pt x="1937" y="148"/>
                  </a:lnTo>
                  <a:lnTo>
                    <a:pt x="1936" y="140"/>
                  </a:lnTo>
                  <a:lnTo>
                    <a:pt x="1934" y="132"/>
                  </a:lnTo>
                  <a:lnTo>
                    <a:pt x="1932" y="125"/>
                  </a:lnTo>
                  <a:lnTo>
                    <a:pt x="1929" y="117"/>
                  </a:lnTo>
                  <a:lnTo>
                    <a:pt x="1926" y="110"/>
                  </a:lnTo>
                  <a:lnTo>
                    <a:pt x="1922" y="103"/>
                  </a:lnTo>
                  <a:lnTo>
                    <a:pt x="1917" y="97"/>
                  </a:lnTo>
                  <a:lnTo>
                    <a:pt x="1911" y="91"/>
                  </a:lnTo>
                  <a:lnTo>
                    <a:pt x="1905" y="86"/>
                  </a:lnTo>
                  <a:lnTo>
                    <a:pt x="1899" y="81"/>
                  </a:lnTo>
                  <a:lnTo>
                    <a:pt x="1892" y="77"/>
                  </a:lnTo>
                  <a:lnTo>
                    <a:pt x="1885" y="73"/>
                  </a:lnTo>
                  <a:lnTo>
                    <a:pt x="1877" y="70"/>
                  </a:lnTo>
                  <a:lnTo>
                    <a:pt x="1872" y="69"/>
                  </a:lnTo>
                  <a:lnTo>
                    <a:pt x="1867" y="68"/>
                  </a:lnTo>
                  <a:lnTo>
                    <a:pt x="1857" y="68"/>
                  </a:lnTo>
                  <a:lnTo>
                    <a:pt x="1848" y="68"/>
                  </a:lnTo>
                  <a:lnTo>
                    <a:pt x="1840" y="69"/>
                  </a:lnTo>
                  <a:lnTo>
                    <a:pt x="1828" y="72"/>
                  </a:lnTo>
                  <a:lnTo>
                    <a:pt x="1823" y="74"/>
                  </a:lnTo>
                  <a:lnTo>
                    <a:pt x="1818" y="77"/>
                  </a:lnTo>
                  <a:lnTo>
                    <a:pt x="1808" y="82"/>
                  </a:lnTo>
                  <a:lnTo>
                    <a:pt x="1803" y="86"/>
                  </a:lnTo>
                  <a:lnTo>
                    <a:pt x="1799" y="89"/>
                  </a:lnTo>
                  <a:lnTo>
                    <a:pt x="1791" y="97"/>
                  </a:lnTo>
                  <a:lnTo>
                    <a:pt x="1788" y="102"/>
                  </a:lnTo>
                  <a:lnTo>
                    <a:pt x="1784" y="106"/>
                  </a:lnTo>
                  <a:lnTo>
                    <a:pt x="1782" y="111"/>
                  </a:lnTo>
                  <a:lnTo>
                    <a:pt x="1779" y="116"/>
                  </a:lnTo>
                  <a:lnTo>
                    <a:pt x="1777" y="122"/>
                  </a:lnTo>
                  <a:lnTo>
                    <a:pt x="1776" y="127"/>
                  </a:lnTo>
                  <a:lnTo>
                    <a:pt x="1773" y="138"/>
                  </a:lnTo>
                  <a:lnTo>
                    <a:pt x="1772" y="143"/>
                  </a:lnTo>
                  <a:lnTo>
                    <a:pt x="1772" y="148"/>
                  </a:lnTo>
                  <a:lnTo>
                    <a:pt x="1772" y="153"/>
                  </a:lnTo>
                  <a:lnTo>
                    <a:pt x="1772" y="158"/>
                  </a:lnTo>
                  <a:lnTo>
                    <a:pt x="1773" y="163"/>
                  </a:lnTo>
                  <a:lnTo>
                    <a:pt x="1774" y="168"/>
                  </a:lnTo>
                  <a:lnTo>
                    <a:pt x="1758" y="171"/>
                  </a:lnTo>
                  <a:lnTo>
                    <a:pt x="1751" y="174"/>
                  </a:lnTo>
                  <a:lnTo>
                    <a:pt x="1744" y="176"/>
                  </a:lnTo>
                  <a:lnTo>
                    <a:pt x="1737" y="179"/>
                  </a:lnTo>
                  <a:lnTo>
                    <a:pt x="1730" y="183"/>
                  </a:lnTo>
                  <a:lnTo>
                    <a:pt x="1723" y="187"/>
                  </a:lnTo>
                  <a:lnTo>
                    <a:pt x="1717" y="191"/>
                  </a:lnTo>
                  <a:lnTo>
                    <a:pt x="1712" y="195"/>
                  </a:lnTo>
                  <a:lnTo>
                    <a:pt x="1707" y="200"/>
                  </a:lnTo>
                  <a:lnTo>
                    <a:pt x="1702" y="205"/>
                  </a:lnTo>
                  <a:lnTo>
                    <a:pt x="1698" y="210"/>
                  </a:lnTo>
                  <a:lnTo>
                    <a:pt x="1694" y="216"/>
                  </a:lnTo>
                  <a:lnTo>
                    <a:pt x="1691" y="222"/>
                  </a:lnTo>
                  <a:lnTo>
                    <a:pt x="1688" y="228"/>
                  </a:lnTo>
                  <a:lnTo>
                    <a:pt x="1685" y="235"/>
                  </a:lnTo>
                  <a:lnTo>
                    <a:pt x="1683" y="249"/>
                  </a:lnTo>
                  <a:lnTo>
                    <a:pt x="1683" y="255"/>
                  </a:lnTo>
                  <a:lnTo>
                    <a:pt x="1683" y="262"/>
                  </a:lnTo>
                  <a:lnTo>
                    <a:pt x="1683" y="268"/>
                  </a:lnTo>
                  <a:lnTo>
                    <a:pt x="1685" y="275"/>
                  </a:lnTo>
                  <a:lnTo>
                    <a:pt x="1686" y="281"/>
                  </a:lnTo>
                  <a:lnTo>
                    <a:pt x="1688" y="287"/>
                  </a:lnTo>
                  <a:lnTo>
                    <a:pt x="1690" y="294"/>
                  </a:lnTo>
                  <a:lnTo>
                    <a:pt x="1693" y="300"/>
                  </a:lnTo>
                  <a:lnTo>
                    <a:pt x="1696" y="306"/>
                  </a:lnTo>
                  <a:lnTo>
                    <a:pt x="1700" y="311"/>
                  </a:lnTo>
                  <a:lnTo>
                    <a:pt x="1708" y="322"/>
                  </a:lnTo>
                  <a:lnTo>
                    <a:pt x="1717" y="333"/>
                  </a:lnTo>
                  <a:lnTo>
                    <a:pt x="1708" y="338"/>
                  </a:lnTo>
                  <a:lnTo>
                    <a:pt x="1699" y="343"/>
                  </a:lnTo>
                  <a:lnTo>
                    <a:pt x="1689" y="346"/>
                  </a:lnTo>
                  <a:lnTo>
                    <a:pt x="1679" y="348"/>
                  </a:lnTo>
                  <a:lnTo>
                    <a:pt x="1669" y="349"/>
                  </a:lnTo>
                  <a:lnTo>
                    <a:pt x="1659" y="349"/>
                  </a:lnTo>
                  <a:lnTo>
                    <a:pt x="1653" y="348"/>
                  </a:lnTo>
                  <a:lnTo>
                    <a:pt x="1648" y="347"/>
                  </a:lnTo>
                  <a:lnTo>
                    <a:pt x="1637" y="345"/>
                  </a:lnTo>
                  <a:lnTo>
                    <a:pt x="1632" y="343"/>
                  </a:lnTo>
                  <a:lnTo>
                    <a:pt x="1626" y="341"/>
                  </a:lnTo>
                  <a:lnTo>
                    <a:pt x="1616" y="336"/>
                  </a:lnTo>
                  <a:lnTo>
                    <a:pt x="1606" y="331"/>
                  </a:lnTo>
                  <a:lnTo>
                    <a:pt x="1597" y="324"/>
                  </a:lnTo>
                  <a:lnTo>
                    <a:pt x="1589" y="316"/>
                  </a:lnTo>
                  <a:lnTo>
                    <a:pt x="1586" y="312"/>
                  </a:lnTo>
                  <a:lnTo>
                    <a:pt x="1582" y="308"/>
                  </a:lnTo>
                  <a:lnTo>
                    <a:pt x="1579" y="304"/>
                  </a:lnTo>
                  <a:lnTo>
                    <a:pt x="1577" y="299"/>
                  </a:lnTo>
                  <a:lnTo>
                    <a:pt x="1572" y="290"/>
                  </a:lnTo>
                  <a:lnTo>
                    <a:pt x="1581" y="285"/>
                  </a:lnTo>
                  <a:lnTo>
                    <a:pt x="1585" y="282"/>
                  </a:lnTo>
                  <a:lnTo>
                    <a:pt x="1589" y="278"/>
                  </a:lnTo>
                  <a:lnTo>
                    <a:pt x="1593" y="275"/>
                  </a:lnTo>
                  <a:lnTo>
                    <a:pt x="1597" y="271"/>
                  </a:lnTo>
                  <a:lnTo>
                    <a:pt x="1604" y="264"/>
                  </a:lnTo>
                  <a:lnTo>
                    <a:pt x="1607" y="260"/>
                  </a:lnTo>
                  <a:lnTo>
                    <a:pt x="1610" y="256"/>
                  </a:lnTo>
                  <a:lnTo>
                    <a:pt x="1612" y="252"/>
                  </a:lnTo>
                  <a:lnTo>
                    <a:pt x="1615" y="247"/>
                  </a:lnTo>
                  <a:lnTo>
                    <a:pt x="1617" y="243"/>
                  </a:lnTo>
                  <a:lnTo>
                    <a:pt x="1620" y="238"/>
                  </a:lnTo>
                  <a:lnTo>
                    <a:pt x="1623" y="228"/>
                  </a:lnTo>
                  <a:lnTo>
                    <a:pt x="1625" y="220"/>
                  </a:lnTo>
                  <a:lnTo>
                    <a:pt x="1626" y="212"/>
                  </a:lnTo>
                  <a:lnTo>
                    <a:pt x="1627" y="203"/>
                  </a:lnTo>
                  <a:lnTo>
                    <a:pt x="1627" y="195"/>
                  </a:lnTo>
                  <a:lnTo>
                    <a:pt x="1626" y="187"/>
                  </a:lnTo>
                  <a:lnTo>
                    <a:pt x="1624" y="179"/>
                  </a:lnTo>
                  <a:lnTo>
                    <a:pt x="1622" y="171"/>
                  </a:lnTo>
                  <a:lnTo>
                    <a:pt x="1619" y="164"/>
                  </a:lnTo>
                  <a:lnTo>
                    <a:pt x="1616" y="156"/>
                  </a:lnTo>
                  <a:lnTo>
                    <a:pt x="1612" y="149"/>
                  </a:lnTo>
                  <a:lnTo>
                    <a:pt x="1607" y="141"/>
                  </a:lnTo>
                  <a:lnTo>
                    <a:pt x="1603" y="135"/>
                  </a:lnTo>
                  <a:lnTo>
                    <a:pt x="1597" y="128"/>
                  </a:lnTo>
                  <a:lnTo>
                    <a:pt x="1592" y="121"/>
                  </a:lnTo>
                  <a:lnTo>
                    <a:pt x="1585" y="115"/>
                  </a:lnTo>
                  <a:lnTo>
                    <a:pt x="1579" y="109"/>
                  </a:lnTo>
                  <a:lnTo>
                    <a:pt x="1581" y="104"/>
                  </a:lnTo>
                  <a:lnTo>
                    <a:pt x="1582" y="102"/>
                  </a:lnTo>
                  <a:lnTo>
                    <a:pt x="1583" y="99"/>
                  </a:lnTo>
                  <a:lnTo>
                    <a:pt x="1584" y="93"/>
                  </a:lnTo>
                  <a:lnTo>
                    <a:pt x="1585" y="86"/>
                  </a:lnTo>
                  <a:lnTo>
                    <a:pt x="1586" y="74"/>
                  </a:lnTo>
                  <a:lnTo>
                    <a:pt x="1586" y="67"/>
                  </a:lnTo>
                  <a:lnTo>
                    <a:pt x="1585" y="61"/>
                  </a:lnTo>
                  <a:lnTo>
                    <a:pt x="1583" y="55"/>
                  </a:lnTo>
                  <a:lnTo>
                    <a:pt x="1581" y="49"/>
                  </a:lnTo>
                  <a:lnTo>
                    <a:pt x="1579" y="43"/>
                  </a:lnTo>
                  <a:lnTo>
                    <a:pt x="1576" y="38"/>
                  </a:lnTo>
                  <a:lnTo>
                    <a:pt x="1573" y="33"/>
                  </a:lnTo>
                  <a:lnTo>
                    <a:pt x="1569" y="28"/>
                  </a:lnTo>
                  <a:lnTo>
                    <a:pt x="1565" y="23"/>
                  </a:lnTo>
                  <a:lnTo>
                    <a:pt x="1561" y="18"/>
                  </a:lnTo>
                  <a:lnTo>
                    <a:pt x="1556" y="14"/>
                  </a:lnTo>
                  <a:lnTo>
                    <a:pt x="1551" y="10"/>
                  </a:lnTo>
                  <a:lnTo>
                    <a:pt x="1717" y="10"/>
                  </a:lnTo>
                  <a:lnTo>
                    <a:pt x="1840" y="10"/>
                  </a:lnTo>
                  <a:lnTo>
                    <a:pt x="2075" y="10"/>
                  </a:lnTo>
                  <a:lnTo>
                    <a:pt x="2098" y="22"/>
                  </a:lnTo>
                  <a:lnTo>
                    <a:pt x="2121" y="34"/>
                  </a:lnTo>
                  <a:lnTo>
                    <a:pt x="2145" y="47"/>
                  </a:lnTo>
                  <a:lnTo>
                    <a:pt x="2166" y="60"/>
                  </a:lnTo>
                  <a:lnTo>
                    <a:pt x="2188" y="74"/>
                  </a:lnTo>
                  <a:lnTo>
                    <a:pt x="2209" y="88"/>
                  </a:lnTo>
                  <a:lnTo>
                    <a:pt x="2230" y="103"/>
                  </a:lnTo>
                  <a:lnTo>
                    <a:pt x="2250" y="118"/>
                  </a:lnTo>
                  <a:lnTo>
                    <a:pt x="2274" y="138"/>
                  </a:lnTo>
                  <a:lnTo>
                    <a:pt x="2298" y="158"/>
                  </a:lnTo>
                  <a:lnTo>
                    <a:pt x="2321" y="178"/>
                  </a:lnTo>
                  <a:lnTo>
                    <a:pt x="2343" y="200"/>
                  </a:lnTo>
                  <a:lnTo>
                    <a:pt x="2365" y="222"/>
                  </a:lnTo>
                  <a:lnTo>
                    <a:pt x="2385" y="244"/>
                  </a:lnTo>
                  <a:lnTo>
                    <a:pt x="2395" y="256"/>
                  </a:lnTo>
                  <a:lnTo>
                    <a:pt x="2405" y="267"/>
                  </a:lnTo>
                  <a:lnTo>
                    <a:pt x="2425" y="291"/>
                  </a:lnTo>
                  <a:lnTo>
                    <a:pt x="2444" y="315"/>
                  </a:lnTo>
                  <a:lnTo>
                    <a:pt x="2461" y="340"/>
                  </a:lnTo>
                  <a:lnTo>
                    <a:pt x="2479" y="365"/>
                  </a:lnTo>
                  <a:lnTo>
                    <a:pt x="2495" y="392"/>
                  </a:lnTo>
                  <a:lnTo>
                    <a:pt x="2511" y="419"/>
                  </a:lnTo>
                  <a:lnTo>
                    <a:pt x="2526" y="445"/>
                  </a:lnTo>
                  <a:lnTo>
                    <a:pt x="2540" y="473"/>
                  </a:lnTo>
                  <a:lnTo>
                    <a:pt x="2553" y="500"/>
                  </a:lnTo>
                  <a:lnTo>
                    <a:pt x="2553" y="1292"/>
                  </a:lnTo>
                  <a:lnTo>
                    <a:pt x="2553" y="1342"/>
                  </a:lnTo>
                  <a:lnTo>
                    <a:pt x="2553" y="1483"/>
                  </a:lnTo>
                  <a:lnTo>
                    <a:pt x="2473" y="1483"/>
                  </a:lnTo>
                  <a:lnTo>
                    <a:pt x="2447" y="1483"/>
                  </a:lnTo>
                  <a:lnTo>
                    <a:pt x="2250" y="1483"/>
                  </a:lnTo>
                  <a:lnTo>
                    <a:pt x="2105" y="1483"/>
                  </a:lnTo>
                  <a:lnTo>
                    <a:pt x="1957" y="1246"/>
                  </a:lnTo>
                  <a:lnTo>
                    <a:pt x="1840" y="1198"/>
                  </a:lnTo>
                  <a:lnTo>
                    <a:pt x="1799" y="1182"/>
                  </a:lnTo>
                  <a:lnTo>
                    <a:pt x="1717" y="1054"/>
                  </a:lnTo>
                  <a:lnTo>
                    <a:pt x="1700" y="1023"/>
                  </a:lnTo>
                  <a:lnTo>
                    <a:pt x="1708" y="1018"/>
                  </a:lnTo>
                  <a:lnTo>
                    <a:pt x="1713" y="1016"/>
                  </a:lnTo>
                  <a:lnTo>
                    <a:pt x="1717" y="1015"/>
                  </a:lnTo>
                  <a:lnTo>
                    <a:pt x="1748" y="999"/>
                  </a:lnTo>
                  <a:lnTo>
                    <a:pt x="1778" y="983"/>
                  </a:lnTo>
                  <a:lnTo>
                    <a:pt x="1840" y="952"/>
                  </a:lnTo>
                  <a:lnTo>
                    <a:pt x="1920" y="911"/>
                  </a:lnTo>
                  <a:lnTo>
                    <a:pt x="2001" y="869"/>
                  </a:lnTo>
                  <a:lnTo>
                    <a:pt x="2163" y="784"/>
                  </a:lnTo>
                  <a:lnTo>
                    <a:pt x="2158" y="803"/>
                  </a:lnTo>
                  <a:lnTo>
                    <a:pt x="2153" y="822"/>
                  </a:lnTo>
                  <a:lnTo>
                    <a:pt x="2142" y="860"/>
                  </a:lnTo>
                  <a:lnTo>
                    <a:pt x="2128" y="898"/>
                  </a:lnTo>
                  <a:lnTo>
                    <a:pt x="2121" y="917"/>
                  </a:lnTo>
                  <a:lnTo>
                    <a:pt x="2114" y="937"/>
                  </a:lnTo>
                  <a:lnTo>
                    <a:pt x="2149" y="916"/>
                  </a:lnTo>
                  <a:lnTo>
                    <a:pt x="2183" y="895"/>
                  </a:lnTo>
                  <a:lnTo>
                    <a:pt x="2217" y="874"/>
                  </a:lnTo>
                  <a:lnTo>
                    <a:pt x="2250" y="851"/>
                  </a:lnTo>
                  <a:lnTo>
                    <a:pt x="2270" y="837"/>
                  </a:lnTo>
                  <a:lnTo>
                    <a:pt x="2290" y="823"/>
                  </a:lnTo>
                  <a:lnTo>
                    <a:pt x="2309" y="808"/>
                  </a:lnTo>
                  <a:lnTo>
                    <a:pt x="2328" y="792"/>
                  </a:lnTo>
                  <a:lnTo>
                    <a:pt x="2347" y="776"/>
                  </a:lnTo>
                  <a:lnTo>
                    <a:pt x="2365" y="760"/>
                  </a:lnTo>
                  <a:lnTo>
                    <a:pt x="2383" y="743"/>
                  </a:lnTo>
                  <a:lnTo>
                    <a:pt x="2391" y="735"/>
                  </a:lnTo>
                  <a:lnTo>
                    <a:pt x="2400" y="726"/>
                  </a:lnTo>
                  <a:lnTo>
                    <a:pt x="2417" y="708"/>
                  </a:lnTo>
                  <a:lnTo>
                    <a:pt x="2433" y="689"/>
                  </a:lnTo>
                  <a:lnTo>
                    <a:pt x="2448" y="670"/>
                  </a:lnTo>
                  <a:lnTo>
                    <a:pt x="2463" y="650"/>
                  </a:lnTo>
                  <a:lnTo>
                    <a:pt x="2477" y="630"/>
                  </a:lnTo>
                  <a:lnTo>
                    <a:pt x="2490" y="609"/>
                  </a:lnTo>
                  <a:lnTo>
                    <a:pt x="2497" y="598"/>
                  </a:lnTo>
                  <a:lnTo>
                    <a:pt x="2503" y="587"/>
                  </a:lnTo>
                  <a:lnTo>
                    <a:pt x="2514" y="564"/>
                  </a:lnTo>
                  <a:lnTo>
                    <a:pt x="2497" y="561"/>
                  </a:lnTo>
                  <a:lnTo>
                    <a:pt x="2480" y="558"/>
                  </a:lnTo>
                  <a:lnTo>
                    <a:pt x="2463" y="556"/>
                  </a:lnTo>
                  <a:lnTo>
                    <a:pt x="2447" y="554"/>
                  </a:lnTo>
                  <a:lnTo>
                    <a:pt x="2430" y="553"/>
                  </a:lnTo>
                  <a:lnTo>
                    <a:pt x="2413" y="552"/>
                  </a:lnTo>
                  <a:lnTo>
                    <a:pt x="2397" y="552"/>
                  </a:lnTo>
                  <a:lnTo>
                    <a:pt x="2380" y="552"/>
                  </a:lnTo>
                  <a:lnTo>
                    <a:pt x="2347" y="553"/>
                  </a:lnTo>
                  <a:lnTo>
                    <a:pt x="2314" y="556"/>
                  </a:lnTo>
                  <a:lnTo>
                    <a:pt x="2282" y="561"/>
                  </a:lnTo>
                  <a:lnTo>
                    <a:pt x="2250" y="566"/>
                  </a:lnTo>
                  <a:lnTo>
                    <a:pt x="2232" y="570"/>
                  </a:lnTo>
                  <a:lnTo>
                    <a:pt x="2214" y="574"/>
                  </a:lnTo>
                  <a:lnTo>
                    <a:pt x="2179" y="583"/>
                  </a:lnTo>
                  <a:lnTo>
                    <a:pt x="2162" y="588"/>
                  </a:lnTo>
                  <a:lnTo>
                    <a:pt x="2145" y="594"/>
                  </a:lnTo>
                  <a:lnTo>
                    <a:pt x="2127" y="599"/>
                  </a:lnTo>
                  <a:lnTo>
                    <a:pt x="2110" y="605"/>
                  </a:lnTo>
                  <a:lnTo>
                    <a:pt x="2093" y="611"/>
                  </a:lnTo>
                  <a:lnTo>
                    <a:pt x="2076" y="617"/>
                  </a:lnTo>
                  <a:lnTo>
                    <a:pt x="2043" y="629"/>
                  </a:lnTo>
                  <a:lnTo>
                    <a:pt x="2011" y="642"/>
                  </a:lnTo>
                  <a:lnTo>
                    <a:pt x="1980" y="655"/>
                  </a:lnTo>
                  <a:lnTo>
                    <a:pt x="2020" y="660"/>
                  </a:lnTo>
                  <a:lnTo>
                    <a:pt x="2038" y="663"/>
                  </a:lnTo>
                  <a:lnTo>
                    <a:pt x="2055" y="666"/>
                  </a:lnTo>
                  <a:lnTo>
                    <a:pt x="2072" y="669"/>
                  </a:lnTo>
                  <a:lnTo>
                    <a:pt x="2080" y="670"/>
                  </a:lnTo>
                  <a:lnTo>
                    <a:pt x="2088" y="672"/>
                  </a:lnTo>
                  <a:lnTo>
                    <a:pt x="2103" y="677"/>
                  </a:lnTo>
                  <a:lnTo>
                    <a:pt x="2110" y="680"/>
                  </a:lnTo>
                  <a:lnTo>
                    <a:pt x="2118" y="683"/>
                  </a:lnTo>
                  <a:lnTo>
                    <a:pt x="1840" y="818"/>
                  </a:lnTo>
                  <a:lnTo>
                    <a:pt x="1717" y="878"/>
                  </a:lnTo>
                  <a:lnTo>
                    <a:pt x="1634" y="919"/>
                  </a:lnTo>
                  <a:lnTo>
                    <a:pt x="1356" y="474"/>
                  </a:lnTo>
                  <a:lnTo>
                    <a:pt x="1348" y="461"/>
                  </a:lnTo>
                  <a:lnTo>
                    <a:pt x="1350" y="462"/>
                  </a:lnTo>
                  <a:lnTo>
                    <a:pt x="1352" y="462"/>
                  </a:lnTo>
                  <a:lnTo>
                    <a:pt x="1354" y="463"/>
                  </a:lnTo>
                  <a:lnTo>
                    <a:pt x="1356" y="463"/>
                  </a:lnTo>
                  <a:lnTo>
                    <a:pt x="1371" y="466"/>
                  </a:lnTo>
                  <a:lnTo>
                    <a:pt x="1385" y="471"/>
                  </a:lnTo>
                  <a:lnTo>
                    <a:pt x="1399" y="476"/>
                  </a:lnTo>
                  <a:lnTo>
                    <a:pt x="1414" y="482"/>
                  </a:lnTo>
                  <a:lnTo>
                    <a:pt x="1444" y="496"/>
                  </a:lnTo>
                  <a:lnTo>
                    <a:pt x="1479" y="511"/>
                  </a:lnTo>
                  <a:lnTo>
                    <a:pt x="1450" y="472"/>
                  </a:lnTo>
                  <a:lnTo>
                    <a:pt x="1420" y="432"/>
                  </a:lnTo>
                  <a:lnTo>
                    <a:pt x="1389" y="392"/>
                  </a:lnTo>
                  <a:lnTo>
                    <a:pt x="1373" y="373"/>
                  </a:lnTo>
                  <a:lnTo>
                    <a:pt x="1356" y="352"/>
                  </a:lnTo>
                  <a:lnTo>
                    <a:pt x="1351" y="348"/>
                  </a:lnTo>
                  <a:lnTo>
                    <a:pt x="1347" y="343"/>
                  </a:lnTo>
                  <a:lnTo>
                    <a:pt x="1343" y="339"/>
                  </a:lnTo>
                  <a:lnTo>
                    <a:pt x="1339" y="335"/>
                  </a:lnTo>
                  <a:lnTo>
                    <a:pt x="1318" y="313"/>
                  </a:lnTo>
                  <a:lnTo>
                    <a:pt x="1297" y="292"/>
                  </a:lnTo>
                  <a:lnTo>
                    <a:pt x="1275" y="272"/>
                  </a:lnTo>
                  <a:lnTo>
                    <a:pt x="1252" y="253"/>
                  </a:lnTo>
                  <a:lnTo>
                    <a:pt x="1229" y="235"/>
                  </a:lnTo>
                  <a:lnTo>
                    <a:pt x="1216" y="226"/>
                  </a:lnTo>
                  <a:lnTo>
                    <a:pt x="1204" y="217"/>
                  </a:lnTo>
                  <a:lnTo>
                    <a:pt x="1179" y="201"/>
                  </a:lnTo>
                  <a:lnTo>
                    <a:pt x="1153" y="186"/>
                  </a:lnTo>
                  <a:lnTo>
                    <a:pt x="1134" y="176"/>
                  </a:lnTo>
                  <a:lnTo>
                    <a:pt x="1115" y="167"/>
                  </a:lnTo>
                  <a:lnTo>
                    <a:pt x="1106" y="162"/>
                  </a:lnTo>
                  <a:lnTo>
                    <a:pt x="1096" y="158"/>
                  </a:lnTo>
                  <a:lnTo>
                    <a:pt x="1076" y="150"/>
                  </a:lnTo>
                  <a:lnTo>
                    <a:pt x="1074" y="176"/>
                  </a:lnTo>
                  <a:lnTo>
                    <a:pt x="1072" y="202"/>
                  </a:lnTo>
                  <a:lnTo>
                    <a:pt x="1072" y="227"/>
                  </a:lnTo>
                  <a:lnTo>
                    <a:pt x="1073" y="253"/>
                  </a:lnTo>
                  <a:lnTo>
                    <a:pt x="1075" y="278"/>
                  </a:lnTo>
                  <a:lnTo>
                    <a:pt x="1078" y="303"/>
                  </a:lnTo>
                  <a:lnTo>
                    <a:pt x="1082" y="328"/>
                  </a:lnTo>
                  <a:lnTo>
                    <a:pt x="1087" y="353"/>
                  </a:lnTo>
                  <a:lnTo>
                    <a:pt x="1093" y="379"/>
                  </a:lnTo>
                  <a:lnTo>
                    <a:pt x="1100" y="403"/>
                  </a:lnTo>
                  <a:lnTo>
                    <a:pt x="1107" y="428"/>
                  </a:lnTo>
                  <a:lnTo>
                    <a:pt x="1115" y="452"/>
                  </a:lnTo>
                  <a:lnTo>
                    <a:pt x="1124" y="476"/>
                  </a:lnTo>
                  <a:lnTo>
                    <a:pt x="1133" y="500"/>
                  </a:lnTo>
                  <a:lnTo>
                    <a:pt x="1142" y="523"/>
                  </a:lnTo>
                  <a:lnTo>
                    <a:pt x="1153" y="547"/>
                  </a:lnTo>
                  <a:lnTo>
                    <a:pt x="1160" y="564"/>
                  </a:lnTo>
                  <a:lnTo>
                    <a:pt x="1168" y="581"/>
                  </a:lnTo>
                  <a:lnTo>
                    <a:pt x="1184" y="614"/>
                  </a:lnTo>
                  <a:lnTo>
                    <a:pt x="1200" y="647"/>
                  </a:lnTo>
                  <a:lnTo>
                    <a:pt x="1216" y="679"/>
                  </a:lnTo>
                  <a:lnTo>
                    <a:pt x="1225" y="640"/>
                  </a:lnTo>
                  <a:lnTo>
                    <a:pt x="1234" y="601"/>
                  </a:lnTo>
                  <a:lnTo>
                    <a:pt x="1239" y="582"/>
                  </a:lnTo>
                  <a:lnTo>
                    <a:pt x="1245" y="563"/>
                  </a:lnTo>
                  <a:lnTo>
                    <a:pt x="1251" y="544"/>
                  </a:lnTo>
                  <a:lnTo>
                    <a:pt x="1257" y="525"/>
                  </a:lnTo>
                  <a:lnTo>
                    <a:pt x="1297" y="596"/>
                  </a:lnTo>
                  <a:lnTo>
                    <a:pt x="1318" y="631"/>
                  </a:lnTo>
                  <a:lnTo>
                    <a:pt x="1339" y="667"/>
                  </a:lnTo>
                  <a:lnTo>
                    <a:pt x="1347" y="681"/>
                  </a:lnTo>
                  <a:lnTo>
                    <a:pt x="1351" y="689"/>
                  </a:lnTo>
                  <a:lnTo>
                    <a:pt x="1356" y="695"/>
                  </a:lnTo>
                  <a:lnTo>
                    <a:pt x="1397" y="766"/>
                  </a:lnTo>
                  <a:lnTo>
                    <a:pt x="1438" y="835"/>
                  </a:lnTo>
                  <a:lnTo>
                    <a:pt x="1481" y="904"/>
                  </a:lnTo>
                  <a:lnTo>
                    <a:pt x="1523" y="972"/>
                  </a:lnTo>
                  <a:lnTo>
                    <a:pt x="1356" y="1054"/>
                  </a:lnTo>
                  <a:lnTo>
                    <a:pt x="1339" y="1052"/>
                  </a:lnTo>
                  <a:lnTo>
                    <a:pt x="1186" y="1025"/>
                  </a:lnTo>
                  <a:lnTo>
                    <a:pt x="1153" y="1041"/>
                  </a:lnTo>
                  <a:lnTo>
                    <a:pt x="1023" y="1103"/>
                  </a:lnTo>
                  <a:close/>
                  <a:moveTo>
                    <a:pt x="2250" y="974"/>
                  </a:moveTo>
                  <a:lnTo>
                    <a:pt x="2243" y="974"/>
                  </a:lnTo>
                  <a:lnTo>
                    <a:pt x="2235" y="975"/>
                  </a:lnTo>
                  <a:lnTo>
                    <a:pt x="2221" y="977"/>
                  </a:lnTo>
                  <a:lnTo>
                    <a:pt x="2207" y="980"/>
                  </a:lnTo>
                  <a:lnTo>
                    <a:pt x="2193" y="984"/>
                  </a:lnTo>
                  <a:lnTo>
                    <a:pt x="2180" y="990"/>
                  </a:lnTo>
                  <a:lnTo>
                    <a:pt x="2167" y="996"/>
                  </a:lnTo>
                  <a:lnTo>
                    <a:pt x="2155" y="1003"/>
                  </a:lnTo>
                  <a:lnTo>
                    <a:pt x="2149" y="1007"/>
                  </a:lnTo>
                  <a:lnTo>
                    <a:pt x="2143" y="1012"/>
                  </a:lnTo>
                  <a:lnTo>
                    <a:pt x="2131" y="1021"/>
                  </a:lnTo>
                  <a:lnTo>
                    <a:pt x="2121" y="1031"/>
                  </a:lnTo>
                  <a:lnTo>
                    <a:pt x="2111" y="1042"/>
                  </a:lnTo>
                  <a:lnTo>
                    <a:pt x="2103" y="1053"/>
                  </a:lnTo>
                  <a:lnTo>
                    <a:pt x="2095" y="1066"/>
                  </a:lnTo>
                  <a:lnTo>
                    <a:pt x="2088" y="1079"/>
                  </a:lnTo>
                  <a:lnTo>
                    <a:pt x="2085" y="1085"/>
                  </a:lnTo>
                  <a:lnTo>
                    <a:pt x="2082" y="1092"/>
                  </a:lnTo>
                  <a:lnTo>
                    <a:pt x="2079" y="1099"/>
                  </a:lnTo>
                  <a:lnTo>
                    <a:pt x="2077" y="1107"/>
                  </a:lnTo>
                  <a:lnTo>
                    <a:pt x="2075" y="1116"/>
                  </a:lnTo>
                  <a:lnTo>
                    <a:pt x="2073" y="1126"/>
                  </a:lnTo>
                  <a:lnTo>
                    <a:pt x="2071" y="1136"/>
                  </a:lnTo>
                  <a:lnTo>
                    <a:pt x="2070" y="1145"/>
                  </a:lnTo>
                  <a:lnTo>
                    <a:pt x="2070" y="1154"/>
                  </a:lnTo>
                  <a:lnTo>
                    <a:pt x="2070" y="1164"/>
                  </a:lnTo>
                  <a:lnTo>
                    <a:pt x="2070" y="1173"/>
                  </a:lnTo>
                  <a:lnTo>
                    <a:pt x="2071" y="1182"/>
                  </a:lnTo>
                  <a:lnTo>
                    <a:pt x="2074" y="1200"/>
                  </a:lnTo>
                  <a:lnTo>
                    <a:pt x="2075" y="1204"/>
                  </a:lnTo>
                  <a:lnTo>
                    <a:pt x="2076" y="1209"/>
                  </a:lnTo>
                  <a:lnTo>
                    <a:pt x="2079" y="1217"/>
                  </a:lnTo>
                  <a:lnTo>
                    <a:pt x="2082" y="1226"/>
                  </a:lnTo>
                  <a:lnTo>
                    <a:pt x="2085" y="1234"/>
                  </a:lnTo>
                  <a:lnTo>
                    <a:pt x="2089" y="1242"/>
                  </a:lnTo>
                  <a:lnTo>
                    <a:pt x="2093" y="1250"/>
                  </a:lnTo>
                  <a:lnTo>
                    <a:pt x="2098" y="1258"/>
                  </a:lnTo>
                  <a:lnTo>
                    <a:pt x="2102" y="1266"/>
                  </a:lnTo>
                  <a:lnTo>
                    <a:pt x="2108" y="1273"/>
                  </a:lnTo>
                  <a:lnTo>
                    <a:pt x="2113" y="1280"/>
                  </a:lnTo>
                  <a:lnTo>
                    <a:pt x="2119" y="1287"/>
                  </a:lnTo>
                  <a:lnTo>
                    <a:pt x="2125" y="1293"/>
                  </a:lnTo>
                  <a:lnTo>
                    <a:pt x="2132" y="1300"/>
                  </a:lnTo>
                  <a:lnTo>
                    <a:pt x="2140" y="1306"/>
                  </a:lnTo>
                  <a:lnTo>
                    <a:pt x="2147" y="1311"/>
                  </a:lnTo>
                  <a:lnTo>
                    <a:pt x="2155" y="1316"/>
                  </a:lnTo>
                  <a:lnTo>
                    <a:pt x="2162" y="1321"/>
                  </a:lnTo>
                  <a:lnTo>
                    <a:pt x="2171" y="1326"/>
                  </a:lnTo>
                  <a:lnTo>
                    <a:pt x="2179" y="1330"/>
                  </a:lnTo>
                  <a:lnTo>
                    <a:pt x="2188" y="1334"/>
                  </a:lnTo>
                  <a:lnTo>
                    <a:pt x="2197" y="1337"/>
                  </a:lnTo>
                  <a:lnTo>
                    <a:pt x="2206" y="1340"/>
                  </a:lnTo>
                  <a:lnTo>
                    <a:pt x="2211" y="1341"/>
                  </a:lnTo>
                  <a:lnTo>
                    <a:pt x="2216" y="1342"/>
                  </a:lnTo>
                  <a:lnTo>
                    <a:pt x="2227" y="1344"/>
                  </a:lnTo>
                  <a:lnTo>
                    <a:pt x="2250" y="1347"/>
                  </a:lnTo>
                  <a:lnTo>
                    <a:pt x="2266" y="1347"/>
                  </a:lnTo>
                  <a:lnTo>
                    <a:pt x="2273" y="1346"/>
                  </a:lnTo>
                  <a:lnTo>
                    <a:pt x="2281" y="1345"/>
                  </a:lnTo>
                  <a:lnTo>
                    <a:pt x="2296" y="1342"/>
                  </a:lnTo>
                  <a:lnTo>
                    <a:pt x="2311" y="1338"/>
                  </a:lnTo>
                  <a:lnTo>
                    <a:pt x="2325" y="1333"/>
                  </a:lnTo>
                  <a:lnTo>
                    <a:pt x="2339" y="1327"/>
                  </a:lnTo>
                  <a:lnTo>
                    <a:pt x="2352" y="1320"/>
                  </a:lnTo>
                  <a:lnTo>
                    <a:pt x="2365" y="1311"/>
                  </a:lnTo>
                  <a:lnTo>
                    <a:pt x="2371" y="1307"/>
                  </a:lnTo>
                  <a:lnTo>
                    <a:pt x="2377" y="1302"/>
                  </a:lnTo>
                  <a:lnTo>
                    <a:pt x="2383" y="1297"/>
                  </a:lnTo>
                  <a:lnTo>
                    <a:pt x="2388" y="1292"/>
                  </a:lnTo>
                  <a:lnTo>
                    <a:pt x="2399" y="1280"/>
                  </a:lnTo>
                  <a:lnTo>
                    <a:pt x="2408" y="1268"/>
                  </a:lnTo>
                  <a:lnTo>
                    <a:pt x="2413" y="1262"/>
                  </a:lnTo>
                  <a:lnTo>
                    <a:pt x="2417" y="1255"/>
                  </a:lnTo>
                  <a:lnTo>
                    <a:pt x="2421" y="1248"/>
                  </a:lnTo>
                  <a:lnTo>
                    <a:pt x="2424" y="1241"/>
                  </a:lnTo>
                  <a:lnTo>
                    <a:pt x="2431" y="1226"/>
                  </a:lnTo>
                  <a:lnTo>
                    <a:pt x="2434" y="1218"/>
                  </a:lnTo>
                  <a:lnTo>
                    <a:pt x="2436" y="1211"/>
                  </a:lnTo>
                  <a:lnTo>
                    <a:pt x="2439" y="1201"/>
                  </a:lnTo>
                  <a:lnTo>
                    <a:pt x="2440" y="1192"/>
                  </a:lnTo>
                  <a:lnTo>
                    <a:pt x="2442" y="1183"/>
                  </a:lnTo>
                  <a:lnTo>
                    <a:pt x="2443" y="1174"/>
                  </a:lnTo>
                  <a:lnTo>
                    <a:pt x="2443" y="1165"/>
                  </a:lnTo>
                  <a:lnTo>
                    <a:pt x="2443" y="1155"/>
                  </a:lnTo>
                  <a:lnTo>
                    <a:pt x="2443" y="1146"/>
                  </a:lnTo>
                  <a:lnTo>
                    <a:pt x="2442" y="1137"/>
                  </a:lnTo>
                  <a:lnTo>
                    <a:pt x="2441" y="1128"/>
                  </a:lnTo>
                  <a:lnTo>
                    <a:pt x="2439" y="1120"/>
                  </a:lnTo>
                  <a:lnTo>
                    <a:pt x="2437" y="1110"/>
                  </a:lnTo>
                  <a:lnTo>
                    <a:pt x="2434" y="1101"/>
                  </a:lnTo>
                  <a:lnTo>
                    <a:pt x="2431" y="1093"/>
                  </a:lnTo>
                  <a:lnTo>
                    <a:pt x="2427" y="1084"/>
                  </a:lnTo>
                  <a:lnTo>
                    <a:pt x="2424" y="1076"/>
                  </a:lnTo>
                  <a:lnTo>
                    <a:pt x="2420" y="1068"/>
                  </a:lnTo>
                  <a:lnTo>
                    <a:pt x="2415" y="1061"/>
                  </a:lnTo>
                  <a:lnTo>
                    <a:pt x="2410" y="1053"/>
                  </a:lnTo>
                  <a:lnTo>
                    <a:pt x="2405" y="1046"/>
                  </a:lnTo>
                  <a:lnTo>
                    <a:pt x="2399" y="1039"/>
                  </a:lnTo>
                  <a:lnTo>
                    <a:pt x="2393" y="1032"/>
                  </a:lnTo>
                  <a:lnTo>
                    <a:pt x="2387" y="1025"/>
                  </a:lnTo>
                  <a:lnTo>
                    <a:pt x="2380" y="1019"/>
                  </a:lnTo>
                  <a:lnTo>
                    <a:pt x="2374" y="1013"/>
                  </a:lnTo>
                  <a:lnTo>
                    <a:pt x="2366" y="1008"/>
                  </a:lnTo>
                  <a:lnTo>
                    <a:pt x="2359" y="1003"/>
                  </a:lnTo>
                  <a:lnTo>
                    <a:pt x="2351" y="998"/>
                  </a:lnTo>
                  <a:lnTo>
                    <a:pt x="2343" y="993"/>
                  </a:lnTo>
                  <a:lnTo>
                    <a:pt x="2335" y="989"/>
                  </a:lnTo>
                  <a:lnTo>
                    <a:pt x="2326" y="985"/>
                  </a:lnTo>
                  <a:lnTo>
                    <a:pt x="2318" y="982"/>
                  </a:lnTo>
                  <a:lnTo>
                    <a:pt x="2309" y="979"/>
                  </a:lnTo>
                  <a:lnTo>
                    <a:pt x="2301" y="977"/>
                  </a:lnTo>
                  <a:lnTo>
                    <a:pt x="2294" y="976"/>
                  </a:lnTo>
                  <a:lnTo>
                    <a:pt x="2286" y="975"/>
                  </a:lnTo>
                  <a:lnTo>
                    <a:pt x="2279" y="974"/>
                  </a:lnTo>
                  <a:lnTo>
                    <a:pt x="2264" y="973"/>
                  </a:lnTo>
                  <a:lnTo>
                    <a:pt x="2250" y="974"/>
                  </a:lnTo>
                  <a:close/>
                  <a:moveTo>
                    <a:pt x="2250" y="812"/>
                  </a:moveTo>
                  <a:lnTo>
                    <a:pt x="2213" y="838"/>
                  </a:lnTo>
                  <a:lnTo>
                    <a:pt x="2176" y="862"/>
                  </a:lnTo>
                  <a:lnTo>
                    <a:pt x="2183" y="837"/>
                  </a:lnTo>
                  <a:lnTo>
                    <a:pt x="2189" y="813"/>
                  </a:lnTo>
                  <a:lnTo>
                    <a:pt x="2194" y="789"/>
                  </a:lnTo>
                  <a:lnTo>
                    <a:pt x="2199" y="765"/>
                  </a:lnTo>
                  <a:lnTo>
                    <a:pt x="2224" y="751"/>
                  </a:lnTo>
                  <a:lnTo>
                    <a:pt x="2250" y="738"/>
                  </a:lnTo>
                  <a:lnTo>
                    <a:pt x="2278" y="722"/>
                  </a:lnTo>
                  <a:lnTo>
                    <a:pt x="2307" y="706"/>
                  </a:lnTo>
                  <a:lnTo>
                    <a:pt x="2303" y="703"/>
                  </a:lnTo>
                  <a:lnTo>
                    <a:pt x="2300" y="700"/>
                  </a:lnTo>
                  <a:lnTo>
                    <a:pt x="2293" y="695"/>
                  </a:lnTo>
                  <a:lnTo>
                    <a:pt x="2278" y="687"/>
                  </a:lnTo>
                  <a:lnTo>
                    <a:pt x="2264" y="695"/>
                  </a:lnTo>
                  <a:lnTo>
                    <a:pt x="2250" y="703"/>
                  </a:lnTo>
                  <a:lnTo>
                    <a:pt x="2201" y="728"/>
                  </a:lnTo>
                  <a:lnTo>
                    <a:pt x="2153" y="753"/>
                  </a:lnTo>
                  <a:lnTo>
                    <a:pt x="2104" y="779"/>
                  </a:lnTo>
                  <a:lnTo>
                    <a:pt x="2056" y="805"/>
                  </a:lnTo>
                  <a:lnTo>
                    <a:pt x="2033" y="759"/>
                  </a:lnTo>
                  <a:lnTo>
                    <a:pt x="2154" y="701"/>
                  </a:lnTo>
                  <a:lnTo>
                    <a:pt x="2188" y="685"/>
                  </a:lnTo>
                  <a:lnTo>
                    <a:pt x="2177" y="677"/>
                  </a:lnTo>
                  <a:lnTo>
                    <a:pt x="2167" y="669"/>
                  </a:lnTo>
                  <a:lnTo>
                    <a:pt x="2156" y="663"/>
                  </a:lnTo>
                  <a:lnTo>
                    <a:pt x="2145" y="658"/>
                  </a:lnTo>
                  <a:lnTo>
                    <a:pt x="2133" y="653"/>
                  </a:lnTo>
                  <a:lnTo>
                    <a:pt x="2122" y="649"/>
                  </a:lnTo>
                  <a:lnTo>
                    <a:pt x="2110" y="645"/>
                  </a:lnTo>
                  <a:lnTo>
                    <a:pt x="2098" y="642"/>
                  </a:lnTo>
                  <a:lnTo>
                    <a:pt x="2116" y="636"/>
                  </a:lnTo>
                  <a:lnTo>
                    <a:pt x="2135" y="630"/>
                  </a:lnTo>
                  <a:lnTo>
                    <a:pt x="2154" y="624"/>
                  </a:lnTo>
                  <a:lnTo>
                    <a:pt x="2173" y="618"/>
                  </a:lnTo>
                  <a:lnTo>
                    <a:pt x="2212" y="608"/>
                  </a:lnTo>
                  <a:lnTo>
                    <a:pt x="2250" y="600"/>
                  </a:lnTo>
                  <a:lnTo>
                    <a:pt x="2277" y="595"/>
                  </a:lnTo>
                  <a:lnTo>
                    <a:pt x="2303" y="591"/>
                  </a:lnTo>
                  <a:lnTo>
                    <a:pt x="2317" y="589"/>
                  </a:lnTo>
                  <a:lnTo>
                    <a:pt x="2330" y="587"/>
                  </a:lnTo>
                  <a:lnTo>
                    <a:pt x="2357" y="585"/>
                  </a:lnTo>
                  <a:lnTo>
                    <a:pt x="2384" y="584"/>
                  </a:lnTo>
                  <a:lnTo>
                    <a:pt x="2411" y="584"/>
                  </a:lnTo>
                  <a:lnTo>
                    <a:pt x="2424" y="584"/>
                  </a:lnTo>
                  <a:lnTo>
                    <a:pt x="2438" y="585"/>
                  </a:lnTo>
                  <a:lnTo>
                    <a:pt x="2464" y="587"/>
                  </a:lnTo>
                  <a:lnTo>
                    <a:pt x="2455" y="604"/>
                  </a:lnTo>
                  <a:lnTo>
                    <a:pt x="2444" y="620"/>
                  </a:lnTo>
                  <a:lnTo>
                    <a:pt x="2433" y="636"/>
                  </a:lnTo>
                  <a:lnTo>
                    <a:pt x="2421" y="651"/>
                  </a:lnTo>
                  <a:lnTo>
                    <a:pt x="2409" y="666"/>
                  </a:lnTo>
                  <a:lnTo>
                    <a:pt x="2396" y="681"/>
                  </a:lnTo>
                  <a:lnTo>
                    <a:pt x="2383" y="696"/>
                  </a:lnTo>
                  <a:lnTo>
                    <a:pt x="2369" y="710"/>
                  </a:lnTo>
                  <a:lnTo>
                    <a:pt x="2341" y="737"/>
                  </a:lnTo>
                  <a:lnTo>
                    <a:pt x="2326" y="751"/>
                  </a:lnTo>
                  <a:lnTo>
                    <a:pt x="2311" y="764"/>
                  </a:lnTo>
                  <a:lnTo>
                    <a:pt x="2296" y="776"/>
                  </a:lnTo>
                  <a:lnTo>
                    <a:pt x="2281" y="789"/>
                  </a:lnTo>
                  <a:lnTo>
                    <a:pt x="2266" y="801"/>
                  </a:lnTo>
                  <a:lnTo>
                    <a:pt x="2250" y="812"/>
                  </a:lnTo>
                  <a:close/>
                  <a:moveTo>
                    <a:pt x="2250" y="31"/>
                  </a:moveTo>
                  <a:lnTo>
                    <a:pt x="2234" y="21"/>
                  </a:lnTo>
                  <a:lnTo>
                    <a:pt x="2227" y="16"/>
                  </a:lnTo>
                  <a:lnTo>
                    <a:pt x="2220" y="10"/>
                  </a:lnTo>
                  <a:lnTo>
                    <a:pt x="2250" y="10"/>
                  </a:lnTo>
                  <a:lnTo>
                    <a:pt x="2553" y="10"/>
                  </a:lnTo>
                  <a:lnTo>
                    <a:pt x="2553" y="351"/>
                  </a:lnTo>
                  <a:lnTo>
                    <a:pt x="2546" y="339"/>
                  </a:lnTo>
                  <a:lnTo>
                    <a:pt x="2538" y="327"/>
                  </a:lnTo>
                  <a:lnTo>
                    <a:pt x="2523" y="305"/>
                  </a:lnTo>
                  <a:lnTo>
                    <a:pt x="2507" y="282"/>
                  </a:lnTo>
                  <a:lnTo>
                    <a:pt x="2490" y="260"/>
                  </a:lnTo>
                  <a:lnTo>
                    <a:pt x="2482" y="249"/>
                  </a:lnTo>
                  <a:lnTo>
                    <a:pt x="2473" y="239"/>
                  </a:lnTo>
                  <a:lnTo>
                    <a:pt x="2455" y="218"/>
                  </a:lnTo>
                  <a:lnTo>
                    <a:pt x="2437" y="197"/>
                  </a:lnTo>
                  <a:lnTo>
                    <a:pt x="2418" y="176"/>
                  </a:lnTo>
                  <a:lnTo>
                    <a:pt x="2399" y="157"/>
                  </a:lnTo>
                  <a:lnTo>
                    <a:pt x="2379" y="137"/>
                  </a:lnTo>
                  <a:lnTo>
                    <a:pt x="2359" y="118"/>
                  </a:lnTo>
                  <a:lnTo>
                    <a:pt x="2338" y="100"/>
                  </a:lnTo>
                  <a:lnTo>
                    <a:pt x="2317" y="82"/>
                  </a:lnTo>
                  <a:lnTo>
                    <a:pt x="2295" y="65"/>
                  </a:lnTo>
                  <a:lnTo>
                    <a:pt x="2273" y="48"/>
                  </a:lnTo>
                  <a:lnTo>
                    <a:pt x="2250" y="31"/>
                  </a:lnTo>
                  <a:close/>
                  <a:moveTo>
                    <a:pt x="2730" y="1347"/>
                  </a:moveTo>
                  <a:lnTo>
                    <a:pt x="2776" y="1335"/>
                  </a:lnTo>
                  <a:lnTo>
                    <a:pt x="2780" y="1349"/>
                  </a:lnTo>
                  <a:lnTo>
                    <a:pt x="2785" y="1362"/>
                  </a:lnTo>
                  <a:lnTo>
                    <a:pt x="2791" y="1375"/>
                  </a:lnTo>
                  <a:lnTo>
                    <a:pt x="2797" y="1386"/>
                  </a:lnTo>
                  <a:lnTo>
                    <a:pt x="2804" y="1397"/>
                  </a:lnTo>
                  <a:lnTo>
                    <a:pt x="2812" y="1406"/>
                  </a:lnTo>
                  <a:lnTo>
                    <a:pt x="2821" y="1415"/>
                  </a:lnTo>
                  <a:lnTo>
                    <a:pt x="2825" y="1418"/>
                  </a:lnTo>
                  <a:lnTo>
                    <a:pt x="2830" y="1422"/>
                  </a:lnTo>
                  <a:lnTo>
                    <a:pt x="2840" y="1429"/>
                  </a:lnTo>
                  <a:lnTo>
                    <a:pt x="2851" y="1434"/>
                  </a:lnTo>
                  <a:lnTo>
                    <a:pt x="2862" y="1439"/>
                  </a:lnTo>
                  <a:lnTo>
                    <a:pt x="2868" y="1441"/>
                  </a:lnTo>
                  <a:lnTo>
                    <a:pt x="2874" y="1443"/>
                  </a:lnTo>
                  <a:lnTo>
                    <a:pt x="2881" y="1445"/>
                  </a:lnTo>
                  <a:lnTo>
                    <a:pt x="2888" y="1446"/>
                  </a:lnTo>
                  <a:lnTo>
                    <a:pt x="2901" y="1448"/>
                  </a:lnTo>
                  <a:lnTo>
                    <a:pt x="2916" y="1449"/>
                  </a:lnTo>
                  <a:lnTo>
                    <a:pt x="2932" y="1450"/>
                  </a:lnTo>
                  <a:lnTo>
                    <a:pt x="2944" y="1449"/>
                  </a:lnTo>
                  <a:lnTo>
                    <a:pt x="2956" y="1448"/>
                  </a:lnTo>
                  <a:lnTo>
                    <a:pt x="2962" y="1447"/>
                  </a:lnTo>
                  <a:lnTo>
                    <a:pt x="2968" y="1446"/>
                  </a:lnTo>
                  <a:lnTo>
                    <a:pt x="2978" y="1442"/>
                  </a:lnTo>
                  <a:lnTo>
                    <a:pt x="2988" y="1438"/>
                  </a:lnTo>
                  <a:lnTo>
                    <a:pt x="2997" y="1433"/>
                  </a:lnTo>
                  <a:lnTo>
                    <a:pt x="3006" y="1428"/>
                  </a:lnTo>
                  <a:lnTo>
                    <a:pt x="3013" y="1421"/>
                  </a:lnTo>
                  <a:lnTo>
                    <a:pt x="3017" y="1418"/>
                  </a:lnTo>
                  <a:lnTo>
                    <a:pt x="3020" y="1414"/>
                  </a:lnTo>
                  <a:lnTo>
                    <a:pt x="3023" y="1410"/>
                  </a:lnTo>
                  <a:lnTo>
                    <a:pt x="3026" y="1406"/>
                  </a:lnTo>
                  <a:lnTo>
                    <a:pt x="3031" y="1397"/>
                  </a:lnTo>
                  <a:lnTo>
                    <a:pt x="3036" y="1388"/>
                  </a:lnTo>
                  <a:lnTo>
                    <a:pt x="3037" y="1383"/>
                  </a:lnTo>
                  <a:lnTo>
                    <a:pt x="3039" y="1378"/>
                  </a:lnTo>
                  <a:lnTo>
                    <a:pt x="3041" y="1367"/>
                  </a:lnTo>
                  <a:lnTo>
                    <a:pt x="3042" y="1361"/>
                  </a:lnTo>
                  <a:lnTo>
                    <a:pt x="3043" y="1355"/>
                  </a:lnTo>
                  <a:lnTo>
                    <a:pt x="3043" y="1343"/>
                  </a:lnTo>
                  <a:lnTo>
                    <a:pt x="3043" y="1337"/>
                  </a:lnTo>
                  <a:lnTo>
                    <a:pt x="3043" y="1331"/>
                  </a:lnTo>
                  <a:lnTo>
                    <a:pt x="3041" y="1325"/>
                  </a:lnTo>
                  <a:lnTo>
                    <a:pt x="3040" y="1319"/>
                  </a:lnTo>
                  <a:lnTo>
                    <a:pt x="3038" y="1314"/>
                  </a:lnTo>
                  <a:lnTo>
                    <a:pt x="3036" y="1308"/>
                  </a:lnTo>
                  <a:lnTo>
                    <a:pt x="3033" y="1303"/>
                  </a:lnTo>
                  <a:lnTo>
                    <a:pt x="3031" y="1299"/>
                  </a:lnTo>
                  <a:lnTo>
                    <a:pt x="3024" y="1290"/>
                  </a:lnTo>
                  <a:lnTo>
                    <a:pt x="3016" y="1282"/>
                  </a:lnTo>
                  <a:lnTo>
                    <a:pt x="3007" y="1274"/>
                  </a:lnTo>
                  <a:lnTo>
                    <a:pt x="3002" y="1271"/>
                  </a:lnTo>
                  <a:lnTo>
                    <a:pt x="2997" y="1267"/>
                  </a:lnTo>
                  <a:lnTo>
                    <a:pt x="2986" y="1261"/>
                  </a:lnTo>
                  <a:lnTo>
                    <a:pt x="2974" y="1255"/>
                  </a:lnTo>
                  <a:lnTo>
                    <a:pt x="2962" y="1250"/>
                  </a:lnTo>
                  <a:lnTo>
                    <a:pt x="2949" y="1244"/>
                  </a:lnTo>
                  <a:lnTo>
                    <a:pt x="2936" y="1239"/>
                  </a:lnTo>
                  <a:lnTo>
                    <a:pt x="2922" y="1235"/>
                  </a:lnTo>
                  <a:lnTo>
                    <a:pt x="2894" y="1225"/>
                  </a:lnTo>
                  <a:lnTo>
                    <a:pt x="2867" y="1215"/>
                  </a:lnTo>
                  <a:lnTo>
                    <a:pt x="2853" y="1210"/>
                  </a:lnTo>
                  <a:lnTo>
                    <a:pt x="2840" y="1204"/>
                  </a:lnTo>
                  <a:lnTo>
                    <a:pt x="2827" y="1198"/>
                  </a:lnTo>
                  <a:lnTo>
                    <a:pt x="2815" y="1191"/>
                  </a:lnTo>
                  <a:lnTo>
                    <a:pt x="2803" y="1184"/>
                  </a:lnTo>
                  <a:lnTo>
                    <a:pt x="2792" y="1176"/>
                  </a:lnTo>
                  <a:lnTo>
                    <a:pt x="2782" y="1168"/>
                  </a:lnTo>
                  <a:lnTo>
                    <a:pt x="2777" y="1163"/>
                  </a:lnTo>
                  <a:lnTo>
                    <a:pt x="2773" y="1158"/>
                  </a:lnTo>
                  <a:lnTo>
                    <a:pt x="2765" y="1148"/>
                  </a:lnTo>
                  <a:lnTo>
                    <a:pt x="2762" y="1143"/>
                  </a:lnTo>
                  <a:lnTo>
                    <a:pt x="2758" y="1137"/>
                  </a:lnTo>
                  <a:lnTo>
                    <a:pt x="2753" y="1125"/>
                  </a:lnTo>
                  <a:lnTo>
                    <a:pt x="2751" y="1117"/>
                  </a:lnTo>
                  <a:lnTo>
                    <a:pt x="2748" y="1110"/>
                  </a:lnTo>
                  <a:lnTo>
                    <a:pt x="2746" y="1103"/>
                  </a:lnTo>
                  <a:lnTo>
                    <a:pt x="2745" y="1096"/>
                  </a:lnTo>
                  <a:lnTo>
                    <a:pt x="2745" y="1088"/>
                  </a:lnTo>
                  <a:lnTo>
                    <a:pt x="2745" y="1080"/>
                  </a:lnTo>
                  <a:lnTo>
                    <a:pt x="2745" y="1073"/>
                  </a:lnTo>
                  <a:lnTo>
                    <a:pt x="2745" y="1065"/>
                  </a:lnTo>
                  <a:lnTo>
                    <a:pt x="2746" y="1058"/>
                  </a:lnTo>
                  <a:lnTo>
                    <a:pt x="2747" y="1051"/>
                  </a:lnTo>
                  <a:lnTo>
                    <a:pt x="2750" y="1044"/>
                  </a:lnTo>
                  <a:lnTo>
                    <a:pt x="2751" y="1037"/>
                  </a:lnTo>
                  <a:lnTo>
                    <a:pt x="2753" y="1031"/>
                  </a:lnTo>
                  <a:lnTo>
                    <a:pt x="2756" y="1024"/>
                  </a:lnTo>
                  <a:lnTo>
                    <a:pt x="2758" y="1018"/>
                  </a:lnTo>
                  <a:lnTo>
                    <a:pt x="2761" y="1012"/>
                  </a:lnTo>
                  <a:lnTo>
                    <a:pt x="2765" y="1006"/>
                  </a:lnTo>
                  <a:lnTo>
                    <a:pt x="2768" y="1000"/>
                  </a:lnTo>
                  <a:lnTo>
                    <a:pt x="2772" y="995"/>
                  </a:lnTo>
                  <a:lnTo>
                    <a:pt x="2777" y="989"/>
                  </a:lnTo>
                  <a:lnTo>
                    <a:pt x="2786" y="979"/>
                  </a:lnTo>
                  <a:lnTo>
                    <a:pt x="2791" y="975"/>
                  </a:lnTo>
                  <a:lnTo>
                    <a:pt x="2796" y="970"/>
                  </a:lnTo>
                  <a:lnTo>
                    <a:pt x="2808" y="962"/>
                  </a:lnTo>
                  <a:lnTo>
                    <a:pt x="2815" y="958"/>
                  </a:lnTo>
                  <a:lnTo>
                    <a:pt x="2821" y="955"/>
                  </a:lnTo>
                  <a:lnTo>
                    <a:pt x="2828" y="952"/>
                  </a:lnTo>
                  <a:lnTo>
                    <a:pt x="2835" y="949"/>
                  </a:lnTo>
                  <a:lnTo>
                    <a:pt x="2851" y="945"/>
                  </a:lnTo>
                  <a:lnTo>
                    <a:pt x="2867" y="941"/>
                  </a:lnTo>
                  <a:lnTo>
                    <a:pt x="2876" y="940"/>
                  </a:lnTo>
                  <a:lnTo>
                    <a:pt x="2885" y="939"/>
                  </a:lnTo>
                  <a:lnTo>
                    <a:pt x="2894" y="938"/>
                  </a:lnTo>
                  <a:lnTo>
                    <a:pt x="2903" y="938"/>
                  </a:lnTo>
                  <a:lnTo>
                    <a:pt x="2919" y="939"/>
                  </a:lnTo>
                  <a:lnTo>
                    <a:pt x="2935" y="941"/>
                  </a:lnTo>
                  <a:lnTo>
                    <a:pt x="2949" y="943"/>
                  </a:lnTo>
                  <a:lnTo>
                    <a:pt x="2957" y="945"/>
                  </a:lnTo>
                  <a:lnTo>
                    <a:pt x="2964" y="947"/>
                  </a:lnTo>
                  <a:lnTo>
                    <a:pt x="2977" y="952"/>
                  </a:lnTo>
                  <a:lnTo>
                    <a:pt x="2984" y="955"/>
                  </a:lnTo>
                  <a:lnTo>
                    <a:pt x="2990" y="958"/>
                  </a:lnTo>
                  <a:lnTo>
                    <a:pt x="3002" y="965"/>
                  </a:lnTo>
                  <a:lnTo>
                    <a:pt x="3013" y="973"/>
                  </a:lnTo>
                  <a:lnTo>
                    <a:pt x="3019" y="978"/>
                  </a:lnTo>
                  <a:lnTo>
                    <a:pt x="3024" y="982"/>
                  </a:lnTo>
                  <a:lnTo>
                    <a:pt x="3034" y="992"/>
                  </a:lnTo>
                  <a:lnTo>
                    <a:pt x="3043" y="1003"/>
                  </a:lnTo>
                  <a:lnTo>
                    <a:pt x="3052" y="1015"/>
                  </a:lnTo>
                  <a:lnTo>
                    <a:pt x="3056" y="1021"/>
                  </a:lnTo>
                  <a:lnTo>
                    <a:pt x="3059" y="1027"/>
                  </a:lnTo>
                  <a:lnTo>
                    <a:pt x="3063" y="1034"/>
                  </a:lnTo>
                  <a:lnTo>
                    <a:pt x="3066" y="1040"/>
                  </a:lnTo>
                  <a:lnTo>
                    <a:pt x="3072" y="1055"/>
                  </a:lnTo>
                  <a:lnTo>
                    <a:pt x="3077" y="1069"/>
                  </a:lnTo>
                  <a:lnTo>
                    <a:pt x="3035" y="1082"/>
                  </a:lnTo>
                  <a:lnTo>
                    <a:pt x="3031" y="1071"/>
                  </a:lnTo>
                  <a:lnTo>
                    <a:pt x="3026" y="1061"/>
                  </a:lnTo>
                  <a:lnTo>
                    <a:pt x="3021" y="1051"/>
                  </a:lnTo>
                  <a:lnTo>
                    <a:pt x="3016" y="1041"/>
                  </a:lnTo>
                  <a:lnTo>
                    <a:pt x="3009" y="1033"/>
                  </a:lnTo>
                  <a:lnTo>
                    <a:pt x="3003" y="1024"/>
                  </a:lnTo>
                  <a:lnTo>
                    <a:pt x="2995" y="1016"/>
                  </a:lnTo>
                  <a:lnTo>
                    <a:pt x="2988" y="1009"/>
                  </a:lnTo>
                  <a:lnTo>
                    <a:pt x="2979" y="1003"/>
                  </a:lnTo>
                  <a:lnTo>
                    <a:pt x="2970" y="997"/>
                  </a:lnTo>
                  <a:lnTo>
                    <a:pt x="2960" y="992"/>
                  </a:lnTo>
                  <a:lnTo>
                    <a:pt x="2950" y="988"/>
                  </a:lnTo>
                  <a:lnTo>
                    <a:pt x="2939" y="985"/>
                  </a:lnTo>
                  <a:lnTo>
                    <a:pt x="2934" y="984"/>
                  </a:lnTo>
                  <a:lnTo>
                    <a:pt x="2928" y="983"/>
                  </a:lnTo>
                  <a:lnTo>
                    <a:pt x="2916" y="981"/>
                  </a:lnTo>
                  <a:lnTo>
                    <a:pt x="2903" y="981"/>
                  </a:lnTo>
                  <a:lnTo>
                    <a:pt x="2892" y="981"/>
                  </a:lnTo>
                  <a:lnTo>
                    <a:pt x="2880" y="982"/>
                  </a:lnTo>
                  <a:lnTo>
                    <a:pt x="2869" y="985"/>
                  </a:lnTo>
                  <a:lnTo>
                    <a:pt x="2859" y="987"/>
                  </a:lnTo>
                  <a:lnTo>
                    <a:pt x="2850" y="991"/>
                  </a:lnTo>
                  <a:lnTo>
                    <a:pt x="2845" y="993"/>
                  </a:lnTo>
                  <a:lnTo>
                    <a:pt x="2841" y="995"/>
                  </a:lnTo>
                  <a:lnTo>
                    <a:pt x="2836" y="998"/>
                  </a:lnTo>
                  <a:lnTo>
                    <a:pt x="2832" y="1001"/>
                  </a:lnTo>
                  <a:lnTo>
                    <a:pt x="2828" y="1003"/>
                  </a:lnTo>
                  <a:lnTo>
                    <a:pt x="2824" y="1007"/>
                  </a:lnTo>
                  <a:lnTo>
                    <a:pt x="2821" y="1010"/>
                  </a:lnTo>
                  <a:lnTo>
                    <a:pt x="2818" y="1013"/>
                  </a:lnTo>
                  <a:lnTo>
                    <a:pt x="2814" y="1017"/>
                  </a:lnTo>
                  <a:lnTo>
                    <a:pt x="2811" y="1021"/>
                  </a:lnTo>
                  <a:lnTo>
                    <a:pt x="2809" y="1025"/>
                  </a:lnTo>
                  <a:lnTo>
                    <a:pt x="2806" y="1029"/>
                  </a:lnTo>
                  <a:lnTo>
                    <a:pt x="2804" y="1033"/>
                  </a:lnTo>
                  <a:lnTo>
                    <a:pt x="2802" y="1038"/>
                  </a:lnTo>
                  <a:lnTo>
                    <a:pt x="2798" y="1047"/>
                  </a:lnTo>
                  <a:lnTo>
                    <a:pt x="2797" y="1052"/>
                  </a:lnTo>
                  <a:lnTo>
                    <a:pt x="2796" y="1058"/>
                  </a:lnTo>
                  <a:lnTo>
                    <a:pt x="2795" y="1063"/>
                  </a:lnTo>
                  <a:lnTo>
                    <a:pt x="2794" y="1068"/>
                  </a:lnTo>
                  <a:lnTo>
                    <a:pt x="2793" y="1080"/>
                  </a:lnTo>
                  <a:lnTo>
                    <a:pt x="2794" y="1087"/>
                  </a:lnTo>
                  <a:lnTo>
                    <a:pt x="2794" y="1093"/>
                  </a:lnTo>
                  <a:lnTo>
                    <a:pt x="2795" y="1099"/>
                  </a:lnTo>
                  <a:lnTo>
                    <a:pt x="2797" y="1105"/>
                  </a:lnTo>
                  <a:lnTo>
                    <a:pt x="2799" y="1111"/>
                  </a:lnTo>
                  <a:lnTo>
                    <a:pt x="2803" y="1117"/>
                  </a:lnTo>
                  <a:lnTo>
                    <a:pt x="2807" y="1124"/>
                  </a:lnTo>
                  <a:lnTo>
                    <a:pt x="2812" y="1130"/>
                  </a:lnTo>
                  <a:lnTo>
                    <a:pt x="2819" y="1136"/>
                  </a:lnTo>
                  <a:lnTo>
                    <a:pt x="2827" y="1142"/>
                  </a:lnTo>
                  <a:lnTo>
                    <a:pt x="2836" y="1148"/>
                  </a:lnTo>
                  <a:lnTo>
                    <a:pt x="2847" y="1154"/>
                  </a:lnTo>
                  <a:lnTo>
                    <a:pt x="2859" y="1160"/>
                  </a:lnTo>
                  <a:lnTo>
                    <a:pt x="2873" y="1167"/>
                  </a:lnTo>
                  <a:lnTo>
                    <a:pt x="2889" y="1174"/>
                  </a:lnTo>
                  <a:lnTo>
                    <a:pt x="2907" y="1180"/>
                  </a:lnTo>
                  <a:lnTo>
                    <a:pt x="2934" y="1190"/>
                  </a:lnTo>
                  <a:lnTo>
                    <a:pt x="2959" y="1200"/>
                  </a:lnTo>
                  <a:lnTo>
                    <a:pt x="2981" y="1210"/>
                  </a:lnTo>
                  <a:lnTo>
                    <a:pt x="3001" y="1219"/>
                  </a:lnTo>
                  <a:lnTo>
                    <a:pt x="3010" y="1224"/>
                  </a:lnTo>
                  <a:lnTo>
                    <a:pt x="3018" y="1228"/>
                  </a:lnTo>
                  <a:lnTo>
                    <a:pt x="3026" y="1233"/>
                  </a:lnTo>
                  <a:lnTo>
                    <a:pt x="3034" y="1238"/>
                  </a:lnTo>
                  <a:lnTo>
                    <a:pt x="3040" y="1242"/>
                  </a:lnTo>
                  <a:lnTo>
                    <a:pt x="3047" y="1247"/>
                  </a:lnTo>
                  <a:lnTo>
                    <a:pt x="3058" y="1257"/>
                  </a:lnTo>
                  <a:lnTo>
                    <a:pt x="3063" y="1261"/>
                  </a:lnTo>
                  <a:lnTo>
                    <a:pt x="3067" y="1266"/>
                  </a:lnTo>
                  <a:lnTo>
                    <a:pt x="3075" y="1276"/>
                  </a:lnTo>
                  <a:lnTo>
                    <a:pt x="3081" y="1287"/>
                  </a:lnTo>
                  <a:lnTo>
                    <a:pt x="3086" y="1298"/>
                  </a:lnTo>
                  <a:lnTo>
                    <a:pt x="3089" y="1310"/>
                  </a:lnTo>
                  <a:lnTo>
                    <a:pt x="3090" y="1316"/>
                  </a:lnTo>
                  <a:lnTo>
                    <a:pt x="3091" y="1322"/>
                  </a:lnTo>
                  <a:lnTo>
                    <a:pt x="3093" y="1335"/>
                  </a:lnTo>
                  <a:lnTo>
                    <a:pt x="3093" y="1349"/>
                  </a:lnTo>
                  <a:lnTo>
                    <a:pt x="3093" y="1357"/>
                  </a:lnTo>
                  <a:lnTo>
                    <a:pt x="3092" y="1366"/>
                  </a:lnTo>
                  <a:lnTo>
                    <a:pt x="3091" y="1374"/>
                  </a:lnTo>
                  <a:lnTo>
                    <a:pt x="3089" y="1381"/>
                  </a:lnTo>
                  <a:lnTo>
                    <a:pt x="3085" y="1396"/>
                  </a:lnTo>
                  <a:lnTo>
                    <a:pt x="3082" y="1404"/>
                  </a:lnTo>
                  <a:lnTo>
                    <a:pt x="3079" y="1410"/>
                  </a:lnTo>
                  <a:lnTo>
                    <a:pt x="3072" y="1423"/>
                  </a:lnTo>
                  <a:lnTo>
                    <a:pt x="3068" y="1429"/>
                  </a:lnTo>
                  <a:lnTo>
                    <a:pt x="3063" y="1435"/>
                  </a:lnTo>
                  <a:lnTo>
                    <a:pt x="3058" y="1441"/>
                  </a:lnTo>
                  <a:lnTo>
                    <a:pt x="3053" y="1446"/>
                  </a:lnTo>
                  <a:lnTo>
                    <a:pt x="3048" y="1451"/>
                  </a:lnTo>
                  <a:lnTo>
                    <a:pt x="3042" y="1456"/>
                  </a:lnTo>
                  <a:lnTo>
                    <a:pt x="3030" y="1465"/>
                  </a:lnTo>
                  <a:lnTo>
                    <a:pt x="3017" y="1472"/>
                  </a:lnTo>
                  <a:lnTo>
                    <a:pt x="3003" y="1479"/>
                  </a:lnTo>
                  <a:lnTo>
                    <a:pt x="2988" y="1484"/>
                  </a:lnTo>
                  <a:lnTo>
                    <a:pt x="2973" y="1489"/>
                  </a:lnTo>
                  <a:lnTo>
                    <a:pt x="2957" y="1492"/>
                  </a:lnTo>
                  <a:lnTo>
                    <a:pt x="2949" y="1493"/>
                  </a:lnTo>
                  <a:lnTo>
                    <a:pt x="2941" y="1494"/>
                  </a:lnTo>
                  <a:lnTo>
                    <a:pt x="2933" y="1494"/>
                  </a:lnTo>
                  <a:lnTo>
                    <a:pt x="2925" y="1494"/>
                  </a:lnTo>
                  <a:lnTo>
                    <a:pt x="2906" y="1494"/>
                  </a:lnTo>
                  <a:lnTo>
                    <a:pt x="2888" y="1492"/>
                  </a:lnTo>
                  <a:lnTo>
                    <a:pt x="2879" y="1490"/>
                  </a:lnTo>
                  <a:lnTo>
                    <a:pt x="2871" y="1489"/>
                  </a:lnTo>
                  <a:lnTo>
                    <a:pt x="2855" y="1485"/>
                  </a:lnTo>
                  <a:lnTo>
                    <a:pt x="2847" y="1482"/>
                  </a:lnTo>
                  <a:lnTo>
                    <a:pt x="2840" y="1480"/>
                  </a:lnTo>
                  <a:lnTo>
                    <a:pt x="2825" y="1473"/>
                  </a:lnTo>
                  <a:lnTo>
                    <a:pt x="2819" y="1470"/>
                  </a:lnTo>
                  <a:lnTo>
                    <a:pt x="2812" y="1466"/>
                  </a:lnTo>
                  <a:lnTo>
                    <a:pt x="2806" y="1462"/>
                  </a:lnTo>
                  <a:lnTo>
                    <a:pt x="2800" y="1457"/>
                  </a:lnTo>
                  <a:lnTo>
                    <a:pt x="2794" y="1452"/>
                  </a:lnTo>
                  <a:lnTo>
                    <a:pt x="2789" y="1447"/>
                  </a:lnTo>
                  <a:lnTo>
                    <a:pt x="2783" y="1442"/>
                  </a:lnTo>
                  <a:lnTo>
                    <a:pt x="2778" y="1436"/>
                  </a:lnTo>
                  <a:lnTo>
                    <a:pt x="2768" y="1424"/>
                  </a:lnTo>
                  <a:lnTo>
                    <a:pt x="2760" y="1411"/>
                  </a:lnTo>
                  <a:lnTo>
                    <a:pt x="2751" y="1397"/>
                  </a:lnTo>
                  <a:lnTo>
                    <a:pt x="2743" y="1381"/>
                  </a:lnTo>
                  <a:lnTo>
                    <a:pt x="2736" y="1365"/>
                  </a:lnTo>
                  <a:lnTo>
                    <a:pt x="2730" y="1347"/>
                  </a:lnTo>
                  <a:close/>
                  <a:moveTo>
                    <a:pt x="3844" y="1007"/>
                  </a:moveTo>
                  <a:lnTo>
                    <a:pt x="3837" y="1007"/>
                  </a:lnTo>
                  <a:lnTo>
                    <a:pt x="3752" y="1262"/>
                  </a:lnTo>
                  <a:lnTo>
                    <a:pt x="3844" y="1262"/>
                  </a:lnTo>
                  <a:lnTo>
                    <a:pt x="3936" y="1262"/>
                  </a:lnTo>
                  <a:lnTo>
                    <a:pt x="3851" y="1007"/>
                  </a:lnTo>
                  <a:lnTo>
                    <a:pt x="3844" y="1007"/>
                  </a:lnTo>
                  <a:close/>
                  <a:moveTo>
                    <a:pt x="3844" y="1308"/>
                  </a:moveTo>
                  <a:lnTo>
                    <a:pt x="3736" y="1308"/>
                  </a:lnTo>
                  <a:lnTo>
                    <a:pt x="3677" y="1483"/>
                  </a:lnTo>
                  <a:lnTo>
                    <a:pt x="3622" y="1483"/>
                  </a:lnTo>
                  <a:lnTo>
                    <a:pt x="3803" y="949"/>
                  </a:lnTo>
                  <a:lnTo>
                    <a:pt x="3844" y="949"/>
                  </a:lnTo>
                  <a:lnTo>
                    <a:pt x="3885" y="949"/>
                  </a:lnTo>
                  <a:lnTo>
                    <a:pt x="4065" y="1483"/>
                  </a:lnTo>
                  <a:lnTo>
                    <a:pt x="4010" y="1483"/>
                  </a:lnTo>
                  <a:lnTo>
                    <a:pt x="3950" y="1308"/>
                  </a:lnTo>
                  <a:lnTo>
                    <a:pt x="3844" y="1308"/>
                  </a:lnTo>
                  <a:close/>
                  <a:moveTo>
                    <a:pt x="4082" y="995"/>
                  </a:moveTo>
                  <a:lnTo>
                    <a:pt x="4072" y="995"/>
                  </a:lnTo>
                  <a:lnTo>
                    <a:pt x="4072" y="949"/>
                  </a:lnTo>
                  <a:lnTo>
                    <a:pt x="4082" y="949"/>
                  </a:lnTo>
                  <a:lnTo>
                    <a:pt x="4447" y="949"/>
                  </a:lnTo>
                  <a:lnTo>
                    <a:pt x="4447" y="995"/>
                  </a:lnTo>
                  <a:lnTo>
                    <a:pt x="4284" y="995"/>
                  </a:lnTo>
                  <a:lnTo>
                    <a:pt x="4284" y="1483"/>
                  </a:lnTo>
                  <a:lnTo>
                    <a:pt x="4235" y="1483"/>
                  </a:lnTo>
                  <a:lnTo>
                    <a:pt x="4235" y="995"/>
                  </a:lnTo>
                  <a:lnTo>
                    <a:pt x="4082" y="995"/>
                  </a:lnTo>
                  <a:close/>
                  <a:moveTo>
                    <a:pt x="4643" y="995"/>
                  </a:moveTo>
                  <a:lnTo>
                    <a:pt x="4515" y="995"/>
                  </a:lnTo>
                  <a:lnTo>
                    <a:pt x="4515" y="949"/>
                  </a:lnTo>
                  <a:lnTo>
                    <a:pt x="4643" y="949"/>
                  </a:lnTo>
                  <a:lnTo>
                    <a:pt x="4892" y="949"/>
                  </a:lnTo>
                  <a:lnTo>
                    <a:pt x="4892" y="995"/>
                  </a:lnTo>
                  <a:lnTo>
                    <a:pt x="4729" y="995"/>
                  </a:lnTo>
                  <a:lnTo>
                    <a:pt x="4729" y="1483"/>
                  </a:lnTo>
                  <a:lnTo>
                    <a:pt x="4677" y="1483"/>
                  </a:lnTo>
                  <a:lnTo>
                    <a:pt x="4677" y="995"/>
                  </a:lnTo>
                  <a:lnTo>
                    <a:pt x="4643" y="995"/>
                  </a:lnTo>
                  <a:close/>
                  <a:moveTo>
                    <a:pt x="3388" y="1168"/>
                  </a:moveTo>
                  <a:lnTo>
                    <a:pt x="3578" y="1483"/>
                  </a:lnTo>
                  <a:lnTo>
                    <a:pt x="3521" y="1483"/>
                  </a:lnTo>
                  <a:lnTo>
                    <a:pt x="3355" y="1203"/>
                  </a:lnTo>
                  <a:lnTo>
                    <a:pt x="3244" y="1333"/>
                  </a:lnTo>
                  <a:lnTo>
                    <a:pt x="3244" y="1483"/>
                  </a:lnTo>
                  <a:lnTo>
                    <a:pt x="3192" y="1483"/>
                  </a:lnTo>
                  <a:lnTo>
                    <a:pt x="3192" y="949"/>
                  </a:lnTo>
                  <a:lnTo>
                    <a:pt x="3244" y="949"/>
                  </a:lnTo>
                  <a:lnTo>
                    <a:pt x="3244" y="1262"/>
                  </a:lnTo>
                  <a:lnTo>
                    <a:pt x="3512" y="949"/>
                  </a:lnTo>
                  <a:lnTo>
                    <a:pt x="3578" y="949"/>
                  </a:lnTo>
                  <a:lnTo>
                    <a:pt x="3388" y="1168"/>
                  </a:lnTo>
                  <a:close/>
                  <a:moveTo>
                    <a:pt x="2905" y="789"/>
                  </a:moveTo>
                  <a:lnTo>
                    <a:pt x="2706" y="10"/>
                  </a:lnTo>
                  <a:lnTo>
                    <a:pt x="2852" y="10"/>
                  </a:lnTo>
                  <a:lnTo>
                    <a:pt x="2988" y="568"/>
                  </a:lnTo>
                  <a:lnTo>
                    <a:pt x="3127" y="10"/>
                  </a:lnTo>
                  <a:lnTo>
                    <a:pt x="3272" y="10"/>
                  </a:lnTo>
                  <a:lnTo>
                    <a:pt x="3074" y="789"/>
                  </a:lnTo>
                  <a:lnTo>
                    <a:pt x="2905" y="789"/>
                  </a:lnTo>
                  <a:close/>
                  <a:moveTo>
                    <a:pt x="3844" y="789"/>
                  </a:moveTo>
                  <a:lnTo>
                    <a:pt x="3842" y="10"/>
                  </a:lnTo>
                  <a:lnTo>
                    <a:pt x="4058" y="10"/>
                  </a:lnTo>
                  <a:lnTo>
                    <a:pt x="4071" y="10"/>
                  </a:lnTo>
                  <a:lnTo>
                    <a:pt x="4077" y="11"/>
                  </a:lnTo>
                  <a:lnTo>
                    <a:pt x="4082" y="12"/>
                  </a:lnTo>
                  <a:lnTo>
                    <a:pt x="4097" y="13"/>
                  </a:lnTo>
                  <a:lnTo>
                    <a:pt x="4112" y="14"/>
                  </a:lnTo>
                  <a:lnTo>
                    <a:pt x="4126" y="16"/>
                  </a:lnTo>
                  <a:lnTo>
                    <a:pt x="4139" y="18"/>
                  </a:lnTo>
                  <a:lnTo>
                    <a:pt x="4152" y="21"/>
                  </a:lnTo>
                  <a:lnTo>
                    <a:pt x="4165" y="24"/>
                  </a:lnTo>
                  <a:lnTo>
                    <a:pt x="4177" y="28"/>
                  </a:lnTo>
                  <a:lnTo>
                    <a:pt x="4189" y="32"/>
                  </a:lnTo>
                  <a:lnTo>
                    <a:pt x="4194" y="34"/>
                  </a:lnTo>
                  <a:lnTo>
                    <a:pt x="4200" y="36"/>
                  </a:lnTo>
                  <a:lnTo>
                    <a:pt x="4210" y="41"/>
                  </a:lnTo>
                  <a:lnTo>
                    <a:pt x="4220" y="46"/>
                  </a:lnTo>
                  <a:lnTo>
                    <a:pt x="4230" y="52"/>
                  </a:lnTo>
                  <a:lnTo>
                    <a:pt x="4239" y="58"/>
                  </a:lnTo>
                  <a:lnTo>
                    <a:pt x="4247" y="64"/>
                  </a:lnTo>
                  <a:lnTo>
                    <a:pt x="4256" y="71"/>
                  </a:lnTo>
                  <a:lnTo>
                    <a:pt x="4263" y="78"/>
                  </a:lnTo>
                  <a:lnTo>
                    <a:pt x="4270" y="86"/>
                  </a:lnTo>
                  <a:lnTo>
                    <a:pt x="4277" y="94"/>
                  </a:lnTo>
                  <a:lnTo>
                    <a:pt x="4283" y="102"/>
                  </a:lnTo>
                  <a:lnTo>
                    <a:pt x="4289" y="111"/>
                  </a:lnTo>
                  <a:lnTo>
                    <a:pt x="4294" y="120"/>
                  </a:lnTo>
                  <a:lnTo>
                    <a:pt x="4299" y="130"/>
                  </a:lnTo>
                  <a:lnTo>
                    <a:pt x="4303" y="140"/>
                  </a:lnTo>
                  <a:lnTo>
                    <a:pt x="4307" y="150"/>
                  </a:lnTo>
                  <a:lnTo>
                    <a:pt x="4311" y="160"/>
                  </a:lnTo>
                  <a:lnTo>
                    <a:pt x="4314" y="171"/>
                  </a:lnTo>
                  <a:lnTo>
                    <a:pt x="4316" y="183"/>
                  </a:lnTo>
                  <a:lnTo>
                    <a:pt x="4318" y="194"/>
                  </a:lnTo>
                  <a:lnTo>
                    <a:pt x="4320" y="206"/>
                  </a:lnTo>
                  <a:lnTo>
                    <a:pt x="4321" y="219"/>
                  </a:lnTo>
                  <a:lnTo>
                    <a:pt x="4321" y="231"/>
                  </a:lnTo>
                  <a:lnTo>
                    <a:pt x="4322" y="244"/>
                  </a:lnTo>
                  <a:lnTo>
                    <a:pt x="4321" y="262"/>
                  </a:lnTo>
                  <a:lnTo>
                    <a:pt x="4320" y="279"/>
                  </a:lnTo>
                  <a:lnTo>
                    <a:pt x="4318" y="295"/>
                  </a:lnTo>
                  <a:lnTo>
                    <a:pt x="4317" y="303"/>
                  </a:lnTo>
                  <a:lnTo>
                    <a:pt x="4315" y="311"/>
                  </a:lnTo>
                  <a:lnTo>
                    <a:pt x="4313" y="319"/>
                  </a:lnTo>
                  <a:lnTo>
                    <a:pt x="4311" y="326"/>
                  </a:lnTo>
                  <a:lnTo>
                    <a:pt x="4307" y="341"/>
                  </a:lnTo>
                  <a:lnTo>
                    <a:pt x="4304" y="348"/>
                  </a:lnTo>
                  <a:lnTo>
                    <a:pt x="4301" y="354"/>
                  </a:lnTo>
                  <a:lnTo>
                    <a:pt x="4294" y="367"/>
                  </a:lnTo>
                  <a:lnTo>
                    <a:pt x="4291" y="375"/>
                  </a:lnTo>
                  <a:lnTo>
                    <a:pt x="4287" y="381"/>
                  </a:lnTo>
                  <a:lnTo>
                    <a:pt x="4278" y="392"/>
                  </a:lnTo>
                  <a:lnTo>
                    <a:pt x="4269" y="403"/>
                  </a:lnTo>
                  <a:lnTo>
                    <a:pt x="4264" y="408"/>
                  </a:lnTo>
                  <a:lnTo>
                    <a:pt x="4258" y="413"/>
                  </a:lnTo>
                  <a:lnTo>
                    <a:pt x="4252" y="417"/>
                  </a:lnTo>
                  <a:lnTo>
                    <a:pt x="4246" y="422"/>
                  </a:lnTo>
                  <a:lnTo>
                    <a:pt x="4240" y="426"/>
                  </a:lnTo>
                  <a:lnTo>
                    <a:pt x="4234" y="430"/>
                  </a:lnTo>
                  <a:lnTo>
                    <a:pt x="4227" y="434"/>
                  </a:lnTo>
                  <a:lnTo>
                    <a:pt x="4220" y="437"/>
                  </a:lnTo>
                  <a:lnTo>
                    <a:pt x="4205" y="444"/>
                  </a:lnTo>
                  <a:lnTo>
                    <a:pt x="4352" y="789"/>
                  </a:lnTo>
                  <a:lnTo>
                    <a:pt x="4192" y="789"/>
                  </a:lnTo>
                  <a:lnTo>
                    <a:pt x="4082" y="522"/>
                  </a:lnTo>
                  <a:lnTo>
                    <a:pt x="4063" y="474"/>
                  </a:lnTo>
                  <a:lnTo>
                    <a:pt x="3992" y="474"/>
                  </a:lnTo>
                  <a:lnTo>
                    <a:pt x="3992" y="789"/>
                  </a:lnTo>
                  <a:lnTo>
                    <a:pt x="3844" y="789"/>
                  </a:lnTo>
                  <a:close/>
                  <a:moveTo>
                    <a:pt x="4082" y="134"/>
                  </a:moveTo>
                  <a:lnTo>
                    <a:pt x="4068" y="134"/>
                  </a:lnTo>
                  <a:lnTo>
                    <a:pt x="3992" y="134"/>
                  </a:lnTo>
                  <a:lnTo>
                    <a:pt x="3992" y="349"/>
                  </a:lnTo>
                  <a:lnTo>
                    <a:pt x="4068" y="349"/>
                  </a:lnTo>
                  <a:lnTo>
                    <a:pt x="4082" y="349"/>
                  </a:lnTo>
                  <a:lnTo>
                    <a:pt x="4093" y="347"/>
                  </a:lnTo>
                  <a:lnTo>
                    <a:pt x="4103" y="346"/>
                  </a:lnTo>
                  <a:lnTo>
                    <a:pt x="4112" y="343"/>
                  </a:lnTo>
                  <a:lnTo>
                    <a:pt x="4120" y="340"/>
                  </a:lnTo>
                  <a:lnTo>
                    <a:pt x="4128" y="336"/>
                  </a:lnTo>
                  <a:lnTo>
                    <a:pt x="4136" y="331"/>
                  </a:lnTo>
                  <a:lnTo>
                    <a:pt x="4139" y="328"/>
                  </a:lnTo>
                  <a:lnTo>
                    <a:pt x="4143" y="326"/>
                  </a:lnTo>
                  <a:lnTo>
                    <a:pt x="4149" y="319"/>
                  </a:lnTo>
                  <a:lnTo>
                    <a:pt x="4154" y="312"/>
                  </a:lnTo>
                  <a:lnTo>
                    <a:pt x="4159" y="305"/>
                  </a:lnTo>
                  <a:lnTo>
                    <a:pt x="4163" y="296"/>
                  </a:lnTo>
                  <a:lnTo>
                    <a:pt x="4167" y="287"/>
                  </a:lnTo>
                  <a:lnTo>
                    <a:pt x="4169" y="277"/>
                  </a:lnTo>
                  <a:lnTo>
                    <a:pt x="4171" y="265"/>
                  </a:lnTo>
                  <a:lnTo>
                    <a:pt x="4172" y="254"/>
                  </a:lnTo>
                  <a:lnTo>
                    <a:pt x="4173" y="241"/>
                  </a:lnTo>
                  <a:lnTo>
                    <a:pt x="4172" y="228"/>
                  </a:lnTo>
                  <a:lnTo>
                    <a:pt x="4171" y="216"/>
                  </a:lnTo>
                  <a:lnTo>
                    <a:pt x="4169" y="206"/>
                  </a:lnTo>
                  <a:lnTo>
                    <a:pt x="4167" y="196"/>
                  </a:lnTo>
                  <a:lnTo>
                    <a:pt x="4163" y="186"/>
                  </a:lnTo>
                  <a:lnTo>
                    <a:pt x="4159" y="178"/>
                  </a:lnTo>
                  <a:lnTo>
                    <a:pt x="4154" y="170"/>
                  </a:lnTo>
                  <a:lnTo>
                    <a:pt x="4152" y="167"/>
                  </a:lnTo>
                  <a:lnTo>
                    <a:pt x="4149" y="164"/>
                  </a:lnTo>
                  <a:lnTo>
                    <a:pt x="4146" y="160"/>
                  </a:lnTo>
                  <a:lnTo>
                    <a:pt x="4143" y="157"/>
                  </a:lnTo>
                  <a:lnTo>
                    <a:pt x="4136" y="152"/>
                  </a:lnTo>
                  <a:lnTo>
                    <a:pt x="4128" y="147"/>
                  </a:lnTo>
                  <a:lnTo>
                    <a:pt x="4120" y="143"/>
                  </a:lnTo>
                  <a:lnTo>
                    <a:pt x="4112" y="140"/>
                  </a:lnTo>
                  <a:lnTo>
                    <a:pt x="4103" y="138"/>
                  </a:lnTo>
                  <a:lnTo>
                    <a:pt x="4093" y="136"/>
                  </a:lnTo>
                  <a:lnTo>
                    <a:pt x="4082" y="134"/>
                  </a:lnTo>
                  <a:close/>
                  <a:moveTo>
                    <a:pt x="4643" y="131"/>
                  </a:moveTo>
                  <a:lnTo>
                    <a:pt x="4632" y="131"/>
                  </a:lnTo>
                  <a:lnTo>
                    <a:pt x="4622" y="132"/>
                  </a:lnTo>
                  <a:lnTo>
                    <a:pt x="4612" y="134"/>
                  </a:lnTo>
                  <a:lnTo>
                    <a:pt x="4603" y="136"/>
                  </a:lnTo>
                  <a:lnTo>
                    <a:pt x="4594" y="139"/>
                  </a:lnTo>
                  <a:lnTo>
                    <a:pt x="4586" y="143"/>
                  </a:lnTo>
                  <a:lnTo>
                    <a:pt x="4581" y="145"/>
                  </a:lnTo>
                  <a:lnTo>
                    <a:pt x="4578" y="148"/>
                  </a:lnTo>
                  <a:lnTo>
                    <a:pt x="4571" y="154"/>
                  </a:lnTo>
                  <a:lnTo>
                    <a:pt x="4565" y="161"/>
                  </a:lnTo>
                  <a:lnTo>
                    <a:pt x="4560" y="168"/>
                  </a:lnTo>
                  <a:lnTo>
                    <a:pt x="4555" y="177"/>
                  </a:lnTo>
                  <a:lnTo>
                    <a:pt x="4552" y="188"/>
                  </a:lnTo>
                  <a:lnTo>
                    <a:pt x="4549" y="199"/>
                  </a:lnTo>
                  <a:lnTo>
                    <a:pt x="4547" y="212"/>
                  </a:lnTo>
                  <a:lnTo>
                    <a:pt x="4545" y="225"/>
                  </a:lnTo>
                  <a:lnTo>
                    <a:pt x="4545" y="241"/>
                  </a:lnTo>
                  <a:lnTo>
                    <a:pt x="4545" y="559"/>
                  </a:lnTo>
                  <a:lnTo>
                    <a:pt x="4545" y="575"/>
                  </a:lnTo>
                  <a:lnTo>
                    <a:pt x="4547" y="589"/>
                  </a:lnTo>
                  <a:lnTo>
                    <a:pt x="4549" y="601"/>
                  </a:lnTo>
                  <a:lnTo>
                    <a:pt x="4550" y="607"/>
                  </a:lnTo>
                  <a:lnTo>
                    <a:pt x="4552" y="613"/>
                  </a:lnTo>
                  <a:lnTo>
                    <a:pt x="4554" y="618"/>
                  </a:lnTo>
                  <a:lnTo>
                    <a:pt x="4555" y="623"/>
                  </a:lnTo>
                  <a:lnTo>
                    <a:pt x="4558" y="628"/>
                  </a:lnTo>
                  <a:lnTo>
                    <a:pt x="4560" y="632"/>
                  </a:lnTo>
                  <a:lnTo>
                    <a:pt x="4562" y="636"/>
                  </a:lnTo>
                  <a:lnTo>
                    <a:pt x="4565" y="640"/>
                  </a:lnTo>
                  <a:lnTo>
                    <a:pt x="4568" y="643"/>
                  </a:lnTo>
                  <a:lnTo>
                    <a:pt x="4571" y="646"/>
                  </a:lnTo>
                  <a:lnTo>
                    <a:pt x="4574" y="649"/>
                  </a:lnTo>
                  <a:lnTo>
                    <a:pt x="4578" y="652"/>
                  </a:lnTo>
                  <a:lnTo>
                    <a:pt x="4586" y="657"/>
                  </a:lnTo>
                  <a:lnTo>
                    <a:pt x="4594" y="661"/>
                  </a:lnTo>
                  <a:lnTo>
                    <a:pt x="4598" y="662"/>
                  </a:lnTo>
                  <a:lnTo>
                    <a:pt x="4603" y="664"/>
                  </a:lnTo>
                  <a:lnTo>
                    <a:pt x="4607" y="665"/>
                  </a:lnTo>
                  <a:lnTo>
                    <a:pt x="4612" y="666"/>
                  </a:lnTo>
                  <a:lnTo>
                    <a:pt x="4617" y="667"/>
                  </a:lnTo>
                  <a:lnTo>
                    <a:pt x="4622" y="668"/>
                  </a:lnTo>
                  <a:lnTo>
                    <a:pt x="4632" y="669"/>
                  </a:lnTo>
                  <a:lnTo>
                    <a:pt x="4643" y="669"/>
                  </a:lnTo>
                  <a:lnTo>
                    <a:pt x="4654" y="669"/>
                  </a:lnTo>
                  <a:lnTo>
                    <a:pt x="4664" y="668"/>
                  </a:lnTo>
                  <a:lnTo>
                    <a:pt x="4674" y="666"/>
                  </a:lnTo>
                  <a:lnTo>
                    <a:pt x="4683" y="664"/>
                  </a:lnTo>
                  <a:lnTo>
                    <a:pt x="4692" y="661"/>
                  </a:lnTo>
                  <a:lnTo>
                    <a:pt x="4700" y="657"/>
                  </a:lnTo>
                  <a:lnTo>
                    <a:pt x="4707" y="652"/>
                  </a:lnTo>
                  <a:lnTo>
                    <a:pt x="4714" y="646"/>
                  </a:lnTo>
                  <a:lnTo>
                    <a:pt x="4717" y="643"/>
                  </a:lnTo>
                  <a:lnTo>
                    <a:pt x="4720" y="640"/>
                  </a:lnTo>
                  <a:lnTo>
                    <a:pt x="4723" y="636"/>
                  </a:lnTo>
                  <a:lnTo>
                    <a:pt x="4726" y="632"/>
                  </a:lnTo>
                  <a:lnTo>
                    <a:pt x="4728" y="628"/>
                  </a:lnTo>
                  <a:lnTo>
                    <a:pt x="4730" y="623"/>
                  </a:lnTo>
                  <a:lnTo>
                    <a:pt x="4732" y="618"/>
                  </a:lnTo>
                  <a:lnTo>
                    <a:pt x="4734" y="613"/>
                  </a:lnTo>
                  <a:lnTo>
                    <a:pt x="4736" y="607"/>
                  </a:lnTo>
                  <a:lnTo>
                    <a:pt x="4737" y="601"/>
                  </a:lnTo>
                  <a:lnTo>
                    <a:pt x="4739" y="589"/>
                  </a:lnTo>
                  <a:lnTo>
                    <a:pt x="4741" y="575"/>
                  </a:lnTo>
                  <a:lnTo>
                    <a:pt x="4741" y="559"/>
                  </a:lnTo>
                  <a:lnTo>
                    <a:pt x="4741" y="241"/>
                  </a:lnTo>
                  <a:lnTo>
                    <a:pt x="4741" y="225"/>
                  </a:lnTo>
                  <a:lnTo>
                    <a:pt x="4739" y="212"/>
                  </a:lnTo>
                  <a:lnTo>
                    <a:pt x="4738" y="205"/>
                  </a:lnTo>
                  <a:lnTo>
                    <a:pt x="4737" y="199"/>
                  </a:lnTo>
                  <a:lnTo>
                    <a:pt x="4736" y="193"/>
                  </a:lnTo>
                  <a:lnTo>
                    <a:pt x="4734" y="188"/>
                  </a:lnTo>
                  <a:lnTo>
                    <a:pt x="4730" y="177"/>
                  </a:lnTo>
                  <a:lnTo>
                    <a:pt x="4726" y="168"/>
                  </a:lnTo>
                  <a:lnTo>
                    <a:pt x="4720" y="161"/>
                  </a:lnTo>
                  <a:lnTo>
                    <a:pt x="4714" y="154"/>
                  </a:lnTo>
                  <a:lnTo>
                    <a:pt x="4707" y="148"/>
                  </a:lnTo>
                  <a:lnTo>
                    <a:pt x="4700" y="143"/>
                  </a:lnTo>
                  <a:lnTo>
                    <a:pt x="4692" y="139"/>
                  </a:lnTo>
                  <a:lnTo>
                    <a:pt x="4683" y="136"/>
                  </a:lnTo>
                  <a:lnTo>
                    <a:pt x="4679" y="135"/>
                  </a:lnTo>
                  <a:lnTo>
                    <a:pt x="4674" y="134"/>
                  </a:lnTo>
                  <a:lnTo>
                    <a:pt x="4664" y="132"/>
                  </a:lnTo>
                  <a:lnTo>
                    <a:pt x="4654" y="131"/>
                  </a:lnTo>
                  <a:lnTo>
                    <a:pt x="4643" y="131"/>
                  </a:lnTo>
                  <a:close/>
                  <a:moveTo>
                    <a:pt x="4643" y="800"/>
                  </a:moveTo>
                  <a:lnTo>
                    <a:pt x="4617" y="799"/>
                  </a:lnTo>
                  <a:lnTo>
                    <a:pt x="4604" y="798"/>
                  </a:lnTo>
                  <a:lnTo>
                    <a:pt x="4591" y="797"/>
                  </a:lnTo>
                  <a:lnTo>
                    <a:pt x="4578" y="795"/>
                  </a:lnTo>
                  <a:lnTo>
                    <a:pt x="4566" y="793"/>
                  </a:lnTo>
                  <a:lnTo>
                    <a:pt x="4554" y="790"/>
                  </a:lnTo>
                  <a:lnTo>
                    <a:pt x="4543" y="786"/>
                  </a:lnTo>
                  <a:lnTo>
                    <a:pt x="4532" y="783"/>
                  </a:lnTo>
                  <a:lnTo>
                    <a:pt x="4521" y="779"/>
                  </a:lnTo>
                  <a:lnTo>
                    <a:pt x="4511" y="774"/>
                  </a:lnTo>
                  <a:lnTo>
                    <a:pt x="4501" y="769"/>
                  </a:lnTo>
                  <a:lnTo>
                    <a:pt x="4491" y="763"/>
                  </a:lnTo>
                  <a:lnTo>
                    <a:pt x="4482" y="756"/>
                  </a:lnTo>
                  <a:lnTo>
                    <a:pt x="4473" y="750"/>
                  </a:lnTo>
                  <a:lnTo>
                    <a:pt x="4469" y="746"/>
                  </a:lnTo>
                  <a:lnTo>
                    <a:pt x="4465" y="742"/>
                  </a:lnTo>
                  <a:lnTo>
                    <a:pt x="4457" y="734"/>
                  </a:lnTo>
                  <a:lnTo>
                    <a:pt x="4449" y="726"/>
                  </a:lnTo>
                  <a:lnTo>
                    <a:pt x="4442" y="717"/>
                  </a:lnTo>
                  <a:lnTo>
                    <a:pt x="4436" y="707"/>
                  </a:lnTo>
                  <a:lnTo>
                    <a:pt x="4430" y="696"/>
                  </a:lnTo>
                  <a:lnTo>
                    <a:pt x="4424" y="686"/>
                  </a:lnTo>
                  <a:lnTo>
                    <a:pt x="4419" y="674"/>
                  </a:lnTo>
                  <a:lnTo>
                    <a:pt x="4414" y="662"/>
                  </a:lnTo>
                  <a:lnTo>
                    <a:pt x="4410" y="649"/>
                  </a:lnTo>
                  <a:lnTo>
                    <a:pt x="4406" y="635"/>
                  </a:lnTo>
                  <a:lnTo>
                    <a:pt x="4405" y="628"/>
                  </a:lnTo>
                  <a:lnTo>
                    <a:pt x="4403" y="621"/>
                  </a:lnTo>
                  <a:lnTo>
                    <a:pt x="4401" y="606"/>
                  </a:lnTo>
                  <a:lnTo>
                    <a:pt x="4399" y="591"/>
                  </a:lnTo>
                  <a:lnTo>
                    <a:pt x="4397" y="574"/>
                  </a:lnTo>
                  <a:lnTo>
                    <a:pt x="4396" y="557"/>
                  </a:lnTo>
                  <a:lnTo>
                    <a:pt x="4396" y="539"/>
                  </a:lnTo>
                  <a:lnTo>
                    <a:pt x="4396" y="260"/>
                  </a:lnTo>
                  <a:lnTo>
                    <a:pt x="4396" y="243"/>
                  </a:lnTo>
                  <a:lnTo>
                    <a:pt x="4397" y="226"/>
                  </a:lnTo>
                  <a:lnTo>
                    <a:pt x="4398" y="218"/>
                  </a:lnTo>
                  <a:lnTo>
                    <a:pt x="4399" y="209"/>
                  </a:lnTo>
                  <a:lnTo>
                    <a:pt x="4401" y="194"/>
                  </a:lnTo>
                  <a:lnTo>
                    <a:pt x="4403" y="179"/>
                  </a:lnTo>
                  <a:lnTo>
                    <a:pt x="4406" y="165"/>
                  </a:lnTo>
                  <a:lnTo>
                    <a:pt x="4410" y="152"/>
                  </a:lnTo>
                  <a:lnTo>
                    <a:pt x="4414" y="139"/>
                  </a:lnTo>
                  <a:lnTo>
                    <a:pt x="4419" y="126"/>
                  </a:lnTo>
                  <a:lnTo>
                    <a:pt x="4424" y="115"/>
                  </a:lnTo>
                  <a:lnTo>
                    <a:pt x="4430" y="104"/>
                  </a:lnTo>
                  <a:lnTo>
                    <a:pt x="4436" y="94"/>
                  </a:lnTo>
                  <a:lnTo>
                    <a:pt x="4442" y="84"/>
                  </a:lnTo>
                  <a:lnTo>
                    <a:pt x="4449" y="75"/>
                  </a:lnTo>
                  <a:lnTo>
                    <a:pt x="4457" y="66"/>
                  </a:lnTo>
                  <a:lnTo>
                    <a:pt x="4465" y="58"/>
                  </a:lnTo>
                  <a:lnTo>
                    <a:pt x="4473" y="51"/>
                  </a:lnTo>
                  <a:lnTo>
                    <a:pt x="4482" y="44"/>
                  </a:lnTo>
                  <a:lnTo>
                    <a:pt x="4491" y="37"/>
                  </a:lnTo>
                  <a:lnTo>
                    <a:pt x="4501" y="32"/>
                  </a:lnTo>
                  <a:lnTo>
                    <a:pt x="4511" y="26"/>
                  </a:lnTo>
                  <a:lnTo>
                    <a:pt x="4521" y="21"/>
                  </a:lnTo>
                  <a:lnTo>
                    <a:pt x="4532" y="17"/>
                  </a:lnTo>
                  <a:lnTo>
                    <a:pt x="4543" y="13"/>
                  </a:lnTo>
                  <a:lnTo>
                    <a:pt x="4554" y="10"/>
                  </a:lnTo>
                  <a:lnTo>
                    <a:pt x="4566" y="7"/>
                  </a:lnTo>
                  <a:lnTo>
                    <a:pt x="4578" y="5"/>
                  </a:lnTo>
                  <a:lnTo>
                    <a:pt x="4591" y="3"/>
                  </a:lnTo>
                  <a:lnTo>
                    <a:pt x="4604" y="1"/>
                  </a:lnTo>
                  <a:lnTo>
                    <a:pt x="4617" y="0"/>
                  </a:lnTo>
                  <a:lnTo>
                    <a:pt x="4643" y="0"/>
                  </a:lnTo>
                  <a:lnTo>
                    <a:pt x="4670" y="0"/>
                  </a:lnTo>
                  <a:lnTo>
                    <a:pt x="4683" y="1"/>
                  </a:lnTo>
                  <a:lnTo>
                    <a:pt x="4695" y="3"/>
                  </a:lnTo>
                  <a:lnTo>
                    <a:pt x="4708" y="5"/>
                  </a:lnTo>
                  <a:lnTo>
                    <a:pt x="4720" y="7"/>
                  </a:lnTo>
                  <a:lnTo>
                    <a:pt x="4731" y="10"/>
                  </a:lnTo>
                  <a:lnTo>
                    <a:pt x="4743" y="13"/>
                  </a:lnTo>
                  <a:lnTo>
                    <a:pt x="4754" y="17"/>
                  </a:lnTo>
                  <a:lnTo>
                    <a:pt x="4764" y="21"/>
                  </a:lnTo>
                  <a:lnTo>
                    <a:pt x="4775" y="26"/>
                  </a:lnTo>
                  <a:lnTo>
                    <a:pt x="4785" y="32"/>
                  </a:lnTo>
                  <a:lnTo>
                    <a:pt x="4794" y="37"/>
                  </a:lnTo>
                  <a:lnTo>
                    <a:pt x="4803" y="44"/>
                  </a:lnTo>
                  <a:lnTo>
                    <a:pt x="4812" y="51"/>
                  </a:lnTo>
                  <a:lnTo>
                    <a:pt x="4821" y="58"/>
                  </a:lnTo>
                  <a:lnTo>
                    <a:pt x="4828" y="66"/>
                  </a:lnTo>
                  <a:lnTo>
                    <a:pt x="4836" y="75"/>
                  </a:lnTo>
                  <a:lnTo>
                    <a:pt x="4843" y="84"/>
                  </a:lnTo>
                  <a:lnTo>
                    <a:pt x="4850" y="94"/>
                  </a:lnTo>
                  <a:lnTo>
                    <a:pt x="4856" y="104"/>
                  </a:lnTo>
                  <a:lnTo>
                    <a:pt x="4862" y="115"/>
                  </a:lnTo>
                  <a:lnTo>
                    <a:pt x="4867" y="126"/>
                  </a:lnTo>
                  <a:lnTo>
                    <a:pt x="4872" y="139"/>
                  </a:lnTo>
                  <a:lnTo>
                    <a:pt x="4876" y="152"/>
                  </a:lnTo>
                  <a:lnTo>
                    <a:pt x="4879" y="165"/>
                  </a:lnTo>
                  <a:lnTo>
                    <a:pt x="4883" y="179"/>
                  </a:lnTo>
                  <a:lnTo>
                    <a:pt x="4885" y="194"/>
                  </a:lnTo>
                  <a:lnTo>
                    <a:pt x="4887" y="209"/>
                  </a:lnTo>
                  <a:lnTo>
                    <a:pt x="4889" y="226"/>
                  </a:lnTo>
                  <a:lnTo>
                    <a:pt x="4890" y="243"/>
                  </a:lnTo>
                  <a:lnTo>
                    <a:pt x="4890" y="260"/>
                  </a:lnTo>
                  <a:lnTo>
                    <a:pt x="4890" y="539"/>
                  </a:lnTo>
                  <a:lnTo>
                    <a:pt x="4890" y="557"/>
                  </a:lnTo>
                  <a:lnTo>
                    <a:pt x="4889" y="574"/>
                  </a:lnTo>
                  <a:lnTo>
                    <a:pt x="4887" y="591"/>
                  </a:lnTo>
                  <a:lnTo>
                    <a:pt x="4885" y="606"/>
                  </a:lnTo>
                  <a:lnTo>
                    <a:pt x="4883" y="621"/>
                  </a:lnTo>
                  <a:lnTo>
                    <a:pt x="4879" y="635"/>
                  </a:lnTo>
                  <a:lnTo>
                    <a:pt x="4878" y="642"/>
                  </a:lnTo>
                  <a:lnTo>
                    <a:pt x="4876" y="649"/>
                  </a:lnTo>
                  <a:lnTo>
                    <a:pt x="4872" y="662"/>
                  </a:lnTo>
                  <a:lnTo>
                    <a:pt x="4867" y="674"/>
                  </a:lnTo>
                  <a:lnTo>
                    <a:pt x="4862" y="686"/>
                  </a:lnTo>
                  <a:lnTo>
                    <a:pt x="4856" y="696"/>
                  </a:lnTo>
                  <a:lnTo>
                    <a:pt x="4850" y="707"/>
                  </a:lnTo>
                  <a:lnTo>
                    <a:pt x="4843" y="717"/>
                  </a:lnTo>
                  <a:lnTo>
                    <a:pt x="4836" y="726"/>
                  </a:lnTo>
                  <a:lnTo>
                    <a:pt x="4828" y="734"/>
                  </a:lnTo>
                  <a:lnTo>
                    <a:pt x="4821" y="742"/>
                  </a:lnTo>
                  <a:lnTo>
                    <a:pt x="4812" y="750"/>
                  </a:lnTo>
                  <a:lnTo>
                    <a:pt x="4808" y="753"/>
                  </a:lnTo>
                  <a:lnTo>
                    <a:pt x="4803" y="756"/>
                  </a:lnTo>
                  <a:lnTo>
                    <a:pt x="4794" y="763"/>
                  </a:lnTo>
                  <a:lnTo>
                    <a:pt x="4785" y="769"/>
                  </a:lnTo>
                  <a:lnTo>
                    <a:pt x="4775" y="774"/>
                  </a:lnTo>
                  <a:lnTo>
                    <a:pt x="4764" y="779"/>
                  </a:lnTo>
                  <a:lnTo>
                    <a:pt x="4754" y="783"/>
                  </a:lnTo>
                  <a:lnTo>
                    <a:pt x="4743" y="786"/>
                  </a:lnTo>
                  <a:lnTo>
                    <a:pt x="4731" y="790"/>
                  </a:lnTo>
                  <a:lnTo>
                    <a:pt x="4720" y="793"/>
                  </a:lnTo>
                  <a:lnTo>
                    <a:pt x="4708" y="795"/>
                  </a:lnTo>
                  <a:lnTo>
                    <a:pt x="4695" y="797"/>
                  </a:lnTo>
                  <a:lnTo>
                    <a:pt x="4683" y="798"/>
                  </a:lnTo>
                  <a:lnTo>
                    <a:pt x="4670" y="799"/>
                  </a:lnTo>
                  <a:lnTo>
                    <a:pt x="4643" y="800"/>
                  </a:lnTo>
                  <a:close/>
                  <a:moveTo>
                    <a:pt x="3753" y="789"/>
                  </a:moveTo>
                  <a:lnTo>
                    <a:pt x="3334" y="789"/>
                  </a:lnTo>
                  <a:lnTo>
                    <a:pt x="3334" y="10"/>
                  </a:lnTo>
                  <a:lnTo>
                    <a:pt x="3743" y="10"/>
                  </a:lnTo>
                  <a:lnTo>
                    <a:pt x="3743" y="143"/>
                  </a:lnTo>
                  <a:lnTo>
                    <a:pt x="3484" y="143"/>
                  </a:lnTo>
                  <a:lnTo>
                    <a:pt x="3484" y="320"/>
                  </a:lnTo>
                  <a:lnTo>
                    <a:pt x="3681" y="320"/>
                  </a:lnTo>
                  <a:lnTo>
                    <a:pt x="3681" y="454"/>
                  </a:lnTo>
                  <a:lnTo>
                    <a:pt x="3484" y="454"/>
                  </a:lnTo>
                  <a:lnTo>
                    <a:pt x="3484" y="658"/>
                  </a:lnTo>
                  <a:lnTo>
                    <a:pt x="3753" y="658"/>
                  </a:lnTo>
                  <a:lnTo>
                    <a:pt x="3753" y="789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fi-FI" sz="1800"/>
            </a:p>
          </p:txBody>
        </p:sp>
      </p:grpSp>
      <p:sp>
        <p:nvSpPr>
          <p:cNvPr id="5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7" name="Slide Number Placeholder 4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935FC3D7-8F8C-4DD3-9AD4-F783288ACB46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345855356"/>
      </p:ext>
    </p:extLst>
  </p:cSld>
  <p:clrMapOvr>
    <a:masterClrMapping/>
  </p:clrMapOvr>
  <p:transition spd="slow">
    <p:push dir="u"/>
  </p:transition>
  <p:hf hdr="0" ftr="0"/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logan [en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7"/>
          <p:cNvGrpSpPr>
            <a:grpSpLocks noChangeAspect="1"/>
          </p:cNvGrpSpPr>
          <p:nvPr/>
        </p:nvGrpSpPr>
        <p:grpSpPr bwMode="auto">
          <a:xfrm>
            <a:off x="3822700" y="2455864"/>
            <a:ext cx="4546600" cy="1620837"/>
            <a:chOff x="3736670" y="2349500"/>
            <a:chExt cx="4735594" cy="2251765"/>
          </a:xfrm>
        </p:grpSpPr>
        <p:sp>
          <p:nvSpPr>
            <p:cNvPr id="3" name="Freeform 8"/>
            <p:cNvSpPr>
              <a:spLocks noChangeAspect="1" noEditPoints="1"/>
            </p:cNvSpPr>
            <p:nvPr userDrawn="1"/>
          </p:nvSpPr>
          <p:spPr bwMode="auto">
            <a:xfrm>
              <a:off x="3736670" y="2349500"/>
              <a:ext cx="4717957" cy="1241668"/>
            </a:xfrm>
            <a:custGeom>
              <a:avLst/>
              <a:gdLst>
                <a:gd name="T0" fmla="*/ 2650 w 3009"/>
                <a:gd name="T1" fmla="*/ 713 h 792"/>
                <a:gd name="T2" fmla="*/ 2548 w 3009"/>
                <a:gd name="T3" fmla="*/ 782 h 792"/>
                <a:gd name="T4" fmla="*/ 2455 w 3009"/>
                <a:gd name="T5" fmla="*/ 787 h 792"/>
                <a:gd name="T6" fmla="*/ 2404 w 3009"/>
                <a:gd name="T7" fmla="*/ 757 h 792"/>
                <a:gd name="T8" fmla="*/ 2374 w 3009"/>
                <a:gd name="T9" fmla="*/ 677 h 792"/>
                <a:gd name="T10" fmla="*/ 2509 w 3009"/>
                <a:gd name="T11" fmla="*/ 645 h 792"/>
                <a:gd name="T12" fmla="*/ 2534 w 3009"/>
                <a:gd name="T13" fmla="*/ 684 h 792"/>
                <a:gd name="T14" fmla="*/ 2590 w 3009"/>
                <a:gd name="T15" fmla="*/ 679 h 792"/>
                <a:gd name="T16" fmla="*/ 2001 w 3009"/>
                <a:gd name="T17" fmla="*/ 619 h 792"/>
                <a:gd name="T18" fmla="*/ 2033 w 3009"/>
                <a:gd name="T19" fmla="*/ 662 h 792"/>
                <a:gd name="T20" fmla="*/ 2104 w 3009"/>
                <a:gd name="T21" fmla="*/ 669 h 792"/>
                <a:gd name="T22" fmla="*/ 2153 w 3009"/>
                <a:gd name="T23" fmla="*/ 633 h 792"/>
                <a:gd name="T24" fmla="*/ 2153 w 3009"/>
                <a:gd name="T25" fmla="*/ 340 h 792"/>
                <a:gd name="T26" fmla="*/ 2112 w 3009"/>
                <a:gd name="T27" fmla="*/ 305 h 792"/>
                <a:gd name="T28" fmla="*/ 2039 w 3009"/>
                <a:gd name="T29" fmla="*/ 307 h 792"/>
                <a:gd name="T30" fmla="*/ 2001 w 3009"/>
                <a:gd name="T31" fmla="*/ 353 h 792"/>
                <a:gd name="T32" fmla="*/ 1869 w 3009"/>
                <a:gd name="T33" fmla="*/ 338 h 792"/>
                <a:gd name="T34" fmla="*/ 1907 w 3009"/>
                <a:gd name="T35" fmla="*/ 249 h 792"/>
                <a:gd name="T36" fmla="*/ 1978 w 3009"/>
                <a:gd name="T37" fmla="*/ 198 h 792"/>
                <a:gd name="T38" fmla="*/ 2092 w 3009"/>
                <a:gd name="T39" fmla="*/ 182 h 792"/>
                <a:gd name="T40" fmla="*/ 2189 w 3009"/>
                <a:gd name="T41" fmla="*/ 202 h 792"/>
                <a:gd name="T42" fmla="*/ 2257 w 3009"/>
                <a:gd name="T43" fmla="*/ 257 h 792"/>
                <a:gd name="T44" fmla="*/ 2292 w 3009"/>
                <a:gd name="T45" fmla="*/ 350 h 792"/>
                <a:gd name="T46" fmla="*/ 2292 w 3009"/>
                <a:gd name="T47" fmla="*/ 622 h 792"/>
                <a:gd name="T48" fmla="*/ 2257 w 3009"/>
                <a:gd name="T49" fmla="*/ 715 h 792"/>
                <a:gd name="T50" fmla="*/ 2189 w 3009"/>
                <a:gd name="T51" fmla="*/ 771 h 792"/>
                <a:gd name="T52" fmla="*/ 2079 w 3009"/>
                <a:gd name="T53" fmla="*/ 792 h 792"/>
                <a:gd name="T54" fmla="*/ 1978 w 3009"/>
                <a:gd name="T55" fmla="*/ 775 h 792"/>
                <a:gd name="T56" fmla="*/ 1907 w 3009"/>
                <a:gd name="T57" fmla="*/ 723 h 792"/>
                <a:gd name="T58" fmla="*/ 1869 w 3009"/>
                <a:gd name="T59" fmla="*/ 635 h 792"/>
                <a:gd name="T60" fmla="*/ 1920 w 3009"/>
                <a:gd name="T61" fmla="*/ 0 h 792"/>
                <a:gd name="T62" fmla="*/ 867 w 3009"/>
                <a:gd name="T63" fmla="*/ 192 h 792"/>
                <a:gd name="T64" fmla="*/ 1050 w 3009"/>
                <a:gd name="T65" fmla="*/ 210 h 792"/>
                <a:gd name="T66" fmla="*/ 1130 w 3009"/>
                <a:gd name="T67" fmla="*/ 182 h 792"/>
                <a:gd name="T68" fmla="*/ 1055 w 3009"/>
                <a:gd name="T69" fmla="*/ 315 h 792"/>
                <a:gd name="T70" fmla="*/ 1010 w 3009"/>
                <a:gd name="T71" fmla="*/ 349 h 792"/>
                <a:gd name="T72" fmla="*/ 517 w 3009"/>
                <a:gd name="T73" fmla="*/ 611 h 792"/>
                <a:gd name="T74" fmla="*/ 544 w 3009"/>
                <a:gd name="T75" fmla="*/ 658 h 792"/>
                <a:gd name="T76" fmla="*/ 613 w 3009"/>
                <a:gd name="T77" fmla="*/ 671 h 792"/>
                <a:gd name="T78" fmla="*/ 667 w 3009"/>
                <a:gd name="T79" fmla="*/ 639 h 792"/>
                <a:gd name="T80" fmla="*/ 673 w 3009"/>
                <a:gd name="T81" fmla="*/ 346 h 792"/>
                <a:gd name="T82" fmla="*/ 636 w 3009"/>
                <a:gd name="T83" fmla="*/ 307 h 792"/>
                <a:gd name="T84" fmla="*/ 564 w 3009"/>
                <a:gd name="T85" fmla="*/ 305 h 792"/>
                <a:gd name="T86" fmla="*/ 520 w 3009"/>
                <a:gd name="T87" fmla="*/ 346 h 792"/>
                <a:gd name="T88" fmla="*/ 384 w 3009"/>
                <a:gd name="T89" fmla="*/ 350 h 792"/>
                <a:gd name="T90" fmla="*/ 418 w 3009"/>
                <a:gd name="T91" fmla="*/ 257 h 792"/>
                <a:gd name="T92" fmla="*/ 486 w 3009"/>
                <a:gd name="T93" fmla="*/ 202 h 792"/>
                <a:gd name="T94" fmla="*/ 596 w 3009"/>
                <a:gd name="T95" fmla="*/ 182 h 792"/>
                <a:gd name="T96" fmla="*/ 697 w 3009"/>
                <a:gd name="T97" fmla="*/ 198 h 792"/>
                <a:gd name="T98" fmla="*/ 769 w 3009"/>
                <a:gd name="T99" fmla="*/ 249 h 792"/>
                <a:gd name="T100" fmla="*/ 807 w 3009"/>
                <a:gd name="T101" fmla="*/ 338 h 792"/>
                <a:gd name="T102" fmla="*/ 811 w 3009"/>
                <a:gd name="T103" fmla="*/ 610 h 792"/>
                <a:gd name="T104" fmla="*/ 781 w 3009"/>
                <a:gd name="T105" fmla="*/ 707 h 792"/>
                <a:gd name="T106" fmla="*/ 716 w 3009"/>
                <a:gd name="T107" fmla="*/ 767 h 792"/>
                <a:gd name="T108" fmla="*/ 609 w 3009"/>
                <a:gd name="T109" fmla="*/ 791 h 792"/>
                <a:gd name="T110" fmla="*/ 505 w 3009"/>
                <a:gd name="T111" fmla="*/ 779 h 792"/>
                <a:gd name="T112" fmla="*/ 431 w 3009"/>
                <a:gd name="T113" fmla="*/ 732 h 792"/>
                <a:gd name="T114" fmla="*/ 389 w 3009"/>
                <a:gd name="T115" fmla="*/ 646 h 792"/>
                <a:gd name="T116" fmla="*/ 0 w 3009"/>
                <a:gd name="T117" fmla="*/ 0 h 792"/>
                <a:gd name="T118" fmla="*/ 0 w 3009"/>
                <a:gd name="T119" fmla="*/ 781 h 7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3009" h="792">
                  <a:moveTo>
                    <a:pt x="2855" y="781"/>
                  </a:moveTo>
                  <a:lnTo>
                    <a:pt x="2855" y="626"/>
                  </a:lnTo>
                  <a:lnTo>
                    <a:pt x="3009" y="626"/>
                  </a:lnTo>
                  <a:lnTo>
                    <a:pt x="3009" y="781"/>
                  </a:lnTo>
                  <a:lnTo>
                    <a:pt x="2855" y="781"/>
                  </a:lnTo>
                  <a:close/>
                  <a:moveTo>
                    <a:pt x="2782" y="192"/>
                  </a:moveTo>
                  <a:lnTo>
                    <a:pt x="2782" y="781"/>
                  </a:lnTo>
                  <a:lnTo>
                    <a:pt x="2650" y="781"/>
                  </a:lnTo>
                  <a:lnTo>
                    <a:pt x="2650" y="713"/>
                  </a:lnTo>
                  <a:lnTo>
                    <a:pt x="2632" y="730"/>
                  </a:lnTo>
                  <a:lnTo>
                    <a:pt x="2613" y="744"/>
                  </a:lnTo>
                  <a:lnTo>
                    <a:pt x="2604" y="751"/>
                  </a:lnTo>
                  <a:lnTo>
                    <a:pt x="2595" y="757"/>
                  </a:lnTo>
                  <a:lnTo>
                    <a:pt x="2586" y="763"/>
                  </a:lnTo>
                  <a:lnTo>
                    <a:pt x="2577" y="769"/>
                  </a:lnTo>
                  <a:lnTo>
                    <a:pt x="2567" y="774"/>
                  </a:lnTo>
                  <a:lnTo>
                    <a:pt x="2558" y="778"/>
                  </a:lnTo>
                  <a:lnTo>
                    <a:pt x="2548" y="782"/>
                  </a:lnTo>
                  <a:lnTo>
                    <a:pt x="2538" y="786"/>
                  </a:lnTo>
                  <a:lnTo>
                    <a:pt x="2529" y="788"/>
                  </a:lnTo>
                  <a:lnTo>
                    <a:pt x="2519" y="790"/>
                  </a:lnTo>
                  <a:lnTo>
                    <a:pt x="2508" y="791"/>
                  </a:lnTo>
                  <a:lnTo>
                    <a:pt x="2498" y="792"/>
                  </a:lnTo>
                  <a:lnTo>
                    <a:pt x="2483" y="791"/>
                  </a:lnTo>
                  <a:lnTo>
                    <a:pt x="2476" y="791"/>
                  </a:lnTo>
                  <a:lnTo>
                    <a:pt x="2469" y="790"/>
                  </a:lnTo>
                  <a:lnTo>
                    <a:pt x="2455" y="787"/>
                  </a:lnTo>
                  <a:lnTo>
                    <a:pt x="2449" y="785"/>
                  </a:lnTo>
                  <a:lnTo>
                    <a:pt x="2443" y="783"/>
                  </a:lnTo>
                  <a:lnTo>
                    <a:pt x="2432" y="779"/>
                  </a:lnTo>
                  <a:lnTo>
                    <a:pt x="2427" y="776"/>
                  </a:lnTo>
                  <a:lnTo>
                    <a:pt x="2421" y="773"/>
                  </a:lnTo>
                  <a:lnTo>
                    <a:pt x="2417" y="769"/>
                  </a:lnTo>
                  <a:lnTo>
                    <a:pt x="2412" y="765"/>
                  </a:lnTo>
                  <a:lnTo>
                    <a:pt x="2408" y="761"/>
                  </a:lnTo>
                  <a:lnTo>
                    <a:pt x="2404" y="757"/>
                  </a:lnTo>
                  <a:lnTo>
                    <a:pt x="2400" y="752"/>
                  </a:lnTo>
                  <a:lnTo>
                    <a:pt x="2396" y="747"/>
                  </a:lnTo>
                  <a:lnTo>
                    <a:pt x="2393" y="742"/>
                  </a:lnTo>
                  <a:lnTo>
                    <a:pt x="2390" y="736"/>
                  </a:lnTo>
                  <a:lnTo>
                    <a:pt x="2384" y="723"/>
                  </a:lnTo>
                  <a:lnTo>
                    <a:pt x="2382" y="716"/>
                  </a:lnTo>
                  <a:lnTo>
                    <a:pt x="2380" y="709"/>
                  </a:lnTo>
                  <a:lnTo>
                    <a:pt x="2376" y="694"/>
                  </a:lnTo>
                  <a:lnTo>
                    <a:pt x="2374" y="677"/>
                  </a:lnTo>
                  <a:lnTo>
                    <a:pt x="2373" y="668"/>
                  </a:lnTo>
                  <a:lnTo>
                    <a:pt x="2372" y="659"/>
                  </a:lnTo>
                  <a:lnTo>
                    <a:pt x="2372" y="639"/>
                  </a:lnTo>
                  <a:lnTo>
                    <a:pt x="2372" y="192"/>
                  </a:lnTo>
                  <a:lnTo>
                    <a:pt x="2508" y="192"/>
                  </a:lnTo>
                  <a:lnTo>
                    <a:pt x="2508" y="624"/>
                  </a:lnTo>
                  <a:lnTo>
                    <a:pt x="2508" y="631"/>
                  </a:lnTo>
                  <a:lnTo>
                    <a:pt x="2508" y="638"/>
                  </a:lnTo>
                  <a:lnTo>
                    <a:pt x="2509" y="645"/>
                  </a:lnTo>
                  <a:lnTo>
                    <a:pt x="2510" y="651"/>
                  </a:lnTo>
                  <a:lnTo>
                    <a:pt x="2512" y="657"/>
                  </a:lnTo>
                  <a:lnTo>
                    <a:pt x="2514" y="662"/>
                  </a:lnTo>
                  <a:lnTo>
                    <a:pt x="2516" y="667"/>
                  </a:lnTo>
                  <a:lnTo>
                    <a:pt x="2519" y="671"/>
                  </a:lnTo>
                  <a:lnTo>
                    <a:pt x="2522" y="675"/>
                  </a:lnTo>
                  <a:lnTo>
                    <a:pt x="2525" y="679"/>
                  </a:lnTo>
                  <a:lnTo>
                    <a:pt x="2530" y="682"/>
                  </a:lnTo>
                  <a:lnTo>
                    <a:pt x="2534" y="684"/>
                  </a:lnTo>
                  <a:lnTo>
                    <a:pt x="2539" y="686"/>
                  </a:lnTo>
                  <a:lnTo>
                    <a:pt x="2545" y="688"/>
                  </a:lnTo>
                  <a:lnTo>
                    <a:pt x="2551" y="689"/>
                  </a:lnTo>
                  <a:lnTo>
                    <a:pt x="2557" y="689"/>
                  </a:lnTo>
                  <a:lnTo>
                    <a:pt x="2563" y="689"/>
                  </a:lnTo>
                  <a:lnTo>
                    <a:pt x="2568" y="688"/>
                  </a:lnTo>
                  <a:lnTo>
                    <a:pt x="2573" y="686"/>
                  </a:lnTo>
                  <a:lnTo>
                    <a:pt x="2579" y="684"/>
                  </a:lnTo>
                  <a:lnTo>
                    <a:pt x="2590" y="679"/>
                  </a:lnTo>
                  <a:lnTo>
                    <a:pt x="2601" y="672"/>
                  </a:lnTo>
                  <a:lnTo>
                    <a:pt x="2612" y="664"/>
                  </a:lnTo>
                  <a:lnTo>
                    <a:pt x="2624" y="655"/>
                  </a:lnTo>
                  <a:lnTo>
                    <a:pt x="2646" y="636"/>
                  </a:lnTo>
                  <a:lnTo>
                    <a:pt x="2646" y="192"/>
                  </a:lnTo>
                  <a:lnTo>
                    <a:pt x="2782" y="192"/>
                  </a:lnTo>
                  <a:close/>
                  <a:moveTo>
                    <a:pt x="1999" y="603"/>
                  </a:moveTo>
                  <a:lnTo>
                    <a:pt x="1999" y="611"/>
                  </a:lnTo>
                  <a:lnTo>
                    <a:pt x="2001" y="619"/>
                  </a:lnTo>
                  <a:lnTo>
                    <a:pt x="2002" y="626"/>
                  </a:lnTo>
                  <a:lnTo>
                    <a:pt x="2005" y="633"/>
                  </a:lnTo>
                  <a:lnTo>
                    <a:pt x="2008" y="639"/>
                  </a:lnTo>
                  <a:lnTo>
                    <a:pt x="2012" y="645"/>
                  </a:lnTo>
                  <a:lnTo>
                    <a:pt x="2016" y="650"/>
                  </a:lnTo>
                  <a:lnTo>
                    <a:pt x="2019" y="652"/>
                  </a:lnTo>
                  <a:lnTo>
                    <a:pt x="2021" y="654"/>
                  </a:lnTo>
                  <a:lnTo>
                    <a:pt x="2027" y="658"/>
                  </a:lnTo>
                  <a:lnTo>
                    <a:pt x="2033" y="662"/>
                  </a:lnTo>
                  <a:lnTo>
                    <a:pt x="2039" y="665"/>
                  </a:lnTo>
                  <a:lnTo>
                    <a:pt x="2046" y="667"/>
                  </a:lnTo>
                  <a:lnTo>
                    <a:pt x="2054" y="669"/>
                  </a:lnTo>
                  <a:lnTo>
                    <a:pt x="2062" y="671"/>
                  </a:lnTo>
                  <a:lnTo>
                    <a:pt x="2070" y="672"/>
                  </a:lnTo>
                  <a:lnTo>
                    <a:pt x="2079" y="672"/>
                  </a:lnTo>
                  <a:lnTo>
                    <a:pt x="2088" y="672"/>
                  </a:lnTo>
                  <a:lnTo>
                    <a:pt x="2096" y="671"/>
                  </a:lnTo>
                  <a:lnTo>
                    <a:pt x="2104" y="669"/>
                  </a:lnTo>
                  <a:lnTo>
                    <a:pt x="2112" y="667"/>
                  </a:lnTo>
                  <a:lnTo>
                    <a:pt x="2119" y="665"/>
                  </a:lnTo>
                  <a:lnTo>
                    <a:pt x="2125" y="662"/>
                  </a:lnTo>
                  <a:lnTo>
                    <a:pt x="2131" y="658"/>
                  </a:lnTo>
                  <a:lnTo>
                    <a:pt x="2137" y="654"/>
                  </a:lnTo>
                  <a:lnTo>
                    <a:pt x="2142" y="650"/>
                  </a:lnTo>
                  <a:lnTo>
                    <a:pt x="2146" y="645"/>
                  </a:lnTo>
                  <a:lnTo>
                    <a:pt x="2150" y="639"/>
                  </a:lnTo>
                  <a:lnTo>
                    <a:pt x="2153" y="633"/>
                  </a:lnTo>
                  <a:lnTo>
                    <a:pt x="2156" y="626"/>
                  </a:lnTo>
                  <a:lnTo>
                    <a:pt x="2157" y="619"/>
                  </a:lnTo>
                  <a:lnTo>
                    <a:pt x="2159" y="611"/>
                  </a:lnTo>
                  <a:lnTo>
                    <a:pt x="2159" y="603"/>
                  </a:lnTo>
                  <a:lnTo>
                    <a:pt x="2159" y="369"/>
                  </a:lnTo>
                  <a:lnTo>
                    <a:pt x="2159" y="361"/>
                  </a:lnTo>
                  <a:lnTo>
                    <a:pt x="2157" y="353"/>
                  </a:lnTo>
                  <a:lnTo>
                    <a:pt x="2156" y="346"/>
                  </a:lnTo>
                  <a:lnTo>
                    <a:pt x="2153" y="340"/>
                  </a:lnTo>
                  <a:lnTo>
                    <a:pt x="2150" y="333"/>
                  </a:lnTo>
                  <a:lnTo>
                    <a:pt x="2146" y="328"/>
                  </a:lnTo>
                  <a:lnTo>
                    <a:pt x="2142" y="322"/>
                  </a:lnTo>
                  <a:lnTo>
                    <a:pt x="2139" y="320"/>
                  </a:lnTo>
                  <a:lnTo>
                    <a:pt x="2137" y="318"/>
                  </a:lnTo>
                  <a:lnTo>
                    <a:pt x="2131" y="314"/>
                  </a:lnTo>
                  <a:lnTo>
                    <a:pt x="2125" y="310"/>
                  </a:lnTo>
                  <a:lnTo>
                    <a:pt x="2119" y="307"/>
                  </a:lnTo>
                  <a:lnTo>
                    <a:pt x="2112" y="305"/>
                  </a:lnTo>
                  <a:lnTo>
                    <a:pt x="2104" y="303"/>
                  </a:lnTo>
                  <a:lnTo>
                    <a:pt x="2096" y="301"/>
                  </a:lnTo>
                  <a:lnTo>
                    <a:pt x="2088" y="301"/>
                  </a:lnTo>
                  <a:lnTo>
                    <a:pt x="2079" y="300"/>
                  </a:lnTo>
                  <a:lnTo>
                    <a:pt x="2070" y="301"/>
                  </a:lnTo>
                  <a:lnTo>
                    <a:pt x="2062" y="301"/>
                  </a:lnTo>
                  <a:lnTo>
                    <a:pt x="2054" y="303"/>
                  </a:lnTo>
                  <a:lnTo>
                    <a:pt x="2046" y="305"/>
                  </a:lnTo>
                  <a:lnTo>
                    <a:pt x="2039" y="307"/>
                  </a:lnTo>
                  <a:lnTo>
                    <a:pt x="2033" y="310"/>
                  </a:lnTo>
                  <a:lnTo>
                    <a:pt x="2027" y="314"/>
                  </a:lnTo>
                  <a:lnTo>
                    <a:pt x="2021" y="318"/>
                  </a:lnTo>
                  <a:lnTo>
                    <a:pt x="2016" y="322"/>
                  </a:lnTo>
                  <a:lnTo>
                    <a:pt x="2012" y="328"/>
                  </a:lnTo>
                  <a:lnTo>
                    <a:pt x="2008" y="333"/>
                  </a:lnTo>
                  <a:lnTo>
                    <a:pt x="2005" y="340"/>
                  </a:lnTo>
                  <a:lnTo>
                    <a:pt x="2002" y="346"/>
                  </a:lnTo>
                  <a:lnTo>
                    <a:pt x="2001" y="353"/>
                  </a:lnTo>
                  <a:lnTo>
                    <a:pt x="1999" y="361"/>
                  </a:lnTo>
                  <a:lnTo>
                    <a:pt x="1999" y="369"/>
                  </a:lnTo>
                  <a:lnTo>
                    <a:pt x="1999" y="603"/>
                  </a:lnTo>
                  <a:close/>
                  <a:moveTo>
                    <a:pt x="1863" y="404"/>
                  </a:moveTo>
                  <a:lnTo>
                    <a:pt x="1863" y="390"/>
                  </a:lnTo>
                  <a:lnTo>
                    <a:pt x="1864" y="376"/>
                  </a:lnTo>
                  <a:lnTo>
                    <a:pt x="1865" y="363"/>
                  </a:lnTo>
                  <a:lnTo>
                    <a:pt x="1867" y="350"/>
                  </a:lnTo>
                  <a:lnTo>
                    <a:pt x="1869" y="338"/>
                  </a:lnTo>
                  <a:lnTo>
                    <a:pt x="1871" y="326"/>
                  </a:lnTo>
                  <a:lnTo>
                    <a:pt x="1874" y="314"/>
                  </a:lnTo>
                  <a:lnTo>
                    <a:pt x="1878" y="304"/>
                  </a:lnTo>
                  <a:lnTo>
                    <a:pt x="1881" y="293"/>
                  </a:lnTo>
                  <a:lnTo>
                    <a:pt x="1886" y="283"/>
                  </a:lnTo>
                  <a:lnTo>
                    <a:pt x="1890" y="274"/>
                  </a:lnTo>
                  <a:lnTo>
                    <a:pt x="1895" y="265"/>
                  </a:lnTo>
                  <a:lnTo>
                    <a:pt x="1901" y="257"/>
                  </a:lnTo>
                  <a:lnTo>
                    <a:pt x="1907" y="249"/>
                  </a:lnTo>
                  <a:lnTo>
                    <a:pt x="1913" y="241"/>
                  </a:lnTo>
                  <a:lnTo>
                    <a:pt x="1920" y="234"/>
                  </a:lnTo>
                  <a:lnTo>
                    <a:pt x="1927" y="228"/>
                  </a:lnTo>
                  <a:lnTo>
                    <a:pt x="1935" y="222"/>
                  </a:lnTo>
                  <a:lnTo>
                    <a:pt x="1943" y="216"/>
                  </a:lnTo>
                  <a:lnTo>
                    <a:pt x="1951" y="211"/>
                  </a:lnTo>
                  <a:lnTo>
                    <a:pt x="1960" y="206"/>
                  </a:lnTo>
                  <a:lnTo>
                    <a:pt x="1969" y="202"/>
                  </a:lnTo>
                  <a:lnTo>
                    <a:pt x="1978" y="198"/>
                  </a:lnTo>
                  <a:lnTo>
                    <a:pt x="1988" y="194"/>
                  </a:lnTo>
                  <a:lnTo>
                    <a:pt x="1998" y="191"/>
                  </a:lnTo>
                  <a:lnTo>
                    <a:pt x="2009" y="189"/>
                  </a:lnTo>
                  <a:lnTo>
                    <a:pt x="2019" y="187"/>
                  </a:lnTo>
                  <a:lnTo>
                    <a:pt x="2031" y="185"/>
                  </a:lnTo>
                  <a:lnTo>
                    <a:pt x="2054" y="182"/>
                  </a:lnTo>
                  <a:lnTo>
                    <a:pt x="2066" y="182"/>
                  </a:lnTo>
                  <a:lnTo>
                    <a:pt x="2079" y="182"/>
                  </a:lnTo>
                  <a:lnTo>
                    <a:pt x="2092" y="182"/>
                  </a:lnTo>
                  <a:lnTo>
                    <a:pt x="2104" y="182"/>
                  </a:lnTo>
                  <a:lnTo>
                    <a:pt x="2116" y="183"/>
                  </a:lnTo>
                  <a:lnTo>
                    <a:pt x="2127" y="185"/>
                  </a:lnTo>
                  <a:lnTo>
                    <a:pt x="2139" y="187"/>
                  </a:lnTo>
                  <a:lnTo>
                    <a:pt x="2149" y="189"/>
                  </a:lnTo>
                  <a:lnTo>
                    <a:pt x="2160" y="191"/>
                  </a:lnTo>
                  <a:lnTo>
                    <a:pt x="2170" y="194"/>
                  </a:lnTo>
                  <a:lnTo>
                    <a:pt x="2180" y="198"/>
                  </a:lnTo>
                  <a:lnTo>
                    <a:pt x="2189" y="202"/>
                  </a:lnTo>
                  <a:lnTo>
                    <a:pt x="2198" y="206"/>
                  </a:lnTo>
                  <a:lnTo>
                    <a:pt x="2207" y="211"/>
                  </a:lnTo>
                  <a:lnTo>
                    <a:pt x="2215" y="216"/>
                  </a:lnTo>
                  <a:lnTo>
                    <a:pt x="2223" y="222"/>
                  </a:lnTo>
                  <a:lnTo>
                    <a:pt x="2231" y="228"/>
                  </a:lnTo>
                  <a:lnTo>
                    <a:pt x="2238" y="234"/>
                  </a:lnTo>
                  <a:lnTo>
                    <a:pt x="2245" y="241"/>
                  </a:lnTo>
                  <a:lnTo>
                    <a:pt x="2251" y="249"/>
                  </a:lnTo>
                  <a:lnTo>
                    <a:pt x="2257" y="257"/>
                  </a:lnTo>
                  <a:lnTo>
                    <a:pt x="2263" y="265"/>
                  </a:lnTo>
                  <a:lnTo>
                    <a:pt x="2268" y="274"/>
                  </a:lnTo>
                  <a:lnTo>
                    <a:pt x="2273" y="283"/>
                  </a:lnTo>
                  <a:lnTo>
                    <a:pt x="2278" y="293"/>
                  </a:lnTo>
                  <a:lnTo>
                    <a:pt x="2281" y="304"/>
                  </a:lnTo>
                  <a:lnTo>
                    <a:pt x="2285" y="314"/>
                  </a:lnTo>
                  <a:lnTo>
                    <a:pt x="2288" y="326"/>
                  </a:lnTo>
                  <a:lnTo>
                    <a:pt x="2290" y="338"/>
                  </a:lnTo>
                  <a:lnTo>
                    <a:pt x="2292" y="350"/>
                  </a:lnTo>
                  <a:lnTo>
                    <a:pt x="2294" y="363"/>
                  </a:lnTo>
                  <a:lnTo>
                    <a:pt x="2295" y="376"/>
                  </a:lnTo>
                  <a:lnTo>
                    <a:pt x="2296" y="390"/>
                  </a:lnTo>
                  <a:lnTo>
                    <a:pt x="2296" y="404"/>
                  </a:lnTo>
                  <a:lnTo>
                    <a:pt x="2296" y="568"/>
                  </a:lnTo>
                  <a:lnTo>
                    <a:pt x="2296" y="582"/>
                  </a:lnTo>
                  <a:lnTo>
                    <a:pt x="2295" y="596"/>
                  </a:lnTo>
                  <a:lnTo>
                    <a:pt x="2294" y="610"/>
                  </a:lnTo>
                  <a:lnTo>
                    <a:pt x="2292" y="622"/>
                  </a:lnTo>
                  <a:lnTo>
                    <a:pt x="2290" y="635"/>
                  </a:lnTo>
                  <a:lnTo>
                    <a:pt x="2288" y="646"/>
                  </a:lnTo>
                  <a:lnTo>
                    <a:pt x="2285" y="658"/>
                  </a:lnTo>
                  <a:lnTo>
                    <a:pt x="2281" y="669"/>
                  </a:lnTo>
                  <a:lnTo>
                    <a:pt x="2278" y="679"/>
                  </a:lnTo>
                  <a:lnTo>
                    <a:pt x="2273" y="689"/>
                  </a:lnTo>
                  <a:lnTo>
                    <a:pt x="2268" y="698"/>
                  </a:lnTo>
                  <a:lnTo>
                    <a:pt x="2263" y="707"/>
                  </a:lnTo>
                  <a:lnTo>
                    <a:pt x="2257" y="715"/>
                  </a:lnTo>
                  <a:lnTo>
                    <a:pt x="2251" y="723"/>
                  </a:lnTo>
                  <a:lnTo>
                    <a:pt x="2245" y="732"/>
                  </a:lnTo>
                  <a:lnTo>
                    <a:pt x="2238" y="739"/>
                  </a:lnTo>
                  <a:lnTo>
                    <a:pt x="2231" y="745"/>
                  </a:lnTo>
                  <a:lnTo>
                    <a:pt x="2223" y="751"/>
                  </a:lnTo>
                  <a:lnTo>
                    <a:pt x="2215" y="757"/>
                  </a:lnTo>
                  <a:lnTo>
                    <a:pt x="2207" y="762"/>
                  </a:lnTo>
                  <a:lnTo>
                    <a:pt x="2198" y="767"/>
                  </a:lnTo>
                  <a:lnTo>
                    <a:pt x="2189" y="771"/>
                  </a:lnTo>
                  <a:lnTo>
                    <a:pt x="2180" y="775"/>
                  </a:lnTo>
                  <a:lnTo>
                    <a:pt x="2170" y="779"/>
                  </a:lnTo>
                  <a:lnTo>
                    <a:pt x="2160" y="782"/>
                  </a:lnTo>
                  <a:lnTo>
                    <a:pt x="2149" y="784"/>
                  </a:lnTo>
                  <a:lnTo>
                    <a:pt x="2139" y="787"/>
                  </a:lnTo>
                  <a:lnTo>
                    <a:pt x="2127" y="788"/>
                  </a:lnTo>
                  <a:lnTo>
                    <a:pt x="2104" y="791"/>
                  </a:lnTo>
                  <a:lnTo>
                    <a:pt x="2092" y="791"/>
                  </a:lnTo>
                  <a:lnTo>
                    <a:pt x="2079" y="792"/>
                  </a:lnTo>
                  <a:lnTo>
                    <a:pt x="2066" y="791"/>
                  </a:lnTo>
                  <a:lnTo>
                    <a:pt x="2054" y="791"/>
                  </a:lnTo>
                  <a:lnTo>
                    <a:pt x="2042" y="790"/>
                  </a:lnTo>
                  <a:lnTo>
                    <a:pt x="2031" y="788"/>
                  </a:lnTo>
                  <a:lnTo>
                    <a:pt x="2019" y="787"/>
                  </a:lnTo>
                  <a:lnTo>
                    <a:pt x="2009" y="784"/>
                  </a:lnTo>
                  <a:lnTo>
                    <a:pt x="1998" y="782"/>
                  </a:lnTo>
                  <a:lnTo>
                    <a:pt x="1988" y="779"/>
                  </a:lnTo>
                  <a:lnTo>
                    <a:pt x="1978" y="775"/>
                  </a:lnTo>
                  <a:lnTo>
                    <a:pt x="1969" y="771"/>
                  </a:lnTo>
                  <a:lnTo>
                    <a:pt x="1960" y="767"/>
                  </a:lnTo>
                  <a:lnTo>
                    <a:pt x="1951" y="762"/>
                  </a:lnTo>
                  <a:lnTo>
                    <a:pt x="1943" y="757"/>
                  </a:lnTo>
                  <a:lnTo>
                    <a:pt x="1935" y="751"/>
                  </a:lnTo>
                  <a:lnTo>
                    <a:pt x="1927" y="745"/>
                  </a:lnTo>
                  <a:lnTo>
                    <a:pt x="1920" y="739"/>
                  </a:lnTo>
                  <a:lnTo>
                    <a:pt x="1913" y="732"/>
                  </a:lnTo>
                  <a:lnTo>
                    <a:pt x="1907" y="723"/>
                  </a:lnTo>
                  <a:lnTo>
                    <a:pt x="1901" y="715"/>
                  </a:lnTo>
                  <a:lnTo>
                    <a:pt x="1895" y="707"/>
                  </a:lnTo>
                  <a:lnTo>
                    <a:pt x="1890" y="698"/>
                  </a:lnTo>
                  <a:lnTo>
                    <a:pt x="1886" y="689"/>
                  </a:lnTo>
                  <a:lnTo>
                    <a:pt x="1881" y="679"/>
                  </a:lnTo>
                  <a:lnTo>
                    <a:pt x="1878" y="669"/>
                  </a:lnTo>
                  <a:lnTo>
                    <a:pt x="1874" y="658"/>
                  </a:lnTo>
                  <a:lnTo>
                    <a:pt x="1871" y="646"/>
                  </a:lnTo>
                  <a:lnTo>
                    <a:pt x="1869" y="635"/>
                  </a:lnTo>
                  <a:lnTo>
                    <a:pt x="1867" y="622"/>
                  </a:lnTo>
                  <a:lnTo>
                    <a:pt x="1865" y="610"/>
                  </a:lnTo>
                  <a:lnTo>
                    <a:pt x="1864" y="596"/>
                  </a:lnTo>
                  <a:lnTo>
                    <a:pt x="1863" y="582"/>
                  </a:lnTo>
                  <a:lnTo>
                    <a:pt x="1863" y="568"/>
                  </a:lnTo>
                  <a:lnTo>
                    <a:pt x="1863" y="404"/>
                  </a:lnTo>
                  <a:close/>
                  <a:moveTo>
                    <a:pt x="1635" y="314"/>
                  </a:moveTo>
                  <a:lnTo>
                    <a:pt x="1761" y="0"/>
                  </a:lnTo>
                  <a:lnTo>
                    <a:pt x="1920" y="0"/>
                  </a:lnTo>
                  <a:lnTo>
                    <a:pt x="1707" y="464"/>
                  </a:lnTo>
                  <a:lnTo>
                    <a:pt x="1707" y="781"/>
                  </a:lnTo>
                  <a:lnTo>
                    <a:pt x="1558" y="781"/>
                  </a:lnTo>
                  <a:lnTo>
                    <a:pt x="1558" y="464"/>
                  </a:lnTo>
                  <a:lnTo>
                    <a:pt x="1346" y="0"/>
                  </a:lnTo>
                  <a:lnTo>
                    <a:pt x="1504" y="0"/>
                  </a:lnTo>
                  <a:lnTo>
                    <a:pt x="1635" y="314"/>
                  </a:lnTo>
                  <a:close/>
                  <a:moveTo>
                    <a:pt x="867" y="781"/>
                  </a:moveTo>
                  <a:lnTo>
                    <a:pt x="867" y="192"/>
                  </a:lnTo>
                  <a:lnTo>
                    <a:pt x="1000" y="192"/>
                  </a:lnTo>
                  <a:lnTo>
                    <a:pt x="1000" y="270"/>
                  </a:lnTo>
                  <a:lnTo>
                    <a:pt x="1006" y="259"/>
                  </a:lnTo>
                  <a:lnTo>
                    <a:pt x="1013" y="250"/>
                  </a:lnTo>
                  <a:lnTo>
                    <a:pt x="1020" y="240"/>
                  </a:lnTo>
                  <a:lnTo>
                    <a:pt x="1027" y="232"/>
                  </a:lnTo>
                  <a:lnTo>
                    <a:pt x="1034" y="224"/>
                  </a:lnTo>
                  <a:lnTo>
                    <a:pt x="1042" y="216"/>
                  </a:lnTo>
                  <a:lnTo>
                    <a:pt x="1050" y="210"/>
                  </a:lnTo>
                  <a:lnTo>
                    <a:pt x="1058" y="204"/>
                  </a:lnTo>
                  <a:lnTo>
                    <a:pt x="1067" y="199"/>
                  </a:lnTo>
                  <a:lnTo>
                    <a:pt x="1072" y="196"/>
                  </a:lnTo>
                  <a:lnTo>
                    <a:pt x="1076" y="194"/>
                  </a:lnTo>
                  <a:lnTo>
                    <a:pt x="1086" y="190"/>
                  </a:lnTo>
                  <a:lnTo>
                    <a:pt x="1096" y="187"/>
                  </a:lnTo>
                  <a:lnTo>
                    <a:pt x="1107" y="185"/>
                  </a:lnTo>
                  <a:lnTo>
                    <a:pt x="1118" y="183"/>
                  </a:lnTo>
                  <a:lnTo>
                    <a:pt x="1130" y="182"/>
                  </a:lnTo>
                  <a:lnTo>
                    <a:pt x="1143" y="182"/>
                  </a:lnTo>
                  <a:lnTo>
                    <a:pt x="1143" y="328"/>
                  </a:lnTo>
                  <a:lnTo>
                    <a:pt x="1125" y="323"/>
                  </a:lnTo>
                  <a:lnTo>
                    <a:pt x="1107" y="318"/>
                  </a:lnTo>
                  <a:lnTo>
                    <a:pt x="1088" y="315"/>
                  </a:lnTo>
                  <a:lnTo>
                    <a:pt x="1079" y="314"/>
                  </a:lnTo>
                  <a:lnTo>
                    <a:pt x="1070" y="313"/>
                  </a:lnTo>
                  <a:lnTo>
                    <a:pt x="1062" y="314"/>
                  </a:lnTo>
                  <a:lnTo>
                    <a:pt x="1055" y="315"/>
                  </a:lnTo>
                  <a:lnTo>
                    <a:pt x="1048" y="317"/>
                  </a:lnTo>
                  <a:lnTo>
                    <a:pt x="1041" y="319"/>
                  </a:lnTo>
                  <a:lnTo>
                    <a:pt x="1035" y="322"/>
                  </a:lnTo>
                  <a:lnTo>
                    <a:pt x="1030" y="326"/>
                  </a:lnTo>
                  <a:lnTo>
                    <a:pt x="1025" y="330"/>
                  </a:lnTo>
                  <a:lnTo>
                    <a:pt x="1020" y="334"/>
                  </a:lnTo>
                  <a:lnTo>
                    <a:pt x="1016" y="339"/>
                  </a:lnTo>
                  <a:lnTo>
                    <a:pt x="1013" y="344"/>
                  </a:lnTo>
                  <a:lnTo>
                    <a:pt x="1010" y="349"/>
                  </a:lnTo>
                  <a:lnTo>
                    <a:pt x="1008" y="355"/>
                  </a:lnTo>
                  <a:lnTo>
                    <a:pt x="1006" y="360"/>
                  </a:lnTo>
                  <a:lnTo>
                    <a:pt x="1004" y="366"/>
                  </a:lnTo>
                  <a:lnTo>
                    <a:pt x="1004" y="372"/>
                  </a:lnTo>
                  <a:lnTo>
                    <a:pt x="1003" y="378"/>
                  </a:lnTo>
                  <a:lnTo>
                    <a:pt x="1003" y="781"/>
                  </a:lnTo>
                  <a:lnTo>
                    <a:pt x="867" y="781"/>
                  </a:lnTo>
                  <a:close/>
                  <a:moveTo>
                    <a:pt x="516" y="603"/>
                  </a:moveTo>
                  <a:lnTo>
                    <a:pt x="517" y="611"/>
                  </a:lnTo>
                  <a:lnTo>
                    <a:pt x="518" y="619"/>
                  </a:lnTo>
                  <a:lnTo>
                    <a:pt x="520" y="626"/>
                  </a:lnTo>
                  <a:lnTo>
                    <a:pt x="522" y="633"/>
                  </a:lnTo>
                  <a:lnTo>
                    <a:pt x="525" y="639"/>
                  </a:lnTo>
                  <a:lnTo>
                    <a:pt x="529" y="645"/>
                  </a:lnTo>
                  <a:lnTo>
                    <a:pt x="534" y="650"/>
                  </a:lnTo>
                  <a:lnTo>
                    <a:pt x="536" y="652"/>
                  </a:lnTo>
                  <a:lnTo>
                    <a:pt x="538" y="654"/>
                  </a:lnTo>
                  <a:lnTo>
                    <a:pt x="544" y="658"/>
                  </a:lnTo>
                  <a:lnTo>
                    <a:pt x="550" y="662"/>
                  </a:lnTo>
                  <a:lnTo>
                    <a:pt x="557" y="665"/>
                  </a:lnTo>
                  <a:lnTo>
                    <a:pt x="564" y="667"/>
                  </a:lnTo>
                  <a:lnTo>
                    <a:pt x="571" y="669"/>
                  </a:lnTo>
                  <a:lnTo>
                    <a:pt x="579" y="671"/>
                  </a:lnTo>
                  <a:lnTo>
                    <a:pt x="588" y="672"/>
                  </a:lnTo>
                  <a:lnTo>
                    <a:pt x="596" y="672"/>
                  </a:lnTo>
                  <a:lnTo>
                    <a:pt x="605" y="672"/>
                  </a:lnTo>
                  <a:lnTo>
                    <a:pt x="613" y="671"/>
                  </a:lnTo>
                  <a:lnTo>
                    <a:pt x="621" y="669"/>
                  </a:lnTo>
                  <a:lnTo>
                    <a:pt x="629" y="667"/>
                  </a:lnTo>
                  <a:lnTo>
                    <a:pt x="636" y="665"/>
                  </a:lnTo>
                  <a:lnTo>
                    <a:pt x="642" y="662"/>
                  </a:lnTo>
                  <a:lnTo>
                    <a:pt x="649" y="658"/>
                  </a:lnTo>
                  <a:lnTo>
                    <a:pt x="654" y="654"/>
                  </a:lnTo>
                  <a:lnTo>
                    <a:pt x="659" y="650"/>
                  </a:lnTo>
                  <a:lnTo>
                    <a:pt x="663" y="645"/>
                  </a:lnTo>
                  <a:lnTo>
                    <a:pt x="667" y="639"/>
                  </a:lnTo>
                  <a:lnTo>
                    <a:pt x="670" y="633"/>
                  </a:lnTo>
                  <a:lnTo>
                    <a:pt x="673" y="626"/>
                  </a:lnTo>
                  <a:lnTo>
                    <a:pt x="675" y="619"/>
                  </a:lnTo>
                  <a:lnTo>
                    <a:pt x="676" y="611"/>
                  </a:lnTo>
                  <a:lnTo>
                    <a:pt x="676" y="603"/>
                  </a:lnTo>
                  <a:lnTo>
                    <a:pt x="676" y="369"/>
                  </a:lnTo>
                  <a:lnTo>
                    <a:pt x="676" y="361"/>
                  </a:lnTo>
                  <a:lnTo>
                    <a:pt x="675" y="353"/>
                  </a:lnTo>
                  <a:lnTo>
                    <a:pt x="673" y="346"/>
                  </a:lnTo>
                  <a:lnTo>
                    <a:pt x="670" y="340"/>
                  </a:lnTo>
                  <a:lnTo>
                    <a:pt x="667" y="333"/>
                  </a:lnTo>
                  <a:lnTo>
                    <a:pt x="663" y="328"/>
                  </a:lnTo>
                  <a:lnTo>
                    <a:pt x="659" y="322"/>
                  </a:lnTo>
                  <a:lnTo>
                    <a:pt x="657" y="320"/>
                  </a:lnTo>
                  <a:lnTo>
                    <a:pt x="654" y="318"/>
                  </a:lnTo>
                  <a:lnTo>
                    <a:pt x="649" y="314"/>
                  </a:lnTo>
                  <a:lnTo>
                    <a:pt x="642" y="310"/>
                  </a:lnTo>
                  <a:lnTo>
                    <a:pt x="636" y="307"/>
                  </a:lnTo>
                  <a:lnTo>
                    <a:pt x="629" y="305"/>
                  </a:lnTo>
                  <a:lnTo>
                    <a:pt x="621" y="303"/>
                  </a:lnTo>
                  <a:lnTo>
                    <a:pt x="613" y="301"/>
                  </a:lnTo>
                  <a:lnTo>
                    <a:pt x="605" y="301"/>
                  </a:lnTo>
                  <a:lnTo>
                    <a:pt x="596" y="300"/>
                  </a:lnTo>
                  <a:lnTo>
                    <a:pt x="588" y="301"/>
                  </a:lnTo>
                  <a:lnTo>
                    <a:pt x="579" y="301"/>
                  </a:lnTo>
                  <a:lnTo>
                    <a:pt x="571" y="303"/>
                  </a:lnTo>
                  <a:lnTo>
                    <a:pt x="564" y="305"/>
                  </a:lnTo>
                  <a:lnTo>
                    <a:pt x="557" y="307"/>
                  </a:lnTo>
                  <a:lnTo>
                    <a:pt x="550" y="310"/>
                  </a:lnTo>
                  <a:lnTo>
                    <a:pt x="544" y="314"/>
                  </a:lnTo>
                  <a:lnTo>
                    <a:pt x="538" y="318"/>
                  </a:lnTo>
                  <a:lnTo>
                    <a:pt x="534" y="322"/>
                  </a:lnTo>
                  <a:lnTo>
                    <a:pt x="529" y="328"/>
                  </a:lnTo>
                  <a:lnTo>
                    <a:pt x="525" y="333"/>
                  </a:lnTo>
                  <a:lnTo>
                    <a:pt x="522" y="340"/>
                  </a:lnTo>
                  <a:lnTo>
                    <a:pt x="520" y="346"/>
                  </a:lnTo>
                  <a:lnTo>
                    <a:pt x="518" y="353"/>
                  </a:lnTo>
                  <a:lnTo>
                    <a:pt x="517" y="361"/>
                  </a:lnTo>
                  <a:lnTo>
                    <a:pt x="516" y="369"/>
                  </a:lnTo>
                  <a:lnTo>
                    <a:pt x="516" y="603"/>
                  </a:lnTo>
                  <a:close/>
                  <a:moveTo>
                    <a:pt x="380" y="404"/>
                  </a:moveTo>
                  <a:lnTo>
                    <a:pt x="381" y="390"/>
                  </a:lnTo>
                  <a:lnTo>
                    <a:pt x="381" y="376"/>
                  </a:lnTo>
                  <a:lnTo>
                    <a:pt x="382" y="363"/>
                  </a:lnTo>
                  <a:lnTo>
                    <a:pt x="384" y="350"/>
                  </a:lnTo>
                  <a:lnTo>
                    <a:pt x="386" y="338"/>
                  </a:lnTo>
                  <a:lnTo>
                    <a:pt x="389" y="326"/>
                  </a:lnTo>
                  <a:lnTo>
                    <a:pt x="392" y="314"/>
                  </a:lnTo>
                  <a:lnTo>
                    <a:pt x="395" y="304"/>
                  </a:lnTo>
                  <a:lnTo>
                    <a:pt x="399" y="293"/>
                  </a:lnTo>
                  <a:lnTo>
                    <a:pt x="403" y="283"/>
                  </a:lnTo>
                  <a:lnTo>
                    <a:pt x="408" y="274"/>
                  </a:lnTo>
                  <a:lnTo>
                    <a:pt x="413" y="265"/>
                  </a:lnTo>
                  <a:lnTo>
                    <a:pt x="418" y="257"/>
                  </a:lnTo>
                  <a:lnTo>
                    <a:pt x="424" y="249"/>
                  </a:lnTo>
                  <a:lnTo>
                    <a:pt x="431" y="241"/>
                  </a:lnTo>
                  <a:lnTo>
                    <a:pt x="437" y="234"/>
                  </a:lnTo>
                  <a:lnTo>
                    <a:pt x="444" y="228"/>
                  </a:lnTo>
                  <a:lnTo>
                    <a:pt x="452" y="222"/>
                  </a:lnTo>
                  <a:lnTo>
                    <a:pt x="460" y="216"/>
                  </a:lnTo>
                  <a:lnTo>
                    <a:pt x="468" y="211"/>
                  </a:lnTo>
                  <a:lnTo>
                    <a:pt x="477" y="206"/>
                  </a:lnTo>
                  <a:lnTo>
                    <a:pt x="486" y="202"/>
                  </a:lnTo>
                  <a:lnTo>
                    <a:pt x="495" y="198"/>
                  </a:lnTo>
                  <a:lnTo>
                    <a:pt x="505" y="194"/>
                  </a:lnTo>
                  <a:lnTo>
                    <a:pt x="515" y="191"/>
                  </a:lnTo>
                  <a:lnTo>
                    <a:pt x="526" y="189"/>
                  </a:lnTo>
                  <a:lnTo>
                    <a:pt x="537" y="187"/>
                  </a:lnTo>
                  <a:lnTo>
                    <a:pt x="548" y="185"/>
                  </a:lnTo>
                  <a:lnTo>
                    <a:pt x="571" y="182"/>
                  </a:lnTo>
                  <a:lnTo>
                    <a:pt x="584" y="182"/>
                  </a:lnTo>
                  <a:lnTo>
                    <a:pt x="596" y="182"/>
                  </a:lnTo>
                  <a:lnTo>
                    <a:pt x="609" y="182"/>
                  </a:lnTo>
                  <a:lnTo>
                    <a:pt x="621" y="182"/>
                  </a:lnTo>
                  <a:lnTo>
                    <a:pt x="633" y="183"/>
                  </a:lnTo>
                  <a:lnTo>
                    <a:pt x="645" y="185"/>
                  </a:lnTo>
                  <a:lnTo>
                    <a:pt x="656" y="187"/>
                  </a:lnTo>
                  <a:lnTo>
                    <a:pt x="667" y="189"/>
                  </a:lnTo>
                  <a:lnTo>
                    <a:pt x="677" y="191"/>
                  </a:lnTo>
                  <a:lnTo>
                    <a:pt x="687" y="194"/>
                  </a:lnTo>
                  <a:lnTo>
                    <a:pt x="697" y="198"/>
                  </a:lnTo>
                  <a:lnTo>
                    <a:pt x="707" y="202"/>
                  </a:lnTo>
                  <a:lnTo>
                    <a:pt x="716" y="206"/>
                  </a:lnTo>
                  <a:lnTo>
                    <a:pt x="724" y="211"/>
                  </a:lnTo>
                  <a:lnTo>
                    <a:pt x="733" y="216"/>
                  </a:lnTo>
                  <a:lnTo>
                    <a:pt x="741" y="222"/>
                  </a:lnTo>
                  <a:lnTo>
                    <a:pt x="748" y="228"/>
                  </a:lnTo>
                  <a:lnTo>
                    <a:pt x="755" y="234"/>
                  </a:lnTo>
                  <a:lnTo>
                    <a:pt x="763" y="241"/>
                  </a:lnTo>
                  <a:lnTo>
                    <a:pt x="769" y="249"/>
                  </a:lnTo>
                  <a:lnTo>
                    <a:pt x="775" y="257"/>
                  </a:lnTo>
                  <a:lnTo>
                    <a:pt x="781" y="265"/>
                  </a:lnTo>
                  <a:lnTo>
                    <a:pt x="786" y="274"/>
                  </a:lnTo>
                  <a:lnTo>
                    <a:pt x="791" y="283"/>
                  </a:lnTo>
                  <a:lnTo>
                    <a:pt x="795" y="293"/>
                  </a:lnTo>
                  <a:lnTo>
                    <a:pt x="799" y="304"/>
                  </a:lnTo>
                  <a:lnTo>
                    <a:pt x="802" y="314"/>
                  </a:lnTo>
                  <a:lnTo>
                    <a:pt x="805" y="326"/>
                  </a:lnTo>
                  <a:lnTo>
                    <a:pt x="807" y="338"/>
                  </a:lnTo>
                  <a:lnTo>
                    <a:pt x="810" y="350"/>
                  </a:lnTo>
                  <a:lnTo>
                    <a:pt x="811" y="363"/>
                  </a:lnTo>
                  <a:lnTo>
                    <a:pt x="812" y="376"/>
                  </a:lnTo>
                  <a:lnTo>
                    <a:pt x="813" y="390"/>
                  </a:lnTo>
                  <a:lnTo>
                    <a:pt x="813" y="404"/>
                  </a:lnTo>
                  <a:lnTo>
                    <a:pt x="813" y="568"/>
                  </a:lnTo>
                  <a:lnTo>
                    <a:pt x="813" y="582"/>
                  </a:lnTo>
                  <a:lnTo>
                    <a:pt x="812" y="596"/>
                  </a:lnTo>
                  <a:lnTo>
                    <a:pt x="811" y="610"/>
                  </a:lnTo>
                  <a:lnTo>
                    <a:pt x="810" y="622"/>
                  </a:lnTo>
                  <a:lnTo>
                    <a:pt x="807" y="635"/>
                  </a:lnTo>
                  <a:lnTo>
                    <a:pt x="805" y="646"/>
                  </a:lnTo>
                  <a:lnTo>
                    <a:pt x="802" y="658"/>
                  </a:lnTo>
                  <a:lnTo>
                    <a:pt x="799" y="669"/>
                  </a:lnTo>
                  <a:lnTo>
                    <a:pt x="795" y="679"/>
                  </a:lnTo>
                  <a:lnTo>
                    <a:pt x="791" y="689"/>
                  </a:lnTo>
                  <a:lnTo>
                    <a:pt x="786" y="698"/>
                  </a:lnTo>
                  <a:lnTo>
                    <a:pt x="781" y="707"/>
                  </a:lnTo>
                  <a:lnTo>
                    <a:pt x="775" y="715"/>
                  </a:lnTo>
                  <a:lnTo>
                    <a:pt x="769" y="723"/>
                  </a:lnTo>
                  <a:lnTo>
                    <a:pt x="763" y="732"/>
                  </a:lnTo>
                  <a:lnTo>
                    <a:pt x="755" y="739"/>
                  </a:lnTo>
                  <a:lnTo>
                    <a:pt x="748" y="745"/>
                  </a:lnTo>
                  <a:lnTo>
                    <a:pt x="741" y="751"/>
                  </a:lnTo>
                  <a:lnTo>
                    <a:pt x="733" y="757"/>
                  </a:lnTo>
                  <a:lnTo>
                    <a:pt x="724" y="762"/>
                  </a:lnTo>
                  <a:lnTo>
                    <a:pt x="716" y="767"/>
                  </a:lnTo>
                  <a:lnTo>
                    <a:pt x="707" y="771"/>
                  </a:lnTo>
                  <a:lnTo>
                    <a:pt x="697" y="775"/>
                  </a:lnTo>
                  <a:lnTo>
                    <a:pt x="687" y="779"/>
                  </a:lnTo>
                  <a:lnTo>
                    <a:pt x="677" y="782"/>
                  </a:lnTo>
                  <a:lnTo>
                    <a:pt x="667" y="784"/>
                  </a:lnTo>
                  <a:lnTo>
                    <a:pt x="656" y="787"/>
                  </a:lnTo>
                  <a:lnTo>
                    <a:pt x="645" y="788"/>
                  </a:lnTo>
                  <a:lnTo>
                    <a:pt x="621" y="791"/>
                  </a:lnTo>
                  <a:lnTo>
                    <a:pt x="609" y="791"/>
                  </a:lnTo>
                  <a:lnTo>
                    <a:pt x="596" y="792"/>
                  </a:lnTo>
                  <a:lnTo>
                    <a:pt x="584" y="791"/>
                  </a:lnTo>
                  <a:lnTo>
                    <a:pt x="571" y="791"/>
                  </a:lnTo>
                  <a:lnTo>
                    <a:pt x="560" y="790"/>
                  </a:lnTo>
                  <a:lnTo>
                    <a:pt x="548" y="788"/>
                  </a:lnTo>
                  <a:lnTo>
                    <a:pt x="537" y="787"/>
                  </a:lnTo>
                  <a:lnTo>
                    <a:pt x="526" y="784"/>
                  </a:lnTo>
                  <a:lnTo>
                    <a:pt x="515" y="782"/>
                  </a:lnTo>
                  <a:lnTo>
                    <a:pt x="505" y="779"/>
                  </a:lnTo>
                  <a:lnTo>
                    <a:pt x="495" y="775"/>
                  </a:lnTo>
                  <a:lnTo>
                    <a:pt x="486" y="771"/>
                  </a:lnTo>
                  <a:lnTo>
                    <a:pt x="477" y="767"/>
                  </a:lnTo>
                  <a:lnTo>
                    <a:pt x="468" y="762"/>
                  </a:lnTo>
                  <a:lnTo>
                    <a:pt x="460" y="757"/>
                  </a:lnTo>
                  <a:lnTo>
                    <a:pt x="452" y="751"/>
                  </a:lnTo>
                  <a:lnTo>
                    <a:pt x="444" y="745"/>
                  </a:lnTo>
                  <a:lnTo>
                    <a:pt x="437" y="739"/>
                  </a:lnTo>
                  <a:lnTo>
                    <a:pt x="431" y="732"/>
                  </a:lnTo>
                  <a:lnTo>
                    <a:pt x="424" y="723"/>
                  </a:lnTo>
                  <a:lnTo>
                    <a:pt x="418" y="715"/>
                  </a:lnTo>
                  <a:lnTo>
                    <a:pt x="413" y="707"/>
                  </a:lnTo>
                  <a:lnTo>
                    <a:pt x="408" y="698"/>
                  </a:lnTo>
                  <a:lnTo>
                    <a:pt x="403" y="689"/>
                  </a:lnTo>
                  <a:lnTo>
                    <a:pt x="399" y="679"/>
                  </a:lnTo>
                  <a:lnTo>
                    <a:pt x="395" y="669"/>
                  </a:lnTo>
                  <a:lnTo>
                    <a:pt x="392" y="658"/>
                  </a:lnTo>
                  <a:lnTo>
                    <a:pt x="389" y="646"/>
                  </a:lnTo>
                  <a:lnTo>
                    <a:pt x="386" y="635"/>
                  </a:lnTo>
                  <a:lnTo>
                    <a:pt x="384" y="622"/>
                  </a:lnTo>
                  <a:lnTo>
                    <a:pt x="382" y="610"/>
                  </a:lnTo>
                  <a:lnTo>
                    <a:pt x="381" y="596"/>
                  </a:lnTo>
                  <a:lnTo>
                    <a:pt x="381" y="582"/>
                  </a:lnTo>
                  <a:lnTo>
                    <a:pt x="380" y="568"/>
                  </a:lnTo>
                  <a:lnTo>
                    <a:pt x="380" y="404"/>
                  </a:lnTo>
                  <a:close/>
                  <a:moveTo>
                    <a:pt x="0" y="781"/>
                  </a:moveTo>
                  <a:lnTo>
                    <a:pt x="0" y="0"/>
                  </a:lnTo>
                  <a:lnTo>
                    <a:pt x="389" y="0"/>
                  </a:lnTo>
                  <a:lnTo>
                    <a:pt x="389" y="132"/>
                  </a:lnTo>
                  <a:lnTo>
                    <a:pt x="149" y="132"/>
                  </a:lnTo>
                  <a:lnTo>
                    <a:pt x="149" y="311"/>
                  </a:lnTo>
                  <a:lnTo>
                    <a:pt x="337" y="311"/>
                  </a:lnTo>
                  <a:lnTo>
                    <a:pt x="337" y="443"/>
                  </a:lnTo>
                  <a:lnTo>
                    <a:pt x="149" y="443"/>
                  </a:lnTo>
                  <a:lnTo>
                    <a:pt x="149" y="781"/>
                  </a:lnTo>
                  <a:lnTo>
                    <a:pt x="0" y="781"/>
                  </a:lnTo>
                  <a:close/>
                </a:path>
              </a:pathLst>
            </a:custGeom>
            <a:solidFill>
              <a:schemeClr val="accent5"/>
            </a:solidFill>
            <a:ln>
              <a:noFill/>
            </a:ln>
          </p:spPr>
          <p:txBody>
            <a:bodyPr/>
            <a:lstStyle/>
            <a:p>
              <a:pPr>
                <a:defRPr/>
              </a:pPr>
              <a:endParaRPr lang="en-GB" sz="1800">
                <a:latin typeface="Arial" charset="0"/>
              </a:endParaRPr>
            </a:p>
          </p:txBody>
        </p:sp>
        <p:sp>
          <p:nvSpPr>
            <p:cNvPr id="4" name="Freeform 6"/>
            <p:cNvSpPr>
              <a:spLocks noChangeAspect="1" noEditPoints="1"/>
            </p:cNvSpPr>
            <p:nvPr userDrawn="1"/>
          </p:nvSpPr>
          <p:spPr bwMode="auto">
            <a:xfrm>
              <a:off x="5642842" y="3737169"/>
              <a:ext cx="2829422" cy="864096"/>
            </a:xfrm>
            <a:custGeom>
              <a:avLst/>
              <a:gdLst>
                <a:gd name="T0" fmla="*/ 481788 w 4892"/>
                <a:gd name="T1" fmla="*/ 110470 h 1494"/>
                <a:gd name="T2" fmla="*/ 327940 w 4892"/>
                <a:gd name="T3" fmla="*/ 635637 h 1494"/>
                <a:gd name="T4" fmla="*/ 922512 w 4892"/>
                <a:gd name="T5" fmla="*/ 628696 h 1494"/>
                <a:gd name="T6" fmla="*/ 779074 w 4892"/>
                <a:gd name="T7" fmla="*/ 814934 h 1494"/>
                <a:gd name="T8" fmla="*/ 762301 w 4892"/>
                <a:gd name="T9" fmla="*/ 207059 h 1494"/>
                <a:gd name="T10" fmla="*/ 688269 w 4892"/>
                <a:gd name="T11" fmla="*/ 320421 h 1494"/>
                <a:gd name="T12" fmla="*/ 913258 w 4892"/>
                <a:gd name="T13" fmla="*/ 857734 h 1494"/>
                <a:gd name="T14" fmla="*/ 955479 w 4892"/>
                <a:gd name="T15" fmla="*/ 546567 h 1494"/>
                <a:gd name="T16" fmla="*/ 897642 w 4892"/>
                <a:gd name="T17" fmla="*/ 52054 h 1494"/>
                <a:gd name="T18" fmla="*/ 900534 w 4892"/>
                <a:gd name="T19" fmla="*/ 189129 h 1494"/>
                <a:gd name="T20" fmla="*/ 997701 w 4892"/>
                <a:gd name="T21" fmla="*/ 167729 h 1494"/>
                <a:gd name="T22" fmla="*/ 1064214 w 4892"/>
                <a:gd name="T23" fmla="*/ 58995 h 1494"/>
                <a:gd name="T24" fmla="*/ 1108749 w 4892"/>
                <a:gd name="T25" fmla="*/ 153270 h 1494"/>
                <a:gd name="T26" fmla="*/ 1100074 w 4892"/>
                <a:gd name="T27" fmla="*/ 262005 h 1494"/>
                <a:gd name="T28" fmla="*/ 1203603 w 4892"/>
                <a:gd name="T29" fmla="*/ 175248 h 1494"/>
                <a:gd name="T30" fmla="*/ 1177576 w 4892"/>
                <a:gd name="T31" fmla="*/ 301913 h 1494"/>
                <a:gd name="T32" fmla="*/ 497405 w 4892"/>
                <a:gd name="T33" fmla="*/ 515334 h 1494"/>
                <a:gd name="T34" fmla="*/ 538469 w 4892"/>
                <a:gd name="T35" fmla="*/ 374210 h 1494"/>
                <a:gd name="T36" fmla="*/ 642577 w 4892"/>
                <a:gd name="T37" fmla="*/ 503767 h 1494"/>
                <a:gd name="T38" fmla="*/ 1218641 w 4892"/>
                <a:gd name="T39" fmla="*/ 694631 h 1494"/>
                <a:gd name="T40" fmla="*/ 1346462 w 4892"/>
                <a:gd name="T41" fmla="*/ 591102 h 1494"/>
                <a:gd name="T42" fmla="*/ 1334317 w 4892"/>
                <a:gd name="T43" fmla="*/ 754783 h 1494"/>
                <a:gd name="T44" fmla="*/ 458653 w 4892"/>
                <a:gd name="T45" fmla="*/ 444772 h 1494"/>
                <a:gd name="T46" fmla="*/ 604404 w 4892"/>
                <a:gd name="T47" fmla="*/ 559291 h 1494"/>
                <a:gd name="T48" fmla="*/ 624648 w 4892"/>
                <a:gd name="T49" fmla="*/ 368426 h 1494"/>
                <a:gd name="T50" fmla="*/ 364956 w 4892"/>
                <a:gd name="T51" fmla="*/ 610767 h 1494"/>
                <a:gd name="T52" fmla="*/ 531529 w 4892"/>
                <a:gd name="T53" fmla="*/ 117989 h 1494"/>
                <a:gd name="T54" fmla="*/ 1183938 w 4892"/>
                <a:gd name="T55" fmla="*/ 336616 h 1494"/>
                <a:gd name="T56" fmla="*/ 1219798 w 4892"/>
                <a:gd name="T57" fmla="*/ 149800 h 1494"/>
                <a:gd name="T58" fmla="*/ 1124944 w 4892"/>
                <a:gd name="T59" fmla="*/ 251016 h 1494"/>
                <a:gd name="T60" fmla="*/ 1118003 w 4892"/>
                <a:gd name="T61" fmla="*/ 133605 h 1494"/>
                <a:gd name="T62" fmla="*/ 1035874 w 4892"/>
                <a:gd name="T63" fmla="*/ 56103 h 1494"/>
                <a:gd name="T64" fmla="*/ 980928 w 4892"/>
                <a:gd name="T65" fmla="*/ 176984 h 1494"/>
                <a:gd name="T66" fmla="*/ 940442 w 4892"/>
                <a:gd name="T67" fmla="*/ 122616 h 1494"/>
                <a:gd name="T68" fmla="*/ 1240619 w 4892"/>
                <a:gd name="T69" fmla="*/ 27184 h 1494"/>
                <a:gd name="T70" fmla="*/ 1011004 w 4892"/>
                <a:gd name="T71" fmla="*/ 577799 h 1494"/>
                <a:gd name="T72" fmla="*/ 1405457 w 4892"/>
                <a:gd name="T73" fmla="*/ 319843 h 1494"/>
                <a:gd name="T74" fmla="*/ 792955 w 4892"/>
                <a:gd name="T75" fmla="*/ 269524 h 1494"/>
                <a:gd name="T76" fmla="*/ 636215 w 4892"/>
                <a:gd name="T77" fmla="*/ 233086 h 1494"/>
                <a:gd name="T78" fmla="*/ 1268382 w 4892"/>
                <a:gd name="T79" fmla="*/ 569123 h 1494"/>
                <a:gd name="T80" fmla="*/ 1233101 w 4892"/>
                <a:gd name="T81" fmla="*/ 751891 h 1494"/>
                <a:gd name="T82" fmla="*/ 1412397 w 4892"/>
                <a:gd name="T83" fmla="*/ 684221 h 1494"/>
                <a:gd name="T84" fmla="*/ 1258549 w 4892"/>
                <a:gd name="T85" fmla="*/ 498561 h 1494"/>
                <a:gd name="T86" fmla="*/ 1340100 w 4892"/>
                <a:gd name="T87" fmla="*/ 340664 h 1494"/>
                <a:gd name="T88" fmla="*/ 1409506 w 4892"/>
                <a:gd name="T89" fmla="*/ 113940 h 1494"/>
                <a:gd name="T90" fmla="*/ 1738602 w 4892"/>
                <a:gd name="T91" fmla="*/ 825923 h 1494"/>
                <a:gd name="T92" fmla="*/ 1628132 w 4892"/>
                <a:gd name="T93" fmla="*/ 688848 h 1494"/>
                <a:gd name="T94" fmla="*/ 1648954 w 4892"/>
                <a:gd name="T95" fmla="*/ 546567 h 1494"/>
                <a:gd name="T96" fmla="*/ 1711997 w 4892"/>
                <a:gd name="T97" fmla="*/ 573750 h 1494"/>
                <a:gd name="T98" fmla="*/ 1623505 w 4892"/>
                <a:gd name="T99" fmla="*/ 650096 h 1494"/>
                <a:gd name="T100" fmla="*/ 1776775 w 4892"/>
                <a:gd name="T101" fmla="*/ 823031 h 1494"/>
                <a:gd name="T102" fmla="*/ 1578970 w 4892"/>
                <a:gd name="T103" fmla="*/ 779075 h 1494"/>
                <a:gd name="T104" fmla="*/ 2705071 w 4892"/>
                <a:gd name="T105" fmla="*/ 857734 h 1494"/>
                <a:gd name="T106" fmla="*/ 2425715 w 4892"/>
                <a:gd name="T107" fmla="*/ 19665 h 1494"/>
                <a:gd name="T108" fmla="*/ 2474298 w 4892"/>
                <a:gd name="T109" fmla="*/ 226724 h 1494"/>
                <a:gd name="T110" fmla="*/ 2412412 w 4892"/>
                <a:gd name="T111" fmla="*/ 153270 h 1494"/>
                <a:gd name="T112" fmla="*/ 2628725 w 4892"/>
                <a:gd name="T113" fmla="*/ 139389 h 1494"/>
                <a:gd name="T114" fmla="*/ 2733411 w 4892"/>
                <a:gd name="T115" fmla="*/ 365535 h 1494"/>
                <a:gd name="T116" fmla="*/ 2621206 w 4892"/>
                <a:gd name="T117" fmla="*/ 452870 h 1494"/>
                <a:gd name="T118" fmla="*/ 2562212 w 4892"/>
                <a:gd name="T119" fmla="*/ 60151 h 1494"/>
                <a:gd name="T120" fmla="*/ 2801082 w 4892"/>
                <a:gd name="T121" fmla="*/ 48584 h 1494"/>
                <a:gd name="T122" fmla="*/ 2755390 w 4892"/>
                <a:gd name="T123" fmla="*/ 450556 h 149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4892" h="1494">
                  <a:moveTo>
                    <a:pt x="1023" y="1319"/>
                  </a:moveTo>
                  <a:lnTo>
                    <a:pt x="877" y="1390"/>
                  </a:lnTo>
                  <a:lnTo>
                    <a:pt x="852" y="1336"/>
                  </a:lnTo>
                  <a:lnTo>
                    <a:pt x="1023" y="1253"/>
                  </a:lnTo>
                  <a:lnTo>
                    <a:pt x="1153" y="1189"/>
                  </a:lnTo>
                  <a:lnTo>
                    <a:pt x="1339" y="1098"/>
                  </a:lnTo>
                  <a:lnTo>
                    <a:pt x="1356" y="1089"/>
                  </a:lnTo>
                  <a:lnTo>
                    <a:pt x="1540" y="1000"/>
                  </a:lnTo>
                  <a:lnTo>
                    <a:pt x="1556" y="1025"/>
                  </a:lnTo>
                  <a:lnTo>
                    <a:pt x="1572" y="1050"/>
                  </a:lnTo>
                  <a:lnTo>
                    <a:pt x="1567" y="1052"/>
                  </a:lnTo>
                  <a:lnTo>
                    <a:pt x="1565" y="1053"/>
                  </a:lnTo>
                  <a:lnTo>
                    <a:pt x="1563" y="1054"/>
                  </a:lnTo>
                  <a:lnTo>
                    <a:pt x="1356" y="1156"/>
                  </a:lnTo>
                  <a:lnTo>
                    <a:pt x="1339" y="1164"/>
                  </a:lnTo>
                  <a:lnTo>
                    <a:pt x="1153" y="1255"/>
                  </a:lnTo>
                  <a:lnTo>
                    <a:pt x="1023" y="1319"/>
                  </a:lnTo>
                  <a:close/>
                  <a:moveTo>
                    <a:pt x="1023" y="1216"/>
                  </a:moveTo>
                  <a:lnTo>
                    <a:pt x="984" y="1237"/>
                  </a:lnTo>
                  <a:lnTo>
                    <a:pt x="868" y="1216"/>
                  </a:lnTo>
                  <a:lnTo>
                    <a:pt x="1023" y="1140"/>
                  </a:lnTo>
                  <a:lnTo>
                    <a:pt x="1153" y="1077"/>
                  </a:lnTo>
                  <a:lnTo>
                    <a:pt x="1192" y="1057"/>
                  </a:lnTo>
                  <a:lnTo>
                    <a:pt x="1305" y="1078"/>
                  </a:lnTo>
                  <a:lnTo>
                    <a:pt x="1153" y="1154"/>
                  </a:lnTo>
                  <a:lnTo>
                    <a:pt x="1023" y="1216"/>
                  </a:lnTo>
                  <a:close/>
                  <a:moveTo>
                    <a:pt x="1023" y="26"/>
                  </a:moveTo>
                  <a:lnTo>
                    <a:pt x="1004" y="39"/>
                  </a:lnTo>
                  <a:lnTo>
                    <a:pt x="986" y="53"/>
                  </a:lnTo>
                  <a:lnTo>
                    <a:pt x="968" y="67"/>
                  </a:lnTo>
                  <a:lnTo>
                    <a:pt x="950" y="81"/>
                  </a:lnTo>
                  <a:lnTo>
                    <a:pt x="933" y="96"/>
                  </a:lnTo>
                  <a:lnTo>
                    <a:pt x="914" y="111"/>
                  </a:lnTo>
                  <a:lnTo>
                    <a:pt x="897" y="126"/>
                  </a:lnTo>
                  <a:lnTo>
                    <a:pt x="881" y="142"/>
                  </a:lnTo>
                  <a:lnTo>
                    <a:pt x="865" y="158"/>
                  </a:lnTo>
                  <a:lnTo>
                    <a:pt x="849" y="174"/>
                  </a:lnTo>
                  <a:lnTo>
                    <a:pt x="833" y="191"/>
                  </a:lnTo>
                  <a:lnTo>
                    <a:pt x="818" y="208"/>
                  </a:lnTo>
                  <a:lnTo>
                    <a:pt x="803" y="226"/>
                  </a:lnTo>
                  <a:lnTo>
                    <a:pt x="788" y="244"/>
                  </a:lnTo>
                  <a:lnTo>
                    <a:pt x="774" y="262"/>
                  </a:lnTo>
                  <a:lnTo>
                    <a:pt x="760" y="281"/>
                  </a:lnTo>
                  <a:lnTo>
                    <a:pt x="746" y="299"/>
                  </a:lnTo>
                  <a:lnTo>
                    <a:pt x="733" y="319"/>
                  </a:lnTo>
                  <a:lnTo>
                    <a:pt x="720" y="338"/>
                  </a:lnTo>
                  <a:lnTo>
                    <a:pt x="708" y="358"/>
                  </a:lnTo>
                  <a:lnTo>
                    <a:pt x="696" y="379"/>
                  </a:lnTo>
                  <a:lnTo>
                    <a:pt x="685" y="400"/>
                  </a:lnTo>
                  <a:lnTo>
                    <a:pt x="673" y="420"/>
                  </a:lnTo>
                  <a:lnTo>
                    <a:pt x="663" y="441"/>
                  </a:lnTo>
                  <a:lnTo>
                    <a:pt x="652" y="463"/>
                  </a:lnTo>
                  <a:lnTo>
                    <a:pt x="643" y="485"/>
                  </a:lnTo>
                  <a:lnTo>
                    <a:pt x="633" y="507"/>
                  </a:lnTo>
                  <a:lnTo>
                    <a:pt x="624" y="529"/>
                  </a:lnTo>
                  <a:lnTo>
                    <a:pt x="616" y="551"/>
                  </a:lnTo>
                  <a:lnTo>
                    <a:pt x="608" y="574"/>
                  </a:lnTo>
                  <a:lnTo>
                    <a:pt x="600" y="598"/>
                  </a:lnTo>
                  <a:lnTo>
                    <a:pt x="593" y="621"/>
                  </a:lnTo>
                  <a:lnTo>
                    <a:pt x="586" y="649"/>
                  </a:lnTo>
                  <a:lnTo>
                    <a:pt x="579" y="678"/>
                  </a:lnTo>
                  <a:lnTo>
                    <a:pt x="573" y="706"/>
                  </a:lnTo>
                  <a:lnTo>
                    <a:pt x="568" y="735"/>
                  </a:lnTo>
                  <a:lnTo>
                    <a:pt x="563" y="763"/>
                  </a:lnTo>
                  <a:lnTo>
                    <a:pt x="559" y="792"/>
                  </a:lnTo>
                  <a:lnTo>
                    <a:pt x="556" y="820"/>
                  </a:lnTo>
                  <a:lnTo>
                    <a:pt x="554" y="848"/>
                  </a:lnTo>
                  <a:lnTo>
                    <a:pt x="553" y="877"/>
                  </a:lnTo>
                  <a:lnTo>
                    <a:pt x="552" y="905"/>
                  </a:lnTo>
                  <a:lnTo>
                    <a:pt x="552" y="933"/>
                  </a:lnTo>
                  <a:lnTo>
                    <a:pt x="553" y="961"/>
                  </a:lnTo>
                  <a:lnTo>
                    <a:pt x="554" y="989"/>
                  </a:lnTo>
                  <a:lnTo>
                    <a:pt x="556" y="1017"/>
                  </a:lnTo>
                  <a:lnTo>
                    <a:pt x="559" y="1044"/>
                  </a:lnTo>
                  <a:lnTo>
                    <a:pt x="563" y="1072"/>
                  </a:lnTo>
                  <a:lnTo>
                    <a:pt x="567" y="1099"/>
                  </a:lnTo>
                  <a:lnTo>
                    <a:pt x="572" y="1127"/>
                  </a:lnTo>
                  <a:lnTo>
                    <a:pt x="577" y="1154"/>
                  </a:lnTo>
                  <a:lnTo>
                    <a:pt x="584" y="1181"/>
                  </a:lnTo>
                  <a:lnTo>
                    <a:pt x="591" y="1208"/>
                  </a:lnTo>
                  <a:lnTo>
                    <a:pt x="598" y="1234"/>
                  </a:lnTo>
                  <a:lnTo>
                    <a:pt x="607" y="1260"/>
                  </a:lnTo>
                  <a:lnTo>
                    <a:pt x="616" y="1286"/>
                  </a:lnTo>
                  <a:lnTo>
                    <a:pt x="625" y="1312"/>
                  </a:lnTo>
                  <a:lnTo>
                    <a:pt x="635" y="1337"/>
                  </a:lnTo>
                  <a:lnTo>
                    <a:pt x="646" y="1362"/>
                  </a:lnTo>
                  <a:lnTo>
                    <a:pt x="658" y="1387"/>
                  </a:lnTo>
                  <a:lnTo>
                    <a:pt x="670" y="1412"/>
                  </a:lnTo>
                  <a:lnTo>
                    <a:pt x="683" y="1436"/>
                  </a:lnTo>
                  <a:lnTo>
                    <a:pt x="696" y="1460"/>
                  </a:lnTo>
                  <a:lnTo>
                    <a:pt x="710" y="1483"/>
                  </a:lnTo>
                  <a:lnTo>
                    <a:pt x="0" y="1483"/>
                  </a:lnTo>
                  <a:lnTo>
                    <a:pt x="0" y="746"/>
                  </a:lnTo>
                  <a:lnTo>
                    <a:pt x="0" y="10"/>
                  </a:lnTo>
                  <a:lnTo>
                    <a:pt x="511" y="10"/>
                  </a:lnTo>
                  <a:lnTo>
                    <a:pt x="1023" y="10"/>
                  </a:lnTo>
                  <a:lnTo>
                    <a:pt x="1048" y="10"/>
                  </a:lnTo>
                  <a:lnTo>
                    <a:pt x="1042" y="14"/>
                  </a:lnTo>
                  <a:lnTo>
                    <a:pt x="1036" y="18"/>
                  </a:lnTo>
                  <a:lnTo>
                    <a:pt x="1023" y="26"/>
                  </a:lnTo>
                  <a:close/>
                  <a:moveTo>
                    <a:pt x="1153" y="1483"/>
                  </a:moveTo>
                  <a:lnTo>
                    <a:pt x="1023" y="1483"/>
                  </a:lnTo>
                  <a:lnTo>
                    <a:pt x="989" y="1483"/>
                  </a:lnTo>
                  <a:lnTo>
                    <a:pt x="1023" y="1466"/>
                  </a:lnTo>
                  <a:lnTo>
                    <a:pt x="1153" y="1404"/>
                  </a:lnTo>
                  <a:lnTo>
                    <a:pt x="1328" y="1317"/>
                  </a:lnTo>
                  <a:lnTo>
                    <a:pt x="1339" y="1299"/>
                  </a:lnTo>
                  <a:lnTo>
                    <a:pt x="1356" y="1265"/>
                  </a:lnTo>
                  <a:lnTo>
                    <a:pt x="1408" y="1166"/>
                  </a:lnTo>
                  <a:lnTo>
                    <a:pt x="1577" y="1084"/>
                  </a:lnTo>
                  <a:lnTo>
                    <a:pt x="1583" y="1081"/>
                  </a:lnTo>
                  <a:lnTo>
                    <a:pt x="1588" y="1078"/>
                  </a:lnTo>
                  <a:lnTo>
                    <a:pt x="1591" y="1082"/>
                  </a:lnTo>
                  <a:lnTo>
                    <a:pt x="1595" y="1087"/>
                  </a:lnTo>
                  <a:lnTo>
                    <a:pt x="1694" y="1248"/>
                  </a:lnTo>
                  <a:lnTo>
                    <a:pt x="1682" y="1418"/>
                  </a:lnTo>
                  <a:lnTo>
                    <a:pt x="1717" y="1476"/>
                  </a:lnTo>
                  <a:lnTo>
                    <a:pt x="1723" y="1483"/>
                  </a:lnTo>
                  <a:lnTo>
                    <a:pt x="1717" y="1483"/>
                  </a:lnTo>
                  <a:lnTo>
                    <a:pt x="1616" y="1483"/>
                  </a:lnTo>
                  <a:lnTo>
                    <a:pt x="1612" y="1475"/>
                  </a:lnTo>
                  <a:lnTo>
                    <a:pt x="1607" y="1467"/>
                  </a:lnTo>
                  <a:lnTo>
                    <a:pt x="1601" y="1459"/>
                  </a:lnTo>
                  <a:lnTo>
                    <a:pt x="1596" y="1451"/>
                  </a:lnTo>
                  <a:lnTo>
                    <a:pt x="1590" y="1444"/>
                  </a:lnTo>
                  <a:lnTo>
                    <a:pt x="1583" y="1437"/>
                  </a:lnTo>
                  <a:lnTo>
                    <a:pt x="1576" y="1430"/>
                  </a:lnTo>
                  <a:lnTo>
                    <a:pt x="1569" y="1423"/>
                  </a:lnTo>
                  <a:lnTo>
                    <a:pt x="1562" y="1417"/>
                  </a:lnTo>
                  <a:lnTo>
                    <a:pt x="1554" y="1412"/>
                  </a:lnTo>
                  <a:lnTo>
                    <a:pt x="1546" y="1406"/>
                  </a:lnTo>
                  <a:lnTo>
                    <a:pt x="1537" y="1401"/>
                  </a:lnTo>
                  <a:lnTo>
                    <a:pt x="1529" y="1397"/>
                  </a:lnTo>
                  <a:lnTo>
                    <a:pt x="1519" y="1393"/>
                  </a:lnTo>
                  <a:lnTo>
                    <a:pt x="1509" y="1389"/>
                  </a:lnTo>
                  <a:lnTo>
                    <a:pt x="1500" y="1386"/>
                  </a:lnTo>
                  <a:lnTo>
                    <a:pt x="1490" y="1384"/>
                  </a:lnTo>
                  <a:lnTo>
                    <a:pt x="1481" y="1382"/>
                  </a:lnTo>
                  <a:lnTo>
                    <a:pt x="1462" y="1380"/>
                  </a:lnTo>
                  <a:lnTo>
                    <a:pt x="1452" y="1379"/>
                  </a:lnTo>
                  <a:lnTo>
                    <a:pt x="1443" y="1379"/>
                  </a:lnTo>
                  <a:lnTo>
                    <a:pt x="1433" y="1380"/>
                  </a:lnTo>
                  <a:lnTo>
                    <a:pt x="1424" y="1381"/>
                  </a:lnTo>
                  <a:lnTo>
                    <a:pt x="1415" y="1382"/>
                  </a:lnTo>
                  <a:lnTo>
                    <a:pt x="1406" y="1384"/>
                  </a:lnTo>
                  <a:lnTo>
                    <a:pt x="1397" y="1387"/>
                  </a:lnTo>
                  <a:lnTo>
                    <a:pt x="1389" y="1389"/>
                  </a:lnTo>
                  <a:lnTo>
                    <a:pt x="1380" y="1392"/>
                  </a:lnTo>
                  <a:lnTo>
                    <a:pt x="1372" y="1396"/>
                  </a:lnTo>
                  <a:lnTo>
                    <a:pt x="1364" y="1400"/>
                  </a:lnTo>
                  <a:lnTo>
                    <a:pt x="1356" y="1404"/>
                  </a:lnTo>
                  <a:lnTo>
                    <a:pt x="1347" y="1409"/>
                  </a:lnTo>
                  <a:lnTo>
                    <a:pt x="1339" y="1414"/>
                  </a:lnTo>
                  <a:lnTo>
                    <a:pt x="1330" y="1421"/>
                  </a:lnTo>
                  <a:lnTo>
                    <a:pt x="1321" y="1429"/>
                  </a:lnTo>
                  <a:lnTo>
                    <a:pt x="1313" y="1437"/>
                  </a:lnTo>
                  <a:lnTo>
                    <a:pt x="1305" y="1445"/>
                  </a:lnTo>
                  <a:lnTo>
                    <a:pt x="1298" y="1454"/>
                  </a:lnTo>
                  <a:lnTo>
                    <a:pt x="1292" y="1463"/>
                  </a:lnTo>
                  <a:lnTo>
                    <a:pt x="1289" y="1468"/>
                  </a:lnTo>
                  <a:lnTo>
                    <a:pt x="1286" y="1473"/>
                  </a:lnTo>
                  <a:lnTo>
                    <a:pt x="1280" y="1483"/>
                  </a:lnTo>
                  <a:lnTo>
                    <a:pt x="1153" y="1483"/>
                  </a:lnTo>
                  <a:close/>
                  <a:moveTo>
                    <a:pt x="1153" y="460"/>
                  </a:moveTo>
                  <a:lnTo>
                    <a:pt x="1142" y="428"/>
                  </a:lnTo>
                  <a:lnTo>
                    <a:pt x="1137" y="412"/>
                  </a:lnTo>
                  <a:lnTo>
                    <a:pt x="1132" y="396"/>
                  </a:lnTo>
                  <a:lnTo>
                    <a:pt x="1124" y="363"/>
                  </a:lnTo>
                  <a:lnTo>
                    <a:pt x="1120" y="346"/>
                  </a:lnTo>
                  <a:lnTo>
                    <a:pt x="1117" y="330"/>
                  </a:lnTo>
                  <a:lnTo>
                    <a:pt x="1114" y="313"/>
                  </a:lnTo>
                  <a:lnTo>
                    <a:pt x="1111" y="297"/>
                  </a:lnTo>
                  <a:lnTo>
                    <a:pt x="1109" y="280"/>
                  </a:lnTo>
                  <a:lnTo>
                    <a:pt x="1107" y="264"/>
                  </a:lnTo>
                  <a:lnTo>
                    <a:pt x="1105" y="231"/>
                  </a:lnTo>
                  <a:lnTo>
                    <a:pt x="1105" y="214"/>
                  </a:lnTo>
                  <a:lnTo>
                    <a:pt x="1105" y="198"/>
                  </a:lnTo>
                  <a:lnTo>
                    <a:pt x="1117" y="204"/>
                  </a:lnTo>
                  <a:lnTo>
                    <a:pt x="1129" y="210"/>
                  </a:lnTo>
                  <a:lnTo>
                    <a:pt x="1153" y="223"/>
                  </a:lnTo>
                  <a:lnTo>
                    <a:pt x="1165" y="231"/>
                  </a:lnTo>
                  <a:lnTo>
                    <a:pt x="1178" y="239"/>
                  </a:lnTo>
                  <a:lnTo>
                    <a:pt x="1191" y="247"/>
                  </a:lnTo>
                  <a:lnTo>
                    <a:pt x="1203" y="256"/>
                  </a:lnTo>
                  <a:lnTo>
                    <a:pt x="1227" y="275"/>
                  </a:lnTo>
                  <a:lnTo>
                    <a:pt x="1239" y="285"/>
                  </a:lnTo>
                  <a:lnTo>
                    <a:pt x="1251" y="295"/>
                  </a:lnTo>
                  <a:lnTo>
                    <a:pt x="1274" y="315"/>
                  </a:lnTo>
                  <a:lnTo>
                    <a:pt x="1296" y="336"/>
                  </a:lnTo>
                  <a:lnTo>
                    <a:pt x="1318" y="358"/>
                  </a:lnTo>
                  <a:lnTo>
                    <a:pt x="1339" y="382"/>
                  </a:lnTo>
                  <a:lnTo>
                    <a:pt x="1347" y="392"/>
                  </a:lnTo>
                  <a:lnTo>
                    <a:pt x="1351" y="397"/>
                  </a:lnTo>
                  <a:lnTo>
                    <a:pt x="1356" y="401"/>
                  </a:lnTo>
                  <a:lnTo>
                    <a:pt x="1363" y="411"/>
                  </a:lnTo>
                  <a:lnTo>
                    <a:pt x="1371" y="420"/>
                  </a:lnTo>
                  <a:lnTo>
                    <a:pt x="1385" y="438"/>
                  </a:lnTo>
                  <a:lnTo>
                    <a:pt x="1371" y="433"/>
                  </a:lnTo>
                  <a:lnTo>
                    <a:pt x="1363" y="431"/>
                  </a:lnTo>
                  <a:lnTo>
                    <a:pt x="1356" y="430"/>
                  </a:lnTo>
                  <a:lnTo>
                    <a:pt x="1351" y="429"/>
                  </a:lnTo>
                  <a:lnTo>
                    <a:pt x="1347" y="428"/>
                  </a:lnTo>
                  <a:lnTo>
                    <a:pt x="1339" y="426"/>
                  </a:lnTo>
                  <a:lnTo>
                    <a:pt x="1327" y="425"/>
                  </a:lnTo>
                  <a:lnTo>
                    <a:pt x="1315" y="425"/>
                  </a:lnTo>
                  <a:lnTo>
                    <a:pt x="1302" y="426"/>
                  </a:lnTo>
                  <a:lnTo>
                    <a:pt x="1289" y="428"/>
                  </a:lnTo>
                  <a:lnTo>
                    <a:pt x="1309" y="460"/>
                  </a:lnTo>
                  <a:lnTo>
                    <a:pt x="1339" y="508"/>
                  </a:lnTo>
                  <a:lnTo>
                    <a:pt x="1356" y="536"/>
                  </a:lnTo>
                  <a:lnTo>
                    <a:pt x="1379" y="571"/>
                  </a:lnTo>
                  <a:lnTo>
                    <a:pt x="1356" y="586"/>
                  </a:lnTo>
                  <a:lnTo>
                    <a:pt x="1339" y="598"/>
                  </a:lnTo>
                  <a:lnTo>
                    <a:pt x="1306" y="544"/>
                  </a:lnTo>
                  <a:lnTo>
                    <a:pt x="1274" y="490"/>
                  </a:lnTo>
                  <a:lnTo>
                    <a:pt x="1211" y="380"/>
                  </a:lnTo>
                  <a:lnTo>
                    <a:pt x="1193" y="380"/>
                  </a:lnTo>
                  <a:lnTo>
                    <a:pt x="1176" y="382"/>
                  </a:lnTo>
                  <a:lnTo>
                    <a:pt x="1190" y="408"/>
                  </a:lnTo>
                  <a:lnTo>
                    <a:pt x="1206" y="435"/>
                  </a:lnTo>
                  <a:lnTo>
                    <a:pt x="1221" y="461"/>
                  </a:lnTo>
                  <a:lnTo>
                    <a:pt x="1236" y="488"/>
                  </a:lnTo>
                  <a:lnTo>
                    <a:pt x="1227" y="511"/>
                  </a:lnTo>
                  <a:lnTo>
                    <a:pt x="1223" y="523"/>
                  </a:lnTo>
                  <a:lnTo>
                    <a:pt x="1219" y="535"/>
                  </a:lnTo>
                  <a:lnTo>
                    <a:pt x="1211" y="559"/>
                  </a:lnTo>
                  <a:lnTo>
                    <a:pt x="1204" y="584"/>
                  </a:lnTo>
                  <a:lnTo>
                    <a:pt x="1190" y="554"/>
                  </a:lnTo>
                  <a:lnTo>
                    <a:pt x="1177" y="523"/>
                  </a:lnTo>
                  <a:lnTo>
                    <a:pt x="1164" y="492"/>
                  </a:lnTo>
                  <a:lnTo>
                    <a:pt x="1158" y="476"/>
                  </a:lnTo>
                  <a:lnTo>
                    <a:pt x="1153" y="460"/>
                  </a:lnTo>
                  <a:close/>
                  <a:moveTo>
                    <a:pt x="1339" y="1483"/>
                  </a:moveTo>
                  <a:lnTo>
                    <a:pt x="1317" y="1483"/>
                  </a:lnTo>
                  <a:lnTo>
                    <a:pt x="1339" y="1457"/>
                  </a:lnTo>
                  <a:lnTo>
                    <a:pt x="1347" y="1449"/>
                  </a:lnTo>
                  <a:lnTo>
                    <a:pt x="1351" y="1446"/>
                  </a:lnTo>
                  <a:lnTo>
                    <a:pt x="1356" y="1443"/>
                  </a:lnTo>
                  <a:lnTo>
                    <a:pt x="1363" y="1438"/>
                  </a:lnTo>
                  <a:lnTo>
                    <a:pt x="1371" y="1433"/>
                  </a:lnTo>
                  <a:lnTo>
                    <a:pt x="1378" y="1429"/>
                  </a:lnTo>
                  <a:lnTo>
                    <a:pt x="1386" y="1425"/>
                  </a:lnTo>
                  <a:lnTo>
                    <a:pt x="1394" y="1422"/>
                  </a:lnTo>
                  <a:lnTo>
                    <a:pt x="1402" y="1419"/>
                  </a:lnTo>
                  <a:lnTo>
                    <a:pt x="1411" y="1416"/>
                  </a:lnTo>
                  <a:lnTo>
                    <a:pt x="1419" y="1414"/>
                  </a:lnTo>
                  <a:lnTo>
                    <a:pt x="1428" y="1413"/>
                  </a:lnTo>
                  <a:lnTo>
                    <a:pt x="1436" y="1412"/>
                  </a:lnTo>
                  <a:lnTo>
                    <a:pt x="1445" y="1412"/>
                  </a:lnTo>
                  <a:lnTo>
                    <a:pt x="1454" y="1412"/>
                  </a:lnTo>
                  <a:lnTo>
                    <a:pt x="1463" y="1412"/>
                  </a:lnTo>
                  <a:lnTo>
                    <a:pt x="1473" y="1414"/>
                  </a:lnTo>
                  <a:lnTo>
                    <a:pt x="1482" y="1416"/>
                  </a:lnTo>
                  <a:lnTo>
                    <a:pt x="1491" y="1418"/>
                  </a:lnTo>
                  <a:lnTo>
                    <a:pt x="1498" y="1420"/>
                  </a:lnTo>
                  <a:lnTo>
                    <a:pt x="1505" y="1422"/>
                  </a:lnTo>
                  <a:lnTo>
                    <a:pt x="1511" y="1425"/>
                  </a:lnTo>
                  <a:lnTo>
                    <a:pt x="1518" y="1428"/>
                  </a:lnTo>
                  <a:lnTo>
                    <a:pt x="1524" y="1431"/>
                  </a:lnTo>
                  <a:lnTo>
                    <a:pt x="1531" y="1435"/>
                  </a:lnTo>
                  <a:lnTo>
                    <a:pt x="1542" y="1443"/>
                  </a:lnTo>
                  <a:lnTo>
                    <a:pt x="1548" y="1447"/>
                  </a:lnTo>
                  <a:lnTo>
                    <a:pt x="1553" y="1452"/>
                  </a:lnTo>
                  <a:lnTo>
                    <a:pt x="1562" y="1461"/>
                  </a:lnTo>
                  <a:lnTo>
                    <a:pt x="1571" y="1472"/>
                  </a:lnTo>
                  <a:lnTo>
                    <a:pt x="1579" y="1483"/>
                  </a:lnTo>
                  <a:lnTo>
                    <a:pt x="1356" y="1483"/>
                  </a:lnTo>
                  <a:lnTo>
                    <a:pt x="1339" y="1483"/>
                  </a:lnTo>
                  <a:close/>
                  <a:moveTo>
                    <a:pt x="1153" y="1368"/>
                  </a:moveTo>
                  <a:lnTo>
                    <a:pt x="1023" y="1430"/>
                  </a:lnTo>
                  <a:lnTo>
                    <a:pt x="1000" y="1443"/>
                  </a:lnTo>
                  <a:lnTo>
                    <a:pt x="1023" y="1382"/>
                  </a:lnTo>
                  <a:lnTo>
                    <a:pt x="1039" y="1347"/>
                  </a:lnTo>
                  <a:lnTo>
                    <a:pt x="1153" y="1290"/>
                  </a:lnTo>
                  <a:lnTo>
                    <a:pt x="1339" y="1200"/>
                  </a:lnTo>
                  <a:lnTo>
                    <a:pt x="1356" y="1191"/>
                  </a:lnTo>
                  <a:lnTo>
                    <a:pt x="1356" y="1196"/>
                  </a:lnTo>
                  <a:lnTo>
                    <a:pt x="1339" y="1228"/>
                  </a:lnTo>
                  <a:lnTo>
                    <a:pt x="1305" y="1294"/>
                  </a:lnTo>
                  <a:lnTo>
                    <a:pt x="1153" y="1368"/>
                  </a:lnTo>
                  <a:close/>
                  <a:moveTo>
                    <a:pt x="1356" y="632"/>
                  </a:moveTo>
                  <a:lnTo>
                    <a:pt x="1354" y="629"/>
                  </a:lnTo>
                  <a:lnTo>
                    <a:pt x="1353" y="628"/>
                  </a:lnTo>
                  <a:lnTo>
                    <a:pt x="1353" y="626"/>
                  </a:lnTo>
                  <a:lnTo>
                    <a:pt x="1395" y="600"/>
                  </a:lnTo>
                  <a:lnTo>
                    <a:pt x="1717" y="1114"/>
                  </a:lnTo>
                  <a:lnTo>
                    <a:pt x="1840" y="1308"/>
                  </a:lnTo>
                  <a:lnTo>
                    <a:pt x="1948" y="1483"/>
                  </a:lnTo>
                  <a:lnTo>
                    <a:pt x="1879" y="1483"/>
                  </a:lnTo>
                  <a:lnTo>
                    <a:pt x="1840" y="1420"/>
                  </a:lnTo>
                  <a:lnTo>
                    <a:pt x="1717" y="1226"/>
                  </a:lnTo>
                  <a:lnTo>
                    <a:pt x="1622" y="1071"/>
                  </a:lnTo>
                  <a:lnTo>
                    <a:pt x="1554" y="962"/>
                  </a:lnTo>
                  <a:lnTo>
                    <a:pt x="1486" y="853"/>
                  </a:lnTo>
                  <a:lnTo>
                    <a:pt x="1454" y="798"/>
                  </a:lnTo>
                  <a:lnTo>
                    <a:pt x="1421" y="743"/>
                  </a:lnTo>
                  <a:lnTo>
                    <a:pt x="1388" y="687"/>
                  </a:lnTo>
                  <a:lnTo>
                    <a:pt x="1356" y="632"/>
                  </a:lnTo>
                  <a:close/>
                  <a:moveTo>
                    <a:pt x="1717" y="977"/>
                  </a:moveTo>
                  <a:lnTo>
                    <a:pt x="1709" y="982"/>
                  </a:lnTo>
                  <a:lnTo>
                    <a:pt x="1700" y="987"/>
                  </a:lnTo>
                  <a:lnTo>
                    <a:pt x="1691" y="991"/>
                  </a:lnTo>
                  <a:lnTo>
                    <a:pt x="1682" y="995"/>
                  </a:lnTo>
                  <a:lnTo>
                    <a:pt x="1652" y="945"/>
                  </a:lnTo>
                  <a:lnTo>
                    <a:pt x="1717" y="913"/>
                  </a:lnTo>
                  <a:lnTo>
                    <a:pt x="1840" y="853"/>
                  </a:lnTo>
                  <a:lnTo>
                    <a:pt x="2004" y="773"/>
                  </a:lnTo>
                  <a:lnTo>
                    <a:pt x="2026" y="820"/>
                  </a:lnTo>
                  <a:lnTo>
                    <a:pt x="1933" y="869"/>
                  </a:lnTo>
                  <a:lnTo>
                    <a:pt x="1840" y="917"/>
                  </a:lnTo>
                  <a:lnTo>
                    <a:pt x="1809" y="933"/>
                  </a:lnTo>
                  <a:lnTo>
                    <a:pt x="1778" y="948"/>
                  </a:lnTo>
                  <a:lnTo>
                    <a:pt x="1717" y="977"/>
                  </a:lnTo>
                  <a:close/>
                  <a:moveTo>
                    <a:pt x="1717" y="453"/>
                  </a:moveTo>
                  <a:lnTo>
                    <a:pt x="1498" y="391"/>
                  </a:lnTo>
                  <a:lnTo>
                    <a:pt x="1502" y="367"/>
                  </a:lnTo>
                  <a:lnTo>
                    <a:pt x="1506" y="345"/>
                  </a:lnTo>
                  <a:lnTo>
                    <a:pt x="1509" y="322"/>
                  </a:lnTo>
                  <a:lnTo>
                    <a:pt x="1512" y="300"/>
                  </a:lnTo>
                  <a:lnTo>
                    <a:pt x="1517" y="255"/>
                  </a:lnTo>
                  <a:lnTo>
                    <a:pt x="1519" y="233"/>
                  </a:lnTo>
                  <a:lnTo>
                    <a:pt x="1520" y="211"/>
                  </a:lnTo>
                  <a:lnTo>
                    <a:pt x="1521" y="188"/>
                  </a:lnTo>
                  <a:lnTo>
                    <a:pt x="1522" y="166"/>
                  </a:lnTo>
                  <a:lnTo>
                    <a:pt x="1522" y="121"/>
                  </a:lnTo>
                  <a:lnTo>
                    <a:pt x="1522" y="77"/>
                  </a:lnTo>
                  <a:lnTo>
                    <a:pt x="1519" y="31"/>
                  </a:lnTo>
                  <a:lnTo>
                    <a:pt x="1524" y="33"/>
                  </a:lnTo>
                  <a:lnTo>
                    <a:pt x="1529" y="35"/>
                  </a:lnTo>
                  <a:lnTo>
                    <a:pt x="1537" y="40"/>
                  </a:lnTo>
                  <a:lnTo>
                    <a:pt x="1540" y="43"/>
                  </a:lnTo>
                  <a:lnTo>
                    <a:pt x="1543" y="47"/>
                  </a:lnTo>
                  <a:lnTo>
                    <a:pt x="1546" y="50"/>
                  </a:lnTo>
                  <a:lnTo>
                    <a:pt x="1548" y="54"/>
                  </a:lnTo>
                  <a:lnTo>
                    <a:pt x="1550" y="58"/>
                  </a:lnTo>
                  <a:lnTo>
                    <a:pt x="1552" y="62"/>
                  </a:lnTo>
                  <a:lnTo>
                    <a:pt x="1553" y="67"/>
                  </a:lnTo>
                  <a:lnTo>
                    <a:pt x="1554" y="71"/>
                  </a:lnTo>
                  <a:lnTo>
                    <a:pt x="1554" y="76"/>
                  </a:lnTo>
                  <a:lnTo>
                    <a:pt x="1554" y="81"/>
                  </a:lnTo>
                  <a:lnTo>
                    <a:pt x="1553" y="85"/>
                  </a:lnTo>
                  <a:lnTo>
                    <a:pt x="1552" y="90"/>
                  </a:lnTo>
                  <a:lnTo>
                    <a:pt x="1551" y="94"/>
                  </a:lnTo>
                  <a:lnTo>
                    <a:pt x="1549" y="98"/>
                  </a:lnTo>
                  <a:lnTo>
                    <a:pt x="1544" y="105"/>
                  </a:lnTo>
                  <a:lnTo>
                    <a:pt x="1538" y="112"/>
                  </a:lnTo>
                  <a:lnTo>
                    <a:pt x="1533" y="118"/>
                  </a:lnTo>
                  <a:lnTo>
                    <a:pt x="1546" y="127"/>
                  </a:lnTo>
                  <a:lnTo>
                    <a:pt x="1552" y="132"/>
                  </a:lnTo>
                  <a:lnTo>
                    <a:pt x="1558" y="137"/>
                  </a:lnTo>
                  <a:lnTo>
                    <a:pt x="1564" y="142"/>
                  </a:lnTo>
                  <a:lnTo>
                    <a:pt x="1570" y="148"/>
                  </a:lnTo>
                  <a:lnTo>
                    <a:pt x="1575" y="153"/>
                  </a:lnTo>
                  <a:lnTo>
                    <a:pt x="1580" y="160"/>
                  </a:lnTo>
                  <a:lnTo>
                    <a:pt x="1584" y="166"/>
                  </a:lnTo>
                  <a:lnTo>
                    <a:pt x="1588" y="173"/>
                  </a:lnTo>
                  <a:lnTo>
                    <a:pt x="1591" y="180"/>
                  </a:lnTo>
                  <a:lnTo>
                    <a:pt x="1593" y="187"/>
                  </a:lnTo>
                  <a:lnTo>
                    <a:pt x="1594" y="195"/>
                  </a:lnTo>
                  <a:lnTo>
                    <a:pt x="1594" y="203"/>
                  </a:lnTo>
                  <a:lnTo>
                    <a:pt x="1594" y="207"/>
                  </a:lnTo>
                  <a:lnTo>
                    <a:pt x="1593" y="211"/>
                  </a:lnTo>
                  <a:lnTo>
                    <a:pt x="1591" y="219"/>
                  </a:lnTo>
                  <a:lnTo>
                    <a:pt x="1590" y="225"/>
                  </a:lnTo>
                  <a:lnTo>
                    <a:pt x="1587" y="230"/>
                  </a:lnTo>
                  <a:lnTo>
                    <a:pt x="1585" y="235"/>
                  </a:lnTo>
                  <a:lnTo>
                    <a:pt x="1582" y="239"/>
                  </a:lnTo>
                  <a:lnTo>
                    <a:pt x="1575" y="247"/>
                  </a:lnTo>
                  <a:lnTo>
                    <a:pt x="1572" y="250"/>
                  </a:lnTo>
                  <a:lnTo>
                    <a:pt x="1568" y="253"/>
                  </a:lnTo>
                  <a:lnTo>
                    <a:pt x="1560" y="259"/>
                  </a:lnTo>
                  <a:lnTo>
                    <a:pt x="1550" y="264"/>
                  </a:lnTo>
                  <a:lnTo>
                    <a:pt x="1541" y="268"/>
                  </a:lnTo>
                  <a:lnTo>
                    <a:pt x="1531" y="273"/>
                  </a:lnTo>
                  <a:lnTo>
                    <a:pt x="1538" y="291"/>
                  </a:lnTo>
                  <a:lnTo>
                    <a:pt x="1541" y="299"/>
                  </a:lnTo>
                  <a:lnTo>
                    <a:pt x="1545" y="308"/>
                  </a:lnTo>
                  <a:lnTo>
                    <a:pt x="1550" y="316"/>
                  </a:lnTo>
                  <a:lnTo>
                    <a:pt x="1554" y="323"/>
                  </a:lnTo>
                  <a:lnTo>
                    <a:pt x="1557" y="327"/>
                  </a:lnTo>
                  <a:lnTo>
                    <a:pt x="1560" y="330"/>
                  </a:lnTo>
                  <a:lnTo>
                    <a:pt x="1565" y="337"/>
                  </a:lnTo>
                  <a:lnTo>
                    <a:pt x="1571" y="344"/>
                  </a:lnTo>
                  <a:lnTo>
                    <a:pt x="1578" y="350"/>
                  </a:lnTo>
                  <a:lnTo>
                    <a:pt x="1585" y="355"/>
                  </a:lnTo>
                  <a:lnTo>
                    <a:pt x="1592" y="360"/>
                  </a:lnTo>
                  <a:lnTo>
                    <a:pt x="1596" y="363"/>
                  </a:lnTo>
                  <a:lnTo>
                    <a:pt x="1601" y="365"/>
                  </a:lnTo>
                  <a:lnTo>
                    <a:pt x="1609" y="369"/>
                  </a:lnTo>
                  <a:lnTo>
                    <a:pt x="1619" y="373"/>
                  </a:lnTo>
                  <a:lnTo>
                    <a:pt x="1629" y="376"/>
                  </a:lnTo>
                  <a:lnTo>
                    <a:pt x="1635" y="378"/>
                  </a:lnTo>
                  <a:lnTo>
                    <a:pt x="1641" y="380"/>
                  </a:lnTo>
                  <a:lnTo>
                    <a:pt x="1647" y="381"/>
                  </a:lnTo>
                  <a:lnTo>
                    <a:pt x="1653" y="382"/>
                  </a:lnTo>
                  <a:lnTo>
                    <a:pt x="1665" y="383"/>
                  </a:lnTo>
                  <a:lnTo>
                    <a:pt x="1676" y="383"/>
                  </a:lnTo>
                  <a:lnTo>
                    <a:pt x="1682" y="382"/>
                  </a:lnTo>
                  <a:lnTo>
                    <a:pt x="1687" y="381"/>
                  </a:lnTo>
                  <a:lnTo>
                    <a:pt x="1698" y="379"/>
                  </a:lnTo>
                  <a:lnTo>
                    <a:pt x="1703" y="378"/>
                  </a:lnTo>
                  <a:lnTo>
                    <a:pt x="1708" y="376"/>
                  </a:lnTo>
                  <a:lnTo>
                    <a:pt x="1713" y="375"/>
                  </a:lnTo>
                  <a:lnTo>
                    <a:pt x="1717" y="373"/>
                  </a:lnTo>
                  <a:lnTo>
                    <a:pt x="1732" y="365"/>
                  </a:lnTo>
                  <a:lnTo>
                    <a:pt x="1739" y="360"/>
                  </a:lnTo>
                  <a:lnTo>
                    <a:pt x="1746" y="356"/>
                  </a:lnTo>
                  <a:lnTo>
                    <a:pt x="1753" y="351"/>
                  </a:lnTo>
                  <a:lnTo>
                    <a:pt x="1760" y="346"/>
                  </a:lnTo>
                  <a:lnTo>
                    <a:pt x="1767" y="340"/>
                  </a:lnTo>
                  <a:lnTo>
                    <a:pt x="1774" y="335"/>
                  </a:lnTo>
                  <a:lnTo>
                    <a:pt x="1758" y="323"/>
                  </a:lnTo>
                  <a:lnTo>
                    <a:pt x="1750" y="316"/>
                  </a:lnTo>
                  <a:lnTo>
                    <a:pt x="1742" y="309"/>
                  </a:lnTo>
                  <a:lnTo>
                    <a:pt x="1735" y="302"/>
                  </a:lnTo>
                  <a:lnTo>
                    <a:pt x="1731" y="298"/>
                  </a:lnTo>
                  <a:lnTo>
                    <a:pt x="1728" y="294"/>
                  </a:lnTo>
                  <a:lnTo>
                    <a:pt x="1725" y="290"/>
                  </a:lnTo>
                  <a:lnTo>
                    <a:pt x="1722" y="285"/>
                  </a:lnTo>
                  <a:lnTo>
                    <a:pt x="1717" y="276"/>
                  </a:lnTo>
                  <a:lnTo>
                    <a:pt x="1716" y="272"/>
                  </a:lnTo>
                  <a:lnTo>
                    <a:pt x="1715" y="268"/>
                  </a:lnTo>
                  <a:lnTo>
                    <a:pt x="1715" y="260"/>
                  </a:lnTo>
                  <a:lnTo>
                    <a:pt x="1715" y="252"/>
                  </a:lnTo>
                  <a:lnTo>
                    <a:pt x="1716" y="248"/>
                  </a:lnTo>
                  <a:lnTo>
                    <a:pt x="1717" y="244"/>
                  </a:lnTo>
                  <a:lnTo>
                    <a:pt x="1721" y="236"/>
                  </a:lnTo>
                  <a:lnTo>
                    <a:pt x="1725" y="230"/>
                  </a:lnTo>
                  <a:lnTo>
                    <a:pt x="1730" y="224"/>
                  </a:lnTo>
                  <a:lnTo>
                    <a:pt x="1736" y="219"/>
                  </a:lnTo>
                  <a:lnTo>
                    <a:pt x="1742" y="214"/>
                  </a:lnTo>
                  <a:lnTo>
                    <a:pt x="1749" y="211"/>
                  </a:lnTo>
                  <a:lnTo>
                    <a:pt x="1756" y="208"/>
                  </a:lnTo>
                  <a:lnTo>
                    <a:pt x="1763" y="205"/>
                  </a:lnTo>
                  <a:lnTo>
                    <a:pt x="1771" y="203"/>
                  </a:lnTo>
                  <a:lnTo>
                    <a:pt x="1779" y="202"/>
                  </a:lnTo>
                  <a:lnTo>
                    <a:pt x="1794" y="200"/>
                  </a:lnTo>
                  <a:lnTo>
                    <a:pt x="1809" y="199"/>
                  </a:lnTo>
                  <a:lnTo>
                    <a:pt x="1824" y="198"/>
                  </a:lnTo>
                  <a:lnTo>
                    <a:pt x="1815" y="184"/>
                  </a:lnTo>
                  <a:lnTo>
                    <a:pt x="1811" y="176"/>
                  </a:lnTo>
                  <a:lnTo>
                    <a:pt x="1808" y="169"/>
                  </a:lnTo>
                  <a:lnTo>
                    <a:pt x="1806" y="161"/>
                  </a:lnTo>
                  <a:lnTo>
                    <a:pt x="1805" y="158"/>
                  </a:lnTo>
                  <a:lnTo>
                    <a:pt x="1804" y="153"/>
                  </a:lnTo>
                  <a:lnTo>
                    <a:pt x="1804" y="145"/>
                  </a:lnTo>
                  <a:lnTo>
                    <a:pt x="1805" y="141"/>
                  </a:lnTo>
                  <a:lnTo>
                    <a:pt x="1806" y="136"/>
                  </a:lnTo>
                  <a:lnTo>
                    <a:pt x="1808" y="130"/>
                  </a:lnTo>
                  <a:lnTo>
                    <a:pt x="1811" y="125"/>
                  </a:lnTo>
                  <a:lnTo>
                    <a:pt x="1815" y="120"/>
                  </a:lnTo>
                  <a:lnTo>
                    <a:pt x="1819" y="115"/>
                  </a:lnTo>
                  <a:lnTo>
                    <a:pt x="1823" y="111"/>
                  </a:lnTo>
                  <a:lnTo>
                    <a:pt x="1828" y="108"/>
                  </a:lnTo>
                  <a:lnTo>
                    <a:pt x="1834" y="105"/>
                  </a:lnTo>
                  <a:lnTo>
                    <a:pt x="1840" y="102"/>
                  </a:lnTo>
                  <a:lnTo>
                    <a:pt x="1846" y="101"/>
                  </a:lnTo>
                  <a:lnTo>
                    <a:pt x="1853" y="100"/>
                  </a:lnTo>
                  <a:lnTo>
                    <a:pt x="1860" y="101"/>
                  </a:lnTo>
                  <a:lnTo>
                    <a:pt x="1864" y="101"/>
                  </a:lnTo>
                  <a:lnTo>
                    <a:pt x="1868" y="102"/>
                  </a:lnTo>
                  <a:lnTo>
                    <a:pt x="1873" y="104"/>
                  </a:lnTo>
                  <a:lnTo>
                    <a:pt x="1877" y="106"/>
                  </a:lnTo>
                  <a:lnTo>
                    <a:pt x="1881" y="108"/>
                  </a:lnTo>
                  <a:lnTo>
                    <a:pt x="1885" y="111"/>
                  </a:lnTo>
                  <a:lnTo>
                    <a:pt x="1889" y="115"/>
                  </a:lnTo>
                  <a:lnTo>
                    <a:pt x="1892" y="118"/>
                  </a:lnTo>
                  <a:lnTo>
                    <a:pt x="1895" y="122"/>
                  </a:lnTo>
                  <a:lnTo>
                    <a:pt x="1897" y="126"/>
                  </a:lnTo>
                  <a:lnTo>
                    <a:pt x="1899" y="130"/>
                  </a:lnTo>
                  <a:lnTo>
                    <a:pt x="1901" y="135"/>
                  </a:lnTo>
                  <a:lnTo>
                    <a:pt x="1902" y="140"/>
                  </a:lnTo>
                  <a:lnTo>
                    <a:pt x="1903" y="145"/>
                  </a:lnTo>
                  <a:lnTo>
                    <a:pt x="1903" y="149"/>
                  </a:lnTo>
                  <a:lnTo>
                    <a:pt x="1903" y="154"/>
                  </a:lnTo>
                  <a:lnTo>
                    <a:pt x="1903" y="159"/>
                  </a:lnTo>
                  <a:lnTo>
                    <a:pt x="1902" y="164"/>
                  </a:lnTo>
                  <a:lnTo>
                    <a:pt x="1898" y="172"/>
                  </a:lnTo>
                  <a:lnTo>
                    <a:pt x="1894" y="179"/>
                  </a:lnTo>
                  <a:lnTo>
                    <a:pt x="1889" y="185"/>
                  </a:lnTo>
                  <a:lnTo>
                    <a:pt x="1883" y="190"/>
                  </a:lnTo>
                  <a:lnTo>
                    <a:pt x="1876" y="195"/>
                  </a:lnTo>
                  <a:lnTo>
                    <a:pt x="1869" y="199"/>
                  </a:lnTo>
                  <a:lnTo>
                    <a:pt x="1854" y="207"/>
                  </a:lnTo>
                  <a:lnTo>
                    <a:pt x="1866" y="215"/>
                  </a:lnTo>
                  <a:lnTo>
                    <a:pt x="1879" y="224"/>
                  </a:lnTo>
                  <a:lnTo>
                    <a:pt x="1885" y="229"/>
                  </a:lnTo>
                  <a:lnTo>
                    <a:pt x="1892" y="234"/>
                  </a:lnTo>
                  <a:lnTo>
                    <a:pt x="1898" y="240"/>
                  </a:lnTo>
                  <a:lnTo>
                    <a:pt x="1903" y="246"/>
                  </a:lnTo>
                  <a:lnTo>
                    <a:pt x="1909" y="252"/>
                  </a:lnTo>
                  <a:lnTo>
                    <a:pt x="1911" y="255"/>
                  </a:lnTo>
                  <a:lnTo>
                    <a:pt x="1913" y="258"/>
                  </a:lnTo>
                  <a:lnTo>
                    <a:pt x="1917" y="265"/>
                  </a:lnTo>
                  <a:lnTo>
                    <a:pt x="1919" y="268"/>
                  </a:lnTo>
                  <a:lnTo>
                    <a:pt x="1920" y="272"/>
                  </a:lnTo>
                  <a:lnTo>
                    <a:pt x="1922" y="279"/>
                  </a:lnTo>
                  <a:lnTo>
                    <a:pt x="1923" y="287"/>
                  </a:lnTo>
                  <a:lnTo>
                    <a:pt x="1923" y="295"/>
                  </a:lnTo>
                  <a:lnTo>
                    <a:pt x="1921" y="303"/>
                  </a:lnTo>
                  <a:lnTo>
                    <a:pt x="1919" y="309"/>
                  </a:lnTo>
                  <a:lnTo>
                    <a:pt x="1917" y="312"/>
                  </a:lnTo>
                  <a:lnTo>
                    <a:pt x="1916" y="315"/>
                  </a:lnTo>
                  <a:lnTo>
                    <a:pt x="1912" y="320"/>
                  </a:lnTo>
                  <a:lnTo>
                    <a:pt x="1908" y="324"/>
                  </a:lnTo>
                  <a:lnTo>
                    <a:pt x="1904" y="328"/>
                  </a:lnTo>
                  <a:lnTo>
                    <a:pt x="1899" y="332"/>
                  </a:lnTo>
                  <a:lnTo>
                    <a:pt x="1894" y="335"/>
                  </a:lnTo>
                  <a:lnTo>
                    <a:pt x="1888" y="337"/>
                  </a:lnTo>
                  <a:lnTo>
                    <a:pt x="1883" y="340"/>
                  </a:lnTo>
                  <a:lnTo>
                    <a:pt x="1877" y="342"/>
                  </a:lnTo>
                  <a:lnTo>
                    <a:pt x="1870" y="343"/>
                  </a:lnTo>
                  <a:lnTo>
                    <a:pt x="1864" y="344"/>
                  </a:lnTo>
                  <a:lnTo>
                    <a:pt x="1852" y="346"/>
                  </a:lnTo>
                  <a:lnTo>
                    <a:pt x="1840" y="347"/>
                  </a:lnTo>
                  <a:lnTo>
                    <a:pt x="1836" y="348"/>
                  </a:lnTo>
                  <a:lnTo>
                    <a:pt x="1832" y="349"/>
                  </a:lnTo>
                  <a:lnTo>
                    <a:pt x="1825" y="349"/>
                  </a:lnTo>
                  <a:lnTo>
                    <a:pt x="1828" y="359"/>
                  </a:lnTo>
                  <a:lnTo>
                    <a:pt x="1832" y="369"/>
                  </a:lnTo>
                  <a:lnTo>
                    <a:pt x="1836" y="379"/>
                  </a:lnTo>
                  <a:lnTo>
                    <a:pt x="1840" y="387"/>
                  </a:lnTo>
                  <a:lnTo>
                    <a:pt x="1846" y="400"/>
                  </a:lnTo>
                  <a:lnTo>
                    <a:pt x="1853" y="412"/>
                  </a:lnTo>
                  <a:lnTo>
                    <a:pt x="1862" y="423"/>
                  </a:lnTo>
                  <a:lnTo>
                    <a:pt x="1866" y="428"/>
                  </a:lnTo>
                  <a:lnTo>
                    <a:pt x="1871" y="433"/>
                  </a:lnTo>
                  <a:lnTo>
                    <a:pt x="1877" y="437"/>
                  </a:lnTo>
                  <a:lnTo>
                    <a:pt x="1882" y="442"/>
                  </a:lnTo>
                  <a:lnTo>
                    <a:pt x="1888" y="446"/>
                  </a:lnTo>
                  <a:lnTo>
                    <a:pt x="1895" y="450"/>
                  </a:lnTo>
                  <a:lnTo>
                    <a:pt x="1902" y="453"/>
                  </a:lnTo>
                  <a:lnTo>
                    <a:pt x="1909" y="456"/>
                  </a:lnTo>
                  <a:lnTo>
                    <a:pt x="1917" y="459"/>
                  </a:lnTo>
                  <a:lnTo>
                    <a:pt x="1925" y="461"/>
                  </a:lnTo>
                  <a:lnTo>
                    <a:pt x="1935" y="464"/>
                  </a:lnTo>
                  <a:lnTo>
                    <a:pt x="1945" y="466"/>
                  </a:lnTo>
                  <a:lnTo>
                    <a:pt x="1954" y="467"/>
                  </a:lnTo>
                  <a:lnTo>
                    <a:pt x="1964" y="467"/>
                  </a:lnTo>
                  <a:lnTo>
                    <a:pt x="1973" y="467"/>
                  </a:lnTo>
                  <a:lnTo>
                    <a:pt x="1982" y="466"/>
                  </a:lnTo>
                  <a:lnTo>
                    <a:pt x="1991" y="465"/>
                  </a:lnTo>
                  <a:lnTo>
                    <a:pt x="1999" y="462"/>
                  </a:lnTo>
                  <a:lnTo>
                    <a:pt x="2008" y="460"/>
                  </a:lnTo>
                  <a:lnTo>
                    <a:pt x="2016" y="456"/>
                  </a:lnTo>
                  <a:lnTo>
                    <a:pt x="2033" y="448"/>
                  </a:lnTo>
                  <a:lnTo>
                    <a:pt x="2041" y="443"/>
                  </a:lnTo>
                  <a:lnTo>
                    <a:pt x="2049" y="438"/>
                  </a:lnTo>
                  <a:lnTo>
                    <a:pt x="2065" y="426"/>
                  </a:lnTo>
                  <a:lnTo>
                    <a:pt x="2058" y="417"/>
                  </a:lnTo>
                  <a:lnTo>
                    <a:pt x="2052" y="409"/>
                  </a:lnTo>
                  <a:lnTo>
                    <a:pt x="2047" y="400"/>
                  </a:lnTo>
                  <a:lnTo>
                    <a:pt x="2044" y="395"/>
                  </a:lnTo>
                  <a:lnTo>
                    <a:pt x="2042" y="390"/>
                  </a:lnTo>
                  <a:lnTo>
                    <a:pt x="2039" y="381"/>
                  </a:lnTo>
                  <a:lnTo>
                    <a:pt x="2037" y="369"/>
                  </a:lnTo>
                  <a:lnTo>
                    <a:pt x="2037" y="364"/>
                  </a:lnTo>
                  <a:lnTo>
                    <a:pt x="2038" y="359"/>
                  </a:lnTo>
                  <a:lnTo>
                    <a:pt x="2038" y="353"/>
                  </a:lnTo>
                  <a:lnTo>
                    <a:pt x="2040" y="347"/>
                  </a:lnTo>
                  <a:lnTo>
                    <a:pt x="2043" y="339"/>
                  </a:lnTo>
                  <a:lnTo>
                    <a:pt x="2047" y="331"/>
                  </a:lnTo>
                  <a:lnTo>
                    <a:pt x="2049" y="328"/>
                  </a:lnTo>
                  <a:lnTo>
                    <a:pt x="2051" y="325"/>
                  </a:lnTo>
                  <a:lnTo>
                    <a:pt x="2056" y="319"/>
                  </a:lnTo>
                  <a:lnTo>
                    <a:pt x="2062" y="314"/>
                  </a:lnTo>
                  <a:lnTo>
                    <a:pt x="2068" y="310"/>
                  </a:lnTo>
                  <a:lnTo>
                    <a:pt x="2074" y="306"/>
                  </a:lnTo>
                  <a:lnTo>
                    <a:pt x="2078" y="305"/>
                  </a:lnTo>
                  <a:lnTo>
                    <a:pt x="2081" y="303"/>
                  </a:lnTo>
                  <a:lnTo>
                    <a:pt x="2088" y="301"/>
                  </a:lnTo>
                  <a:lnTo>
                    <a:pt x="2096" y="299"/>
                  </a:lnTo>
                  <a:lnTo>
                    <a:pt x="2100" y="298"/>
                  </a:lnTo>
                  <a:lnTo>
                    <a:pt x="2104" y="297"/>
                  </a:lnTo>
                  <a:lnTo>
                    <a:pt x="2111" y="296"/>
                  </a:lnTo>
                  <a:lnTo>
                    <a:pt x="2127" y="294"/>
                  </a:lnTo>
                  <a:lnTo>
                    <a:pt x="2144" y="294"/>
                  </a:lnTo>
                  <a:lnTo>
                    <a:pt x="2142" y="285"/>
                  </a:lnTo>
                  <a:lnTo>
                    <a:pt x="2142" y="276"/>
                  </a:lnTo>
                  <a:lnTo>
                    <a:pt x="2142" y="267"/>
                  </a:lnTo>
                  <a:lnTo>
                    <a:pt x="2143" y="263"/>
                  </a:lnTo>
                  <a:lnTo>
                    <a:pt x="2144" y="258"/>
                  </a:lnTo>
                  <a:lnTo>
                    <a:pt x="2145" y="254"/>
                  </a:lnTo>
                  <a:lnTo>
                    <a:pt x="2147" y="250"/>
                  </a:lnTo>
                  <a:lnTo>
                    <a:pt x="2152" y="242"/>
                  </a:lnTo>
                  <a:lnTo>
                    <a:pt x="2159" y="236"/>
                  </a:lnTo>
                  <a:lnTo>
                    <a:pt x="2162" y="233"/>
                  </a:lnTo>
                  <a:lnTo>
                    <a:pt x="2166" y="230"/>
                  </a:lnTo>
                  <a:lnTo>
                    <a:pt x="2170" y="228"/>
                  </a:lnTo>
                  <a:lnTo>
                    <a:pt x="2174" y="227"/>
                  </a:lnTo>
                  <a:lnTo>
                    <a:pt x="2178" y="226"/>
                  </a:lnTo>
                  <a:lnTo>
                    <a:pt x="2183" y="225"/>
                  </a:lnTo>
                  <a:lnTo>
                    <a:pt x="2187" y="225"/>
                  </a:lnTo>
                  <a:lnTo>
                    <a:pt x="2192" y="225"/>
                  </a:lnTo>
                  <a:lnTo>
                    <a:pt x="2196" y="225"/>
                  </a:lnTo>
                  <a:lnTo>
                    <a:pt x="2200" y="226"/>
                  </a:lnTo>
                  <a:lnTo>
                    <a:pt x="2175" y="264"/>
                  </a:lnTo>
                  <a:lnTo>
                    <a:pt x="2151" y="301"/>
                  </a:lnTo>
                  <a:lnTo>
                    <a:pt x="2139" y="320"/>
                  </a:lnTo>
                  <a:lnTo>
                    <a:pt x="2126" y="340"/>
                  </a:lnTo>
                  <a:lnTo>
                    <a:pt x="2104" y="379"/>
                  </a:lnTo>
                  <a:lnTo>
                    <a:pt x="2093" y="399"/>
                  </a:lnTo>
                  <a:lnTo>
                    <a:pt x="2083" y="419"/>
                  </a:lnTo>
                  <a:lnTo>
                    <a:pt x="2073" y="439"/>
                  </a:lnTo>
                  <a:lnTo>
                    <a:pt x="2063" y="459"/>
                  </a:lnTo>
                  <a:lnTo>
                    <a:pt x="2054" y="480"/>
                  </a:lnTo>
                  <a:lnTo>
                    <a:pt x="2045" y="500"/>
                  </a:lnTo>
                  <a:lnTo>
                    <a:pt x="2036" y="522"/>
                  </a:lnTo>
                  <a:lnTo>
                    <a:pt x="2027" y="543"/>
                  </a:lnTo>
                  <a:lnTo>
                    <a:pt x="1840" y="488"/>
                  </a:lnTo>
                  <a:lnTo>
                    <a:pt x="1763" y="467"/>
                  </a:lnTo>
                  <a:lnTo>
                    <a:pt x="1717" y="453"/>
                  </a:lnTo>
                  <a:close/>
                  <a:moveTo>
                    <a:pt x="1717" y="1416"/>
                  </a:moveTo>
                  <a:lnTo>
                    <a:pt x="1714" y="1411"/>
                  </a:lnTo>
                  <a:lnTo>
                    <a:pt x="1717" y="1359"/>
                  </a:lnTo>
                  <a:lnTo>
                    <a:pt x="1723" y="1294"/>
                  </a:lnTo>
                  <a:lnTo>
                    <a:pt x="1840" y="1480"/>
                  </a:lnTo>
                  <a:lnTo>
                    <a:pt x="1760" y="1483"/>
                  </a:lnTo>
                  <a:lnTo>
                    <a:pt x="1717" y="1416"/>
                  </a:lnTo>
                  <a:close/>
                  <a:moveTo>
                    <a:pt x="1840" y="1246"/>
                  </a:moveTo>
                  <a:lnTo>
                    <a:pt x="1827" y="1228"/>
                  </a:lnTo>
                  <a:lnTo>
                    <a:pt x="1840" y="1234"/>
                  </a:lnTo>
                  <a:lnTo>
                    <a:pt x="1935" y="1273"/>
                  </a:lnTo>
                  <a:lnTo>
                    <a:pt x="2066" y="1483"/>
                  </a:lnTo>
                  <a:lnTo>
                    <a:pt x="1987" y="1483"/>
                  </a:lnTo>
                  <a:lnTo>
                    <a:pt x="1840" y="1246"/>
                  </a:lnTo>
                  <a:close/>
                  <a:moveTo>
                    <a:pt x="1023" y="940"/>
                  </a:moveTo>
                  <a:lnTo>
                    <a:pt x="1013" y="943"/>
                  </a:lnTo>
                  <a:lnTo>
                    <a:pt x="1003" y="945"/>
                  </a:lnTo>
                  <a:lnTo>
                    <a:pt x="992" y="946"/>
                  </a:lnTo>
                  <a:lnTo>
                    <a:pt x="981" y="947"/>
                  </a:lnTo>
                  <a:lnTo>
                    <a:pt x="970" y="946"/>
                  </a:lnTo>
                  <a:lnTo>
                    <a:pt x="959" y="945"/>
                  </a:lnTo>
                  <a:lnTo>
                    <a:pt x="948" y="943"/>
                  </a:lnTo>
                  <a:lnTo>
                    <a:pt x="936" y="940"/>
                  </a:lnTo>
                  <a:lnTo>
                    <a:pt x="929" y="938"/>
                  </a:lnTo>
                  <a:lnTo>
                    <a:pt x="921" y="935"/>
                  </a:lnTo>
                  <a:lnTo>
                    <a:pt x="913" y="932"/>
                  </a:lnTo>
                  <a:lnTo>
                    <a:pt x="906" y="929"/>
                  </a:lnTo>
                  <a:lnTo>
                    <a:pt x="900" y="925"/>
                  </a:lnTo>
                  <a:lnTo>
                    <a:pt x="893" y="921"/>
                  </a:lnTo>
                  <a:lnTo>
                    <a:pt x="881" y="912"/>
                  </a:lnTo>
                  <a:lnTo>
                    <a:pt x="875" y="907"/>
                  </a:lnTo>
                  <a:lnTo>
                    <a:pt x="870" y="902"/>
                  </a:lnTo>
                  <a:lnTo>
                    <a:pt x="865" y="897"/>
                  </a:lnTo>
                  <a:lnTo>
                    <a:pt x="860" y="891"/>
                  </a:lnTo>
                  <a:lnTo>
                    <a:pt x="855" y="886"/>
                  </a:lnTo>
                  <a:lnTo>
                    <a:pt x="851" y="880"/>
                  </a:lnTo>
                  <a:lnTo>
                    <a:pt x="847" y="874"/>
                  </a:lnTo>
                  <a:lnTo>
                    <a:pt x="843" y="867"/>
                  </a:lnTo>
                  <a:lnTo>
                    <a:pt x="839" y="861"/>
                  </a:lnTo>
                  <a:lnTo>
                    <a:pt x="836" y="854"/>
                  </a:lnTo>
                  <a:lnTo>
                    <a:pt x="833" y="847"/>
                  </a:lnTo>
                  <a:lnTo>
                    <a:pt x="831" y="840"/>
                  </a:lnTo>
                  <a:lnTo>
                    <a:pt x="829" y="833"/>
                  </a:lnTo>
                  <a:lnTo>
                    <a:pt x="827" y="826"/>
                  </a:lnTo>
                  <a:lnTo>
                    <a:pt x="825" y="819"/>
                  </a:lnTo>
                  <a:lnTo>
                    <a:pt x="824" y="811"/>
                  </a:lnTo>
                  <a:lnTo>
                    <a:pt x="824" y="804"/>
                  </a:lnTo>
                  <a:lnTo>
                    <a:pt x="823" y="796"/>
                  </a:lnTo>
                  <a:lnTo>
                    <a:pt x="823" y="789"/>
                  </a:lnTo>
                  <a:lnTo>
                    <a:pt x="824" y="781"/>
                  </a:lnTo>
                  <a:lnTo>
                    <a:pt x="824" y="773"/>
                  </a:lnTo>
                  <a:lnTo>
                    <a:pt x="825" y="766"/>
                  </a:lnTo>
                  <a:lnTo>
                    <a:pt x="827" y="758"/>
                  </a:lnTo>
                  <a:lnTo>
                    <a:pt x="829" y="750"/>
                  </a:lnTo>
                  <a:lnTo>
                    <a:pt x="834" y="736"/>
                  </a:lnTo>
                  <a:lnTo>
                    <a:pt x="837" y="728"/>
                  </a:lnTo>
                  <a:lnTo>
                    <a:pt x="840" y="721"/>
                  </a:lnTo>
                  <a:lnTo>
                    <a:pt x="844" y="715"/>
                  </a:lnTo>
                  <a:lnTo>
                    <a:pt x="848" y="708"/>
                  </a:lnTo>
                  <a:lnTo>
                    <a:pt x="852" y="702"/>
                  </a:lnTo>
                  <a:lnTo>
                    <a:pt x="857" y="696"/>
                  </a:lnTo>
                  <a:lnTo>
                    <a:pt x="867" y="685"/>
                  </a:lnTo>
                  <a:lnTo>
                    <a:pt x="873" y="680"/>
                  </a:lnTo>
                  <a:lnTo>
                    <a:pt x="878" y="675"/>
                  </a:lnTo>
                  <a:lnTo>
                    <a:pt x="884" y="670"/>
                  </a:lnTo>
                  <a:lnTo>
                    <a:pt x="890" y="666"/>
                  </a:lnTo>
                  <a:lnTo>
                    <a:pt x="896" y="662"/>
                  </a:lnTo>
                  <a:lnTo>
                    <a:pt x="903" y="658"/>
                  </a:lnTo>
                  <a:lnTo>
                    <a:pt x="909" y="655"/>
                  </a:lnTo>
                  <a:lnTo>
                    <a:pt x="917" y="652"/>
                  </a:lnTo>
                  <a:lnTo>
                    <a:pt x="924" y="649"/>
                  </a:lnTo>
                  <a:lnTo>
                    <a:pt x="931" y="647"/>
                  </a:lnTo>
                  <a:lnTo>
                    <a:pt x="938" y="644"/>
                  </a:lnTo>
                  <a:lnTo>
                    <a:pt x="945" y="643"/>
                  </a:lnTo>
                  <a:lnTo>
                    <a:pt x="960" y="640"/>
                  </a:lnTo>
                  <a:lnTo>
                    <a:pt x="968" y="640"/>
                  </a:lnTo>
                  <a:lnTo>
                    <a:pt x="975" y="639"/>
                  </a:lnTo>
                  <a:lnTo>
                    <a:pt x="983" y="639"/>
                  </a:lnTo>
                  <a:lnTo>
                    <a:pt x="991" y="640"/>
                  </a:lnTo>
                  <a:lnTo>
                    <a:pt x="1006" y="642"/>
                  </a:lnTo>
                  <a:lnTo>
                    <a:pt x="1021" y="646"/>
                  </a:lnTo>
                  <a:lnTo>
                    <a:pt x="1029" y="648"/>
                  </a:lnTo>
                  <a:lnTo>
                    <a:pt x="1036" y="651"/>
                  </a:lnTo>
                  <a:lnTo>
                    <a:pt x="1050" y="658"/>
                  </a:lnTo>
                  <a:lnTo>
                    <a:pt x="1063" y="666"/>
                  </a:lnTo>
                  <a:lnTo>
                    <a:pt x="1069" y="670"/>
                  </a:lnTo>
                  <a:lnTo>
                    <a:pt x="1075" y="674"/>
                  </a:lnTo>
                  <a:lnTo>
                    <a:pt x="1086" y="684"/>
                  </a:lnTo>
                  <a:lnTo>
                    <a:pt x="1096" y="695"/>
                  </a:lnTo>
                  <a:lnTo>
                    <a:pt x="1101" y="701"/>
                  </a:lnTo>
                  <a:lnTo>
                    <a:pt x="1105" y="707"/>
                  </a:lnTo>
                  <a:lnTo>
                    <a:pt x="1113" y="719"/>
                  </a:lnTo>
                  <a:lnTo>
                    <a:pt x="1119" y="732"/>
                  </a:lnTo>
                  <a:lnTo>
                    <a:pt x="1122" y="739"/>
                  </a:lnTo>
                  <a:lnTo>
                    <a:pt x="1124" y="746"/>
                  </a:lnTo>
                  <a:lnTo>
                    <a:pt x="1128" y="760"/>
                  </a:lnTo>
                  <a:lnTo>
                    <a:pt x="1130" y="768"/>
                  </a:lnTo>
                  <a:lnTo>
                    <a:pt x="1131" y="775"/>
                  </a:lnTo>
                  <a:lnTo>
                    <a:pt x="1132" y="782"/>
                  </a:lnTo>
                  <a:lnTo>
                    <a:pt x="1132" y="790"/>
                  </a:lnTo>
                  <a:lnTo>
                    <a:pt x="1132" y="797"/>
                  </a:lnTo>
                  <a:lnTo>
                    <a:pt x="1131" y="805"/>
                  </a:lnTo>
                  <a:lnTo>
                    <a:pt x="1131" y="813"/>
                  </a:lnTo>
                  <a:lnTo>
                    <a:pt x="1129" y="820"/>
                  </a:lnTo>
                  <a:lnTo>
                    <a:pt x="1128" y="828"/>
                  </a:lnTo>
                  <a:lnTo>
                    <a:pt x="1126" y="835"/>
                  </a:lnTo>
                  <a:lnTo>
                    <a:pt x="1123" y="845"/>
                  </a:lnTo>
                  <a:lnTo>
                    <a:pt x="1119" y="854"/>
                  </a:lnTo>
                  <a:lnTo>
                    <a:pt x="1115" y="863"/>
                  </a:lnTo>
                  <a:lnTo>
                    <a:pt x="1111" y="871"/>
                  </a:lnTo>
                  <a:lnTo>
                    <a:pt x="1108" y="875"/>
                  </a:lnTo>
                  <a:lnTo>
                    <a:pt x="1105" y="879"/>
                  </a:lnTo>
                  <a:lnTo>
                    <a:pt x="1100" y="887"/>
                  </a:lnTo>
                  <a:lnTo>
                    <a:pt x="1094" y="894"/>
                  </a:lnTo>
                  <a:lnTo>
                    <a:pt x="1087" y="901"/>
                  </a:lnTo>
                  <a:lnTo>
                    <a:pt x="1080" y="908"/>
                  </a:lnTo>
                  <a:lnTo>
                    <a:pt x="1073" y="914"/>
                  </a:lnTo>
                  <a:lnTo>
                    <a:pt x="1065" y="919"/>
                  </a:lnTo>
                  <a:lnTo>
                    <a:pt x="1057" y="924"/>
                  </a:lnTo>
                  <a:lnTo>
                    <a:pt x="1049" y="929"/>
                  </a:lnTo>
                  <a:lnTo>
                    <a:pt x="1041" y="933"/>
                  </a:lnTo>
                  <a:lnTo>
                    <a:pt x="1032" y="937"/>
                  </a:lnTo>
                  <a:lnTo>
                    <a:pt x="1023" y="940"/>
                  </a:lnTo>
                  <a:close/>
                  <a:moveTo>
                    <a:pt x="2250" y="1313"/>
                  </a:moveTo>
                  <a:lnTo>
                    <a:pt x="2241" y="1313"/>
                  </a:lnTo>
                  <a:lnTo>
                    <a:pt x="2232" y="1312"/>
                  </a:lnTo>
                  <a:lnTo>
                    <a:pt x="2223" y="1310"/>
                  </a:lnTo>
                  <a:lnTo>
                    <a:pt x="2215" y="1308"/>
                  </a:lnTo>
                  <a:lnTo>
                    <a:pt x="2207" y="1306"/>
                  </a:lnTo>
                  <a:lnTo>
                    <a:pt x="2200" y="1303"/>
                  </a:lnTo>
                  <a:lnTo>
                    <a:pt x="2193" y="1300"/>
                  </a:lnTo>
                  <a:lnTo>
                    <a:pt x="2186" y="1297"/>
                  </a:lnTo>
                  <a:lnTo>
                    <a:pt x="2179" y="1293"/>
                  </a:lnTo>
                  <a:lnTo>
                    <a:pt x="2172" y="1289"/>
                  </a:lnTo>
                  <a:lnTo>
                    <a:pt x="2160" y="1280"/>
                  </a:lnTo>
                  <a:lnTo>
                    <a:pt x="2155" y="1275"/>
                  </a:lnTo>
                  <a:lnTo>
                    <a:pt x="2149" y="1270"/>
                  </a:lnTo>
                  <a:lnTo>
                    <a:pt x="2144" y="1265"/>
                  </a:lnTo>
                  <a:lnTo>
                    <a:pt x="2139" y="1259"/>
                  </a:lnTo>
                  <a:lnTo>
                    <a:pt x="2133" y="1253"/>
                  </a:lnTo>
                  <a:lnTo>
                    <a:pt x="2129" y="1247"/>
                  </a:lnTo>
                  <a:lnTo>
                    <a:pt x="2125" y="1241"/>
                  </a:lnTo>
                  <a:lnTo>
                    <a:pt x="2121" y="1235"/>
                  </a:lnTo>
                  <a:lnTo>
                    <a:pt x="2118" y="1228"/>
                  </a:lnTo>
                  <a:lnTo>
                    <a:pt x="2115" y="1222"/>
                  </a:lnTo>
                  <a:lnTo>
                    <a:pt x="2112" y="1215"/>
                  </a:lnTo>
                  <a:lnTo>
                    <a:pt x="2109" y="1208"/>
                  </a:lnTo>
                  <a:lnTo>
                    <a:pt x="2107" y="1201"/>
                  </a:lnTo>
                  <a:lnTo>
                    <a:pt x="2105" y="1193"/>
                  </a:lnTo>
                  <a:lnTo>
                    <a:pt x="2104" y="1186"/>
                  </a:lnTo>
                  <a:lnTo>
                    <a:pt x="2103" y="1178"/>
                  </a:lnTo>
                  <a:lnTo>
                    <a:pt x="2102" y="1171"/>
                  </a:lnTo>
                  <a:lnTo>
                    <a:pt x="2101" y="1163"/>
                  </a:lnTo>
                  <a:lnTo>
                    <a:pt x="2101" y="1155"/>
                  </a:lnTo>
                  <a:lnTo>
                    <a:pt x="2102" y="1148"/>
                  </a:lnTo>
                  <a:lnTo>
                    <a:pt x="2103" y="1140"/>
                  </a:lnTo>
                  <a:lnTo>
                    <a:pt x="2104" y="1132"/>
                  </a:lnTo>
                  <a:lnTo>
                    <a:pt x="2105" y="1124"/>
                  </a:lnTo>
                  <a:lnTo>
                    <a:pt x="2107" y="1116"/>
                  </a:lnTo>
                  <a:lnTo>
                    <a:pt x="2111" y="1104"/>
                  </a:lnTo>
                  <a:lnTo>
                    <a:pt x="2116" y="1093"/>
                  </a:lnTo>
                  <a:lnTo>
                    <a:pt x="2122" y="1082"/>
                  </a:lnTo>
                  <a:lnTo>
                    <a:pt x="2128" y="1072"/>
                  </a:lnTo>
                  <a:lnTo>
                    <a:pt x="2136" y="1063"/>
                  </a:lnTo>
                  <a:lnTo>
                    <a:pt x="2144" y="1054"/>
                  </a:lnTo>
                  <a:lnTo>
                    <a:pt x="2153" y="1046"/>
                  </a:lnTo>
                  <a:lnTo>
                    <a:pt x="2162" y="1038"/>
                  </a:lnTo>
                  <a:lnTo>
                    <a:pt x="2167" y="1035"/>
                  </a:lnTo>
                  <a:lnTo>
                    <a:pt x="2171" y="1031"/>
                  </a:lnTo>
                  <a:lnTo>
                    <a:pt x="2181" y="1025"/>
                  </a:lnTo>
                  <a:lnTo>
                    <a:pt x="2192" y="1020"/>
                  </a:lnTo>
                  <a:lnTo>
                    <a:pt x="2197" y="1018"/>
                  </a:lnTo>
                  <a:lnTo>
                    <a:pt x="2203" y="1015"/>
                  </a:lnTo>
                  <a:lnTo>
                    <a:pt x="2214" y="1012"/>
                  </a:lnTo>
                  <a:lnTo>
                    <a:pt x="2226" y="1009"/>
                  </a:lnTo>
                  <a:lnTo>
                    <a:pt x="2238" y="1007"/>
                  </a:lnTo>
                  <a:lnTo>
                    <a:pt x="2244" y="1006"/>
                  </a:lnTo>
                  <a:lnTo>
                    <a:pt x="2250" y="1006"/>
                  </a:lnTo>
                  <a:lnTo>
                    <a:pt x="2262" y="1005"/>
                  </a:lnTo>
                  <a:lnTo>
                    <a:pt x="2274" y="1006"/>
                  </a:lnTo>
                  <a:lnTo>
                    <a:pt x="2280" y="1006"/>
                  </a:lnTo>
                  <a:lnTo>
                    <a:pt x="2287" y="1008"/>
                  </a:lnTo>
                  <a:lnTo>
                    <a:pt x="2300" y="1011"/>
                  </a:lnTo>
                  <a:lnTo>
                    <a:pt x="2315" y="1016"/>
                  </a:lnTo>
                  <a:lnTo>
                    <a:pt x="2322" y="1019"/>
                  </a:lnTo>
                  <a:lnTo>
                    <a:pt x="2328" y="1022"/>
                  </a:lnTo>
                  <a:lnTo>
                    <a:pt x="2335" y="1026"/>
                  </a:lnTo>
                  <a:lnTo>
                    <a:pt x="2342" y="1030"/>
                  </a:lnTo>
                  <a:lnTo>
                    <a:pt x="2348" y="1035"/>
                  </a:lnTo>
                  <a:lnTo>
                    <a:pt x="2354" y="1039"/>
                  </a:lnTo>
                  <a:lnTo>
                    <a:pt x="2365" y="1049"/>
                  </a:lnTo>
                  <a:lnTo>
                    <a:pt x="2375" y="1060"/>
                  </a:lnTo>
                  <a:lnTo>
                    <a:pt x="2379" y="1066"/>
                  </a:lnTo>
                  <a:lnTo>
                    <a:pt x="2383" y="1072"/>
                  </a:lnTo>
                  <a:lnTo>
                    <a:pt x="2391" y="1085"/>
                  </a:lnTo>
                  <a:lnTo>
                    <a:pt x="2398" y="1098"/>
                  </a:lnTo>
                  <a:lnTo>
                    <a:pt x="2403" y="1112"/>
                  </a:lnTo>
                  <a:lnTo>
                    <a:pt x="2407" y="1127"/>
                  </a:lnTo>
                  <a:lnTo>
                    <a:pt x="2408" y="1134"/>
                  </a:lnTo>
                  <a:lnTo>
                    <a:pt x="2409" y="1142"/>
                  </a:lnTo>
                  <a:lnTo>
                    <a:pt x="2410" y="1149"/>
                  </a:lnTo>
                  <a:lnTo>
                    <a:pt x="2410" y="1156"/>
                  </a:lnTo>
                  <a:lnTo>
                    <a:pt x="2410" y="1164"/>
                  </a:lnTo>
                  <a:lnTo>
                    <a:pt x="2410" y="1172"/>
                  </a:lnTo>
                  <a:lnTo>
                    <a:pt x="2409" y="1179"/>
                  </a:lnTo>
                  <a:lnTo>
                    <a:pt x="2408" y="1187"/>
                  </a:lnTo>
                  <a:lnTo>
                    <a:pt x="2406" y="1194"/>
                  </a:lnTo>
                  <a:lnTo>
                    <a:pt x="2404" y="1202"/>
                  </a:lnTo>
                  <a:lnTo>
                    <a:pt x="2402" y="1208"/>
                  </a:lnTo>
                  <a:lnTo>
                    <a:pt x="2400" y="1215"/>
                  </a:lnTo>
                  <a:lnTo>
                    <a:pt x="2398" y="1221"/>
                  </a:lnTo>
                  <a:lnTo>
                    <a:pt x="2395" y="1227"/>
                  </a:lnTo>
                  <a:lnTo>
                    <a:pt x="2389" y="1239"/>
                  </a:lnTo>
                  <a:lnTo>
                    <a:pt x="2382" y="1250"/>
                  </a:lnTo>
                  <a:lnTo>
                    <a:pt x="2378" y="1255"/>
                  </a:lnTo>
                  <a:lnTo>
                    <a:pt x="2374" y="1260"/>
                  </a:lnTo>
                  <a:lnTo>
                    <a:pt x="2365" y="1269"/>
                  </a:lnTo>
                  <a:lnTo>
                    <a:pt x="2356" y="1278"/>
                  </a:lnTo>
                  <a:lnTo>
                    <a:pt x="2346" y="1285"/>
                  </a:lnTo>
                  <a:lnTo>
                    <a:pt x="2335" y="1292"/>
                  </a:lnTo>
                  <a:lnTo>
                    <a:pt x="2330" y="1295"/>
                  </a:lnTo>
                  <a:lnTo>
                    <a:pt x="2324" y="1298"/>
                  </a:lnTo>
                  <a:lnTo>
                    <a:pt x="2312" y="1303"/>
                  </a:lnTo>
                  <a:lnTo>
                    <a:pt x="2307" y="1305"/>
                  </a:lnTo>
                  <a:lnTo>
                    <a:pt x="2301" y="1307"/>
                  </a:lnTo>
                  <a:lnTo>
                    <a:pt x="2288" y="1310"/>
                  </a:lnTo>
                  <a:lnTo>
                    <a:pt x="2276" y="1312"/>
                  </a:lnTo>
                  <a:lnTo>
                    <a:pt x="2263" y="1313"/>
                  </a:lnTo>
                  <a:lnTo>
                    <a:pt x="2250" y="1313"/>
                  </a:lnTo>
                  <a:close/>
                  <a:moveTo>
                    <a:pt x="1023" y="612"/>
                  </a:moveTo>
                  <a:lnTo>
                    <a:pt x="1005" y="608"/>
                  </a:lnTo>
                  <a:lnTo>
                    <a:pt x="996" y="607"/>
                  </a:lnTo>
                  <a:lnTo>
                    <a:pt x="987" y="607"/>
                  </a:lnTo>
                  <a:lnTo>
                    <a:pt x="969" y="607"/>
                  </a:lnTo>
                  <a:lnTo>
                    <a:pt x="960" y="607"/>
                  </a:lnTo>
                  <a:lnTo>
                    <a:pt x="952" y="608"/>
                  </a:lnTo>
                  <a:lnTo>
                    <a:pt x="943" y="610"/>
                  </a:lnTo>
                  <a:lnTo>
                    <a:pt x="934" y="612"/>
                  </a:lnTo>
                  <a:lnTo>
                    <a:pt x="926" y="614"/>
                  </a:lnTo>
                  <a:lnTo>
                    <a:pt x="917" y="616"/>
                  </a:lnTo>
                  <a:lnTo>
                    <a:pt x="908" y="620"/>
                  </a:lnTo>
                  <a:lnTo>
                    <a:pt x="900" y="623"/>
                  </a:lnTo>
                  <a:lnTo>
                    <a:pt x="892" y="627"/>
                  </a:lnTo>
                  <a:lnTo>
                    <a:pt x="885" y="631"/>
                  </a:lnTo>
                  <a:lnTo>
                    <a:pt x="877" y="636"/>
                  </a:lnTo>
                  <a:lnTo>
                    <a:pt x="870" y="640"/>
                  </a:lnTo>
                  <a:lnTo>
                    <a:pt x="863" y="646"/>
                  </a:lnTo>
                  <a:lnTo>
                    <a:pt x="856" y="651"/>
                  </a:lnTo>
                  <a:lnTo>
                    <a:pt x="849" y="657"/>
                  </a:lnTo>
                  <a:lnTo>
                    <a:pt x="843" y="663"/>
                  </a:lnTo>
                  <a:lnTo>
                    <a:pt x="831" y="677"/>
                  </a:lnTo>
                  <a:lnTo>
                    <a:pt x="826" y="684"/>
                  </a:lnTo>
                  <a:lnTo>
                    <a:pt x="821" y="691"/>
                  </a:lnTo>
                  <a:lnTo>
                    <a:pt x="816" y="699"/>
                  </a:lnTo>
                  <a:lnTo>
                    <a:pt x="812" y="707"/>
                  </a:lnTo>
                  <a:lnTo>
                    <a:pt x="808" y="715"/>
                  </a:lnTo>
                  <a:lnTo>
                    <a:pt x="805" y="724"/>
                  </a:lnTo>
                  <a:lnTo>
                    <a:pt x="802" y="733"/>
                  </a:lnTo>
                  <a:lnTo>
                    <a:pt x="799" y="742"/>
                  </a:lnTo>
                  <a:lnTo>
                    <a:pt x="796" y="751"/>
                  </a:lnTo>
                  <a:lnTo>
                    <a:pt x="794" y="760"/>
                  </a:lnTo>
                  <a:lnTo>
                    <a:pt x="793" y="769"/>
                  </a:lnTo>
                  <a:lnTo>
                    <a:pt x="792" y="779"/>
                  </a:lnTo>
                  <a:lnTo>
                    <a:pt x="792" y="788"/>
                  </a:lnTo>
                  <a:lnTo>
                    <a:pt x="792" y="797"/>
                  </a:lnTo>
                  <a:lnTo>
                    <a:pt x="792" y="806"/>
                  </a:lnTo>
                  <a:lnTo>
                    <a:pt x="793" y="815"/>
                  </a:lnTo>
                  <a:lnTo>
                    <a:pt x="794" y="824"/>
                  </a:lnTo>
                  <a:lnTo>
                    <a:pt x="796" y="833"/>
                  </a:lnTo>
                  <a:lnTo>
                    <a:pt x="798" y="842"/>
                  </a:lnTo>
                  <a:lnTo>
                    <a:pt x="801" y="851"/>
                  </a:lnTo>
                  <a:lnTo>
                    <a:pt x="804" y="859"/>
                  </a:lnTo>
                  <a:lnTo>
                    <a:pt x="807" y="867"/>
                  </a:lnTo>
                  <a:lnTo>
                    <a:pt x="811" y="875"/>
                  </a:lnTo>
                  <a:lnTo>
                    <a:pt x="815" y="883"/>
                  </a:lnTo>
                  <a:lnTo>
                    <a:pt x="819" y="891"/>
                  </a:lnTo>
                  <a:lnTo>
                    <a:pt x="824" y="899"/>
                  </a:lnTo>
                  <a:lnTo>
                    <a:pt x="829" y="906"/>
                  </a:lnTo>
                  <a:lnTo>
                    <a:pt x="835" y="913"/>
                  </a:lnTo>
                  <a:lnTo>
                    <a:pt x="841" y="920"/>
                  </a:lnTo>
                  <a:lnTo>
                    <a:pt x="847" y="926"/>
                  </a:lnTo>
                  <a:lnTo>
                    <a:pt x="854" y="932"/>
                  </a:lnTo>
                  <a:lnTo>
                    <a:pt x="861" y="938"/>
                  </a:lnTo>
                  <a:lnTo>
                    <a:pt x="875" y="949"/>
                  </a:lnTo>
                  <a:lnTo>
                    <a:pt x="883" y="954"/>
                  </a:lnTo>
                  <a:lnTo>
                    <a:pt x="891" y="958"/>
                  </a:lnTo>
                  <a:lnTo>
                    <a:pt x="900" y="962"/>
                  </a:lnTo>
                  <a:lnTo>
                    <a:pt x="908" y="966"/>
                  </a:lnTo>
                  <a:lnTo>
                    <a:pt x="918" y="969"/>
                  </a:lnTo>
                  <a:lnTo>
                    <a:pt x="927" y="972"/>
                  </a:lnTo>
                  <a:lnTo>
                    <a:pt x="939" y="975"/>
                  </a:lnTo>
                  <a:lnTo>
                    <a:pt x="952" y="977"/>
                  </a:lnTo>
                  <a:lnTo>
                    <a:pt x="964" y="978"/>
                  </a:lnTo>
                  <a:lnTo>
                    <a:pt x="976" y="979"/>
                  </a:lnTo>
                  <a:lnTo>
                    <a:pt x="988" y="979"/>
                  </a:lnTo>
                  <a:lnTo>
                    <a:pt x="1000" y="978"/>
                  </a:lnTo>
                  <a:lnTo>
                    <a:pt x="1012" y="976"/>
                  </a:lnTo>
                  <a:lnTo>
                    <a:pt x="1023" y="974"/>
                  </a:lnTo>
                  <a:lnTo>
                    <a:pt x="1034" y="971"/>
                  </a:lnTo>
                  <a:lnTo>
                    <a:pt x="1045" y="967"/>
                  </a:lnTo>
                  <a:lnTo>
                    <a:pt x="1055" y="963"/>
                  </a:lnTo>
                  <a:lnTo>
                    <a:pt x="1065" y="958"/>
                  </a:lnTo>
                  <a:lnTo>
                    <a:pt x="1074" y="953"/>
                  </a:lnTo>
                  <a:lnTo>
                    <a:pt x="1084" y="946"/>
                  </a:lnTo>
                  <a:lnTo>
                    <a:pt x="1093" y="940"/>
                  </a:lnTo>
                  <a:lnTo>
                    <a:pt x="1101" y="933"/>
                  </a:lnTo>
                  <a:lnTo>
                    <a:pt x="1109" y="925"/>
                  </a:lnTo>
                  <a:lnTo>
                    <a:pt x="1117" y="917"/>
                  </a:lnTo>
                  <a:lnTo>
                    <a:pt x="1124" y="908"/>
                  </a:lnTo>
                  <a:lnTo>
                    <a:pt x="1131" y="899"/>
                  </a:lnTo>
                  <a:lnTo>
                    <a:pt x="1137" y="890"/>
                  </a:lnTo>
                  <a:lnTo>
                    <a:pt x="1143" y="880"/>
                  </a:lnTo>
                  <a:lnTo>
                    <a:pt x="1148" y="869"/>
                  </a:lnTo>
                  <a:lnTo>
                    <a:pt x="1150" y="864"/>
                  </a:lnTo>
                  <a:lnTo>
                    <a:pt x="1153" y="859"/>
                  </a:lnTo>
                  <a:lnTo>
                    <a:pt x="1155" y="852"/>
                  </a:lnTo>
                  <a:lnTo>
                    <a:pt x="1158" y="844"/>
                  </a:lnTo>
                  <a:lnTo>
                    <a:pt x="1161" y="829"/>
                  </a:lnTo>
                  <a:lnTo>
                    <a:pt x="1164" y="814"/>
                  </a:lnTo>
                  <a:lnTo>
                    <a:pt x="1164" y="806"/>
                  </a:lnTo>
                  <a:lnTo>
                    <a:pt x="1165" y="799"/>
                  </a:lnTo>
                  <a:lnTo>
                    <a:pt x="1165" y="784"/>
                  </a:lnTo>
                  <a:lnTo>
                    <a:pt x="1163" y="769"/>
                  </a:lnTo>
                  <a:lnTo>
                    <a:pt x="1162" y="762"/>
                  </a:lnTo>
                  <a:lnTo>
                    <a:pt x="1161" y="755"/>
                  </a:lnTo>
                  <a:lnTo>
                    <a:pt x="1157" y="741"/>
                  </a:lnTo>
                  <a:lnTo>
                    <a:pt x="1153" y="727"/>
                  </a:lnTo>
                  <a:lnTo>
                    <a:pt x="1148" y="717"/>
                  </a:lnTo>
                  <a:lnTo>
                    <a:pt x="1144" y="708"/>
                  </a:lnTo>
                  <a:lnTo>
                    <a:pt x="1138" y="699"/>
                  </a:lnTo>
                  <a:lnTo>
                    <a:pt x="1133" y="689"/>
                  </a:lnTo>
                  <a:lnTo>
                    <a:pt x="1127" y="681"/>
                  </a:lnTo>
                  <a:lnTo>
                    <a:pt x="1120" y="672"/>
                  </a:lnTo>
                  <a:lnTo>
                    <a:pt x="1113" y="664"/>
                  </a:lnTo>
                  <a:lnTo>
                    <a:pt x="1105" y="657"/>
                  </a:lnTo>
                  <a:lnTo>
                    <a:pt x="1097" y="650"/>
                  </a:lnTo>
                  <a:lnTo>
                    <a:pt x="1089" y="643"/>
                  </a:lnTo>
                  <a:lnTo>
                    <a:pt x="1080" y="637"/>
                  </a:lnTo>
                  <a:lnTo>
                    <a:pt x="1071" y="631"/>
                  </a:lnTo>
                  <a:lnTo>
                    <a:pt x="1061" y="626"/>
                  </a:lnTo>
                  <a:lnTo>
                    <a:pt x="1056" y="623"/>
                  </a:lnTo>
                  <a:lnTo>
                    <a:pt x="1051" y="621"/>
                  </a:lnTo>
                  <a:lnTo>
                    <a:pt x="1041" y="617"/>
                  </a:lnTo>
                  <a:lnTo>
                    <a:pt x="1030" y="614"/>
                  </a:lnTo>
                  <a:lnTo>
                    <a:pt x="1029" y="614"/>
                  </a:lnTo>
                  <a:lnTo>
                    <a:pt x="1027" y="613"/>
                  </a:lnTo>
                  <a:lnTo>
                    <a:pt x="1025" y="612"/>
                  </a:lnTo>
                  <a:lnTo>
                    <a:pt x="1023" y="612"/>
                  </a:lnTo>
                  <a:close/>
                  <a:moveTo>
                    <a:pt x="1023" y="1103"/>
                  </a:moveTo>
                  <a:lnTo>
                    <a:pt x="767" y="1230"/>
                  </a:lnTo>
                  <a:lnTo>
                    <a:pt x="882" y="1251"/>
                  </a:lnTo>
                  <a:lnTo>
                    <a:pt x="935" y="1260"/>
                  </a:lnTo>
                  <a:lnTo>
                    <a:pt x="808" y="1320"/>
                  </a:lnTo>
                  <a:lnTo>
                    <a:pt x="863" y="1432"/>
                  </a:lnTo>
                  <a:lnTo>
                    <a:pt x="995" y="1368"/>
                  </a:lnTo>
                  <a:lnTo>
                    <a:pt x="949" y="1483"/>
                  </a:lnTo>
                  <a:lnTo>
                    <a:pt x="793" y="1483"/>
                  </a:lnTo>
                  <a:lnTo>
                    <a:pt x="779" y="1461"/>
                  </a:lnTo>
                  <a:lnTo>
                    <a:pt x="765" y="1438"/>
                  </a:lnTo>
                  <a:lnTo>
                    <a:pt x="751" y="1415"/>
                  </a:lnTo>
                  <a:lnTo>
                    <a:pt x="745" y="1403"/>
                  </a:lnTo>
                  <a:lnTo>
                    <a:pt x="738" y="1391"/>
                  </a:lnTo>
                  <a:lnTo>
                    <a:pt x="726" y="1367"/>
                  </a:lnTo>
                  <a:lnTo>
                    <a:pt x="715" y="1342"/>
                  </a:lnTo>
                  <a:lnTo>
                    <a:pt x="704" y="1318"/>
                  </a:lnTo>
                  <a:lnTo>
                    <a:pt x="693" y="1293"/>
                  </a:lnTo>
                  <a:lnTo>
                    <a:pt x="684" y="1268"/>
                  </a:lnTo>
                  <a:lnTo>
                    <a:pt x="675" y="1242"/>
                  </a:lnTo>
                  <a:lnTo>
                    <a:pt x="671" y="1229"/>
                  </a:lnTo>
                  <a:lnTo>
                    <a:pt x="667" y="1216"/>
                  </a:lnTo>
                  <a:lnTo>
                    <a:pt x="659" y="1190"/>
                  </a:lnTo>
                  <a:lnTo>
                    <a:pt x="652" y="1164"/>
                  </a:lnTo>
                  <a:lnTo>
                    <a:pt x="646" y="1138"/>
                  </a:lnTo>
                  <a:lnTo>
                    <a:pt x="640" y="1110"/>
                  </a:lnTo>
                  <a:lnTo>
                    <a:pt x="635" y="1083"/>
                  </a:lnTo>
                  <a:lnTo>
                    <a:pt x="631" y="1056"/>
                  </a:lnTo>
                  <a:lnTo>
                    <a:pt x="628" y="1029"/>
                  </a:lnTo>
                  <a:lnTo>
                    <a:pt x="625" y="1002"/>
                  </a:lnTo>
                  <a:lnTo>
                    <a:pt x="623" y="975"/>
                  </a:lnTo>
                  <a:lnTo>
                    <a:pt x="622" y="947"/>
                  </a:lnTo>
                  <a:lnTo>
                    <a:pt x="622" y="920"/>
                  </a:lnTo>
                  <a:lnTo>
                    <a:pt x="622" y="892"/>
                  </a:lnTo>
                  <a:lnTo>
                    <a:pt x="623" y="864"/>
                  </a:lnTo>
                  <a:lnTo>
                    <a:pt x="625" y="836"/>
                  </a:lnTo>
                  <a:lnTo>
                    <a:pt x="628" y="808"/>
                  </a:lnTo>
                  <a:lnTo>
                    <a:pt x="631" y="780"/>
                  </a:lnTo>
                  <a:lnTo>
                    <a:pt x="635" y="752"/>
                  </a:lnTo>
                  <a:lnTo>
                    <a:pt x="640" y="724"/>
                  </a:lnTo>
                  <a:lnTo>
                    <a:pt x="646" y="696"/>
                  </a:lnTo>
                  <a:lnTo>
                    <a:pt x="653" y="668"/>
                  </a:lnTo>
                  <a:lnTo>
                    <a:pt x="661" y="640"/>
                  </a:lnTo>
                  <a:lnTo>
                    <a:pt x="667" y="620"/>
                  </a:lnTo>
                  <a:lnTo>
                    <a:pt x="673" y="600"/>
                  </a:lnTo>
                  <a:lnTo>
                    <a:pt x="680" y="580"/>
                  </a:lnTo>
                  <a:lnTo>
                    <a:pt x="687" y="561"/>
                  </a:lnTo>
                  <a:lnTo>
                    <a:pt x="695" y="541"/>
                  </a:lnTo>
                  <a:lnTo>
                    <a:pt x="703" y="522"/>
                  </a:lnTo>
                  <a:lnTo>
                    <a:pt x="720" y="484"/>
                  </a:lnTo>
                  <a:lnTo>
                    <a:pt x="729" y="466"/>
                  </a:lnTo>
                  <a:lnTo>
                    <a:pt x="739" y="447"/>
                  </a:lnTo>
                  <a:lnTo>
                    <a:pt x="759" y="412"/>
                  </a:lnTo>
                  <a:lnTo>
                    <a:pt x="769" y="394"/>
                  </a:lnTo>
                  <a:lnTo>
                    <a:pt x="780" y="377"/>
                  </a:lnTo>
                  <a:lnTo>
                    <a:pt x="791" y="359"/>
                  </a:lnTo>
                  <a:lnTo>
                    <a:pt x="802" y="342"/>
                  </a:lnTo>
                  <a:lnTo>
                    <a:pt x="814" y="326"/>
                  </a:lnTo>
                  <a:lnTo>
                    <a:pt x="826" y="310"/>
                  </a:lnTo>
                  <a:lnTo>
                    <a:pt x="838" y="294"/>
                  </a:lnTo>
                  <a:lnTo>
                    <a:pt x="851" y="278"/>
                  </a:lnTo>
                  <a:lnTo>
                    <a:pt x="863" y="263"/>
                  </a:lnTo>
                  <a:lnTo>
                    <a:pt x="877" y="248"/>
                  </a:lnTo>
                  <a:lnTo>
                    <a:pt x="890" y="233"/>
                  </a:lnTo>
                  <a:lnTo>
                    <a:pt x="904" y="218"/>
                  </a:lnTo>
                  <a:lnTo>
                    <a:pt x="919" y="204"/>
                  </a:lnTo>
                  <a:lnTo>
                    <a:pt x="933" y="190"/>
                  </a:lnTo>
                  <a:lnTo>
                    <a:pt x="947" y="177"/>
                  </a:lnTo>
                  <a:lnTo>
                    <a:pt x="962" y="163"/>
                  </a:lnTo>
                  <a:lnTo>
                    <a:pt x="977" y="150"/>
                  </a:lnTo>
                  <a:lnTo>
                    <a:pt x="992" y="138"/>
                  </a:lnTo>
                  <a:lnTo>
                    <a:pt x="1007" y="125"/>
                  </a:lnTo>
                  <a:lnTo>
                    <a:pt x="1023" y="113"/>
                  </a:lnTo>
                  <a:lnTo>
                    <a:pt x="1039" y="102"/>
                  </a:lnTo>
                  <a:lnTo>
                    <a:pt x="1054" y="91"/>
                  </a:lnTo>
                  <a:lnTo>
                    <a:pt x="1087" y="70"/>
                  </a:lnTo>
                  <a:lnTo>
                    <a:pt x="1119" y="50"/>
                  </a:lnTo>
                  <a:lnTo>
                    <a:pt x="1136" y="40"/>
                  </a:lnTo>
                  <a:lnTo>
                    <a:pt x="1153" y="31"/>
                  </a:lnTo>
                  <a:lnTo>
                    <a:pt x="1171" y="21"/>
                  </a:lnTo>
                  <a:lnTo>
                    <a:pt x="1192" y="10"/>
                  </a:lnTo>
                  <a:lnTo>
                    <a:pt x="1339" y="10"/>
                  </a:lnTo>
                  <a:lnTo>
                    <a:pt x="1356" y="10"/>
                  </a:lnTo>
                  <a:lnTo>
                    <a:pt x="1484" y="10"/>
                  </a:lnTo>
                  <a:lnTo>
                    <a:pt x="1486" y="37"/>
                  </a:lnTo>
                  <a:lnTo>
                    <a:pt x="1487" y="63"/>
                  </a:lnTo>
                  <a:lnTo>
                    <a:pt x="1488" y="89"/>
                  </a:lnTo>
                  <a:lnTo>
                    <a:pt x="1489" y="114"/>
                  </a:lnTo>
                  <a:lnTo>
                    <a:pt x="1489" y="139"/>
                  </a:lnTo>
                  <a:lnTo>
                    <a:pt x="1489" y="164"/>
                  </a:lnTo>
                  <a:lnTo>
                    <a:pt x="1489" y="188"/>
                  </a:lnTo>
                  <a:lnTo>
                    <a:pt x="1488" y="212"/>
                  </a:lnTo>
                  <a:lnTo>
                    <a:pt x="1486" y="236"/>
                  </a:lnTo>
                  <a:lnTo>
                    <a:pt x="1484" y="261"/>
                  </a:lnTo>
                  <a:lnTo>
                    <a:pt x="1482" y="285"/>
                  </a:lnTo>
                  <a:lnTo>
                    <a:pt x="1479" y="310"/>
                  </a:lnTo>
                  <a:lnTo>
                    <a:pt x="1475" y="335"/>
                  </a:lnTo>
                  <a:lnTo>
                    <a:pt x="1471" y="360"/>
                  </a:lnTo>
                  <a:lnTo>
                    <a:pt x="1466" y="387"/>
                  </a:lnTo>
                  <a:lnTo>
                    <a:pt x="1461" y="414"/>
                  </a:lnTo>
                  <a:lnTo>
                    <a:pt x="1717" y="488"/>
                  </a:lnTo>
                  <a:lnTo>
                    <a:pt x="1754" y="497"/>
                  </a:lnTo>
                  <a:lnTo>
                    <a:pt x="1840" y="522"/>
                  </a:lnTo>
                  <a:lnTo>
                    <a:pt x="2047" y="582"/>
                  </a:lnTo>
                  <a:lnTo>
                    <a:pt x="2067" y="531"/>
                  </a:lnTo>
                  <a:lnTo>
                    <a:pt x="2078" y="506"/>
                  </a:lnTo>
                  <a:lnTo>
                    <a:pt x="2088" y="482"/>
                  </a:lnTo>
                  <a:lnTo>
                    <a:pt x="2099" y="459"/>
                  </a:lnTo>
                  <a:lnTo>
                    <a:pt x="2110" y="436"/>
                  </a:lnTo>
                  <a:lnTo>
                    <a:pt x="2122" y="414"/>
                  </a:lnTo>
                  <a:lnTo>
                    <a:pt x="2134" y="392"/>
                  </a:lnTo>
                  <a:lnTo>
                    <a:pt x="2147" y="371"/>
                  </a:lnTo>
                  <a:lnTo>
                    <a:pt x="2160" y="348"/>
                  </a:lnTo>
                  <a:lnTo>
                    <a:pt x="2187" y="305"/>
                  </a:lnTo>
                  <a:lnTo>
                    <a:pt x="2216" y="262"/>
                  </a:lnTo>
                  <a:lnTo>
                    <a:pt x="2248" y="218"/>
                  </a:lnTo>
                  <a:lnTo>
                    <a:pt x="2239" y="211"/>
                  </a:lnTo>
                  <a:lnTo>
                    <a:pt x="2230" y="205"/>
                  </a:lnTo>
                  <a:lnTo>
                    <a:pt x="2225" y="202"/>
                  </a:lnTo>
                  <a:lnTo>
                    <a:pt x="2220" y="200"/>
                  </a:lnTo>
                  <a:lnTo>
                    <a:pt x="2215" y="198"/>
                  </a:lnTo>
                  <a:lnTo>
                    <a:pt x="2209" y="196"/>
                  </a:lnTo>
                  <a:lnTo>
                    <a:pt x="2202" y="194"/>
                  </a:lnTo>
                  <a:lnTo>
                    <a:pt x="2194" y="193"/>
                  </a:lnTo>
                  <a:lnTo>
                    <a:pt x="2186" y="193"/>
                  </a:lnTo>
                  <a:lnTo>
                    <a:pt x="2179" y="194"/>
                  </a:lnTo>
                  <a:lnTo>
                    <a:pt x="2171" y="195"/>
                  </a:lnTo>
                  <a:lnTo>
                    <a:pt x="2164" y="197"/>
                  </a:lnTo>
                  <a:lnTo>
                    <a:pt x="2157" y="200"/>
                  </a:lnTo>
                  <a:lnTo>
                    <a:pt x="2150" y="203"/>
                  </a:lnTo>
                  <a:lnTo>
                    <a:pt x="2143" y="207"/>
                  </a:lnTo>
                  <a:lnTo>
                    <a:pt x="2136" y="212"/>
                  </a:lnTo>
                  <a:lnTo>
                    <a:pt x="2131" y="217"/>
                  </a:lnTo>
                  <a:lnTo>
                    <a:pt x="2125" y="222"/>
                  </a:lnTo>
                  <a:lnTo>
                    <a:pt x="2123" y="225"/>
                  </a:lnTo>
                  <a:lnTo>
                    <a:pt x="2121" y="228"/>
                  </a:lnTo>
                  <a:lnTo>
                    <a:pt x="2117" y="235"/>
                  </a:lnTo>
                  <a:lnTo>
                    <a:pt x="2113" y="242"/>
                  </a:lnTo>
                  <a:lnTo>
                    <a:pt x="2111" y="250"/>
                  </a:lnTo>
                  <a:lnTo>
                    <a:pt x="2110" y="253"/>
                  </a:lnTo>
                  <a:lnTo>
                    <a:pt x="2110" y="256"/>
                  </a:lnTo>
                  <a:lnTo>
                    <a:pt x="2109" y="259"/>
                  </a:lnTo>
                  <a:lnTo>
                    <a:pt x="2109" y="262"/>
                  </a:lnTo>
                  <a:lnTo>
                    <a:pt x="2100" y="263"/>
                  </a:lnTo>
                  <a:lnTo>
                    <a:pt x="2092" y="265"/>
                  </a:lnTo>
                  <a:lnTo>
                    <a:pt x="2084" y="267"/>
                  </a:lnTo>
                  <a:lnTo>
                    <a:pt x="2076" y="270"/>
                  </a:lnTo>
                  <a:lnTo>
                    <a:pt x="2068" y="273"/>
                  </a:lnTo>
                  <a:lnTo>
                    <a:pt x="2060" y="277"/>
                  </a:lnTo>
                  <a:lnTo>
                    <a:pt x="2053" y="281"/>
                  </a:lnTo>
                  <a:lnTo>
                    <a:pt x="2046" y="286"/>
                  </a:lnTo>
                  <a:lnTo>
                    <a:pt x="2040" y="291"/>
                  </a:lnTo>
                  <a:lnTo>
                    <a:pt x="2034" y="297"/>
                  </a:lnTo>
                  <a:lnTo>
                    <a:pt x="2028" y="303"/>
                  </a:lnTo>
                  <a:lnTo>
                    <a:pt x="2023" y="309"/>
                  </a:lnTo>
                  <a:lnTo>
                    <a:pt x="2019" y="316"/>
                  </a:lnTo>
                  <a:lnTo>
                    <a:pt x="2014" y="323"/>
                  </a:lnTo>
                  <a:lnTo>
                    <a:pt x="2011" y="330"/>
                  </a:lnTo>
                  <a:lnTo>
                    <a:pt x="2008" y="338"/>
                  </a:lnTo>
                  <a:lnTo>
                    <a:pt x="2007" y="343"/>
                  </a:lnTo>
                  <a:lnTo>
                    <a:pt x="2006" y="349"/>
                  </a:lnTo>
                  <a:lnTo>
                    <a:pt x="2005" y="359"/>
                  </a:lnTo>
                  <a:lnTo>
                    <a:pt x="2005" y="369"/>
                  </a:lnTo>
                  <a:lnTo>
                    <a:pt x="2005" y="375"/>
                  </a:lnTo>
                  <a:lnTo>
                    <a:pt x="2006" y="380"/>
                  </a:lnTo>
                  <a:lnTo>
                    <a:pt x="2008" y="390"/>
                  </a:lnTo>
                  <a:lnTo>
                    <a:pt x="2011" y="400"/>
                  </a:lnTo>
                  <a:lnTo>
                    <a:pt x="2015" y="410"/>
                  </a:lnTo>
                  <a:lnTo>
                    <a:pt x="2020" y="419"/>
                  </a:lnTo>
                  <a:lnTo>
                    <a:pt x="2011" y="424"/>
                  </a:lnTo>
                  <a:lnTo>
                    <a:pt x="2006" y="427"/>
                  </a:lnTo>
                  <a:lnTo>
                    <a:pt x="2001" y="429"/>
                  </a:lnTo>
                  <a:lnTo>
                    <a:pt x="1996" y="431"/>
                  </a:lnTo>
                  <a:lnTo>
                    <a:pt x="1990" y="432"/>
                  </a:lnTo>
                  <a:lnTo>
                    <a:pt x="1980" y="434"/>
                  </a:lnTo>
                  <a:lnTo>
                    <a:pt x="1974" y="435"/>
                  </a:lnTo>
                  <a:lnTo>
                    <a:pt x="1968" y="436"/>
                  </a:lnTo>
                  <a:lnTo>
                    <a:pt x="1963" y="436"/>
                  </a:lnTo>
                  <a:lnTo>
                    <a:pt x="1957" y="435"/>
                  </a:lnTo>
                  <a:lnTo>
                    <a:pt x="1945" y="434"/>
                  </a:lnTo>
                  <a:lnTo>
                    <a:pt x="1939" y="433"/>
                  </a:lnTo>
                  <a:lnTo>
                    <a:pt x="1933" y="431"/>
                  </a:lnTo>
                  <a:lnTo>
                    <a:pt x="1923" y="428"/>
                  </a:lnTo>
                  <a:lnTo>
                    <a:pt x="1913" y="423"/>
                  </a:lnTo>
                  <a:lnTo>
                    <a:pt x="1903" y="417"/>
                  </a:lnTo>
                  <a:lnTo>
                    <a:pt x="1895" y="411"/>
                  </a:lnTo>
                  <a:lnTo>
                    <a:pt x="1887" y="404"/>
                  </a:lnTo>
                  <a:lnTo>
                    <a:pt x="1880" y="396"/>
                  </a:lnTo>
                  <a:lnTo>
                    <a:pt x="1874" y="387"/>
                  </a:lnTo>
                  <a:lnTo>
                    <a:pt x="1868" y="378"/>
                  </a:lnTo>
                  <a:lnTo>
                    <a:pt x="1875" y="377"/>
                  </a:lnTo>
                  <a:lnTo>
                    <a:pt x="1882" y="375"/>
                  </a:lnTo>
                  <a:lnTo>
                    <a:pt x="1896" y="369"/>
                  </a:lnTo>
                  <a:lnTo>
                    <a:pt x="1902" y="366"/>
                  </a:lnTo>
                  <a:lnTo>
                    <a:pt x="1909" y="363"/>
                  </a:lnTo>
                  <a:lnTo>
                    <a:pt x="1915" y="359"/>
                  </a:lnTo>
                  <a:lnTo>
                    <a:pt x="1920" y="355"/>
                  </a:lnTo>
                  <a:lnTo>
                    <a:pt x="1926" y="351"/>
                  </a:lnTo>
                  <a:lnTo>
                    <a:pt x="1930" y="346"/>
                  </a:lnTo>
                  <a:lnTo>
                    <a:pt x="1935" y="341"/>
                  </a:lnTo>
                  <a:lnTo>
                    <a:pt x="1939" y="336"/>
                  </a:lnTo>
                  <a:lnTo>
                    <a:pt x="1943" y="330"/>
                  </a:lnTo>
                  <a:lnTo>
                    <a:pt x="1946" y="324"/>
                  </a:lnTo>
                  <a:lnTo>
                    <a:pt x="1949" y="318"/>
                  </a:lnTo>
                  <a:lnTo>
                    <a:pt x="1951" y="312"/>
                  </a:lnTo>
                  <a:lnTo>
                    <a:pt x="1953" y="305"/>
                  </a:lnTo>
                  <a:lnTo>
                    <a:pt x="1954" y="298"/>
                  </a:lnTo>
                  <a:lnTo>
                    <a:pt x="1954" y="291"/>
                  </a:lnTo>
                  <a:lnTo>
                    <a:pt x="1954" y="284"/>
                  </a:lnTo>
                  <a:lnTo>
                    <a:pt x="1953" y="277"/>
                  </a:lnTo>
                  <a:lnTo>
                    <a:pt x="1952" y="270"/>
                  </a:lnTo>
                  <a:lnTo>
                    <a:pt x="1950" y="263"/>
                  </a:lnTo>
                  <a:lnTo>
                    <a:pt x="1948" y="256"/>
                  </a:lnTo>
                  <a:lnTo>
                    <a:pt x="1946" y="253"/>
                  </a:lnTo>
                  <a:lnTo>
                    <a:pt x="1945" y="250"/>
                  </a:lnTo>
                  <a:lnTo>
                    <a:pt x="1941" y="243"/>
                  </a:lnTo>
                  <a:lnTo>
                    <a:pt x="1938" y="237"/>
                  </a:lnTo>
                  <a:lnTo>
                    <a:pt x="1933" y="231"/>
                  </a:lnTo>
                  <a:lnTo>
                    <a:pt x="1929" y="225"/>
                  </a:lnTo>
                  <a:lnTo>
                    <a:pt x="1923" y="219"/>
                  </a:lnTo>
                  <a:lnTo>
                    <a:pt x="1918" y="214"/>
                  </a:lnTo>
                  <a:lnTo>
                    <a:pt x="1912" y="209"/>
                  </a:lnTo>
                  <a:lnTo>
                    <a:pt x="1919" y="201"/>
                  </a:lnTo>
                  <a:lnTo>
                    <a:pt x="1925" y="192"/>
                  </a:lnTo>
                  <a:lnTo>
                    <a:pt x="1928" y="188"/>
                  </a:lnTo>
                  <a:lnTo>
                    <a:pt x="1930" y="183"/>
                  </a:lnTo>
                  <a:lnTo>
                    <a:pt x="1932" y="178"/>
                  </a:lnTo>
                  <a:lnTo>
                    <a:pt x="1933" y="173"/>
                  </a:lnTo>
                  <a:lnTo>
                    <a:pt x="1935" y="165"/>
                  </a:lnTo>
                  <a:lnTo>
                    <a:pt x="1936" y="157"/>
                  </a:lnTo>
                  <a:lnTo>
                    <a:pt x="1937" y="148"/>
                  </a:lnTo>
                  <a:lnTo>
                    <a:pt x="1936" y="140"/>
                  </a:lnTo>
                  <a:lnTo>
                    <a:pt x="1934" y="132"/>
                  </a:lnTo>
                  <a:lnTo>
                    <a:pt x="1932" y="125"/>
                  </a:lnTo>
                  <a:lnTo>
                    <a:pt x="1929" y="117"/>
                  </a:lnTo>
                  <a:lnTo>
                    <a:pt x="1926" y="110"/>
                  </a:lnTo>
                  <a:lnTo>
                    <a:pt x="1922" y="103"/>
                  </a:lnTo>
                  <a:lnTo>
                    <a:pt x="1917" y="97"/>
                  </a:lnTo>
                  <a:lnTo>
                    <a:pt x="1911" y="91"/>
                  </a:lnTo>
                  <a:lnTo>
                    <a:pt x="1905" y="86"/>
                  </a:lnTo>
                  <a:lnTo>
                    <a:pt x="1899" y="81"/>
                  </a:lnTo>
                  <a:lnTo>
                    <a:pt x="1892" y="77"/>
                  </a:lnTo>
                  <a:lnTo>
                    <a:pt x="1885" y="73"/>
                  </a:lnTo>
                  <a:lnTo>
                    <a:pt x="1877" y="70"/>
                  </a:lnTo>
                  <a:lnTo>
                    <a:pt x="1872" y="69"/>
                  </a:lnTo>
                  <a:lnTo>
                    <a:pt x="1867" y="68"/>
                  </a:lnTo>
                  <a:lnTo>
                    <a:pt x="1857" y="68"/>
                  </a:lnTo>
                  <a:lnTo>
                    <a:pt x="1848" y="68"/>
                  </a:lnTo>
                  <a:lnTo>
                    <a:pt x="1840" y="69"/>
                  </a:lnTo>
                  <a:lnTo>
                    <a:pt x="1828" y="72"/>
                  </a:lnTo>
                  <a:lnTo>
                    <a:pt x="1823" y="74"/>
                  </a:lnTo>
                  <a:lnTo>
                    <a:pt x="1818" y="77"/>
                  </a:lnTo>
                  <a:lnTo>
                    <a:pt x="1808" y="82"/>
                  </a:lnTo>
                  <a:lnTo>
                    <a:pt x="1803" y="86"/>
                  </a:lnTo>
                  <a:lnTo>
                    <a:pt x="1799" y="89"/>
                  </a:lnTo>
                  <a:lnTo>
                    <a:pt x="1791" y="97"/>
                  </a:lnTo>
                  <a:lnTo>
                    <a:pt x="1788" y="102"/>
                  </a:lnTo>
                  <a:lnTo>
                    <a:pt x="1784" y="106"/>
                  </a:lnTo>
                  <a:lnTo>
                    <a:pt x="1782" y="111"/>
                  </a:lnTo>
                  <a:lnTo>
                    <a:pt x="1779" y="116"/>
                  </a:lnTo>
                  <a:lnTo>
                    <a:pt x="1777" y="122"/>
                  </a:lnTo>
                  <a:lnTo>
                    <a:pt x="1776" y="127"/>
                  </a:lnTo>
                  <a:lnTo>
                    <a:pt x="1773" y="138"/>
                  </a:lnTo>
                  <a:lnTo>
                    <a:pt x="1772" y="143"/>
                  </a:lnTo>
                  <a:lnTo>
                    <a:pt x="1772" y="148"/>
                  </a:lnTo>
                  <a:lnTo>
                    <a:pt x="1772" y="153"/>
                  </a:lnTo>
                  <a:lnTo>
                    <a:pt x="1772" y="158"/>
                  </a:lnTo>
                  <a:lnTo>
                    <a:pt x="1773" y="163"/>
                  </a:lnTo>
                  <a:lnTo>
                    <a:pt x="1774" y="168"/>
                  </a:lnTo>
                  <a:lnTo>
                    <a:pt x="1758" y="171"/>
                  </a:lnTo>
                  <a:lnTo>
                    <a:pt x="1751" y="174"/>
                  </a:lnTo>
                  <a:lnTo>
                    <a:pt x="1744" y="176"/>
                  </a:lnTo>
                  <a:lnTo>
                    <a:pt x="1737" y="179"/>
                  </a:lnTo>
                  <a:lnTo>
                    <a:pt x="1730" y="183"/>
                  </a:lnTo>
                  <a:lnTo>
                    <a:pt x="1723" y="187"/>
                  </a:lnTo>
                  <a:lnTo>
                    <a:pt x="1717" y="191"/>
                  </a:lnTo>
                  <a:lnTo>
                    <a:pt x="1712" y="195"/>
                  </a:lnTo>
                  <a:lnTo>
                    <a:pt x="1707" y="200"/>
                  </a:lnTo>
                  <a:lnTo>
                    <a:pt x="1702" y="205"/>
                  </a:lnTo>
                  <a:lnTo>
                    <a:pt x="1698" y="210"/>
                  </a:lnTo>
                  <a:lnTo>
                    <a:pt x="1694" y="216"/>
                  </a:lnTo>
                  <a:lnTo>
                    <a:pt x="1691" y="222"/>
                  </a:lnTo>
                  <a:lnTo>
                    <a:pt x="1688" y="228"/>
                  </a:lnTo>
                  <a:lnTo>
                    <a:pt x="1685" y="235"/>
                  </a:lnTo>
                  <a:lnTo>
                    <a:pt x="1683" y="249"/>
                  </a:lnTo>
                  <a:lnTo>
                    <a:pt x="1683" y="255"/>
                  </a:lnTo>
                  <a:lnTo>
                    <a:pt x="1683" y="262"/>
                  </a:lnTo>
                  <a:lnTo>
                    <a:pt x="1683" y="268"/>
                  </a:lnTo>
                  <a:lnTo>
                    <a:pt x="1685" y="275"/>
                  </a:lnTo>
                  <a:lnTo>
                    <a:pt x="1686" y="281"/>
                  </a:lnTo>
                  <a:lnTo>
                    <a:pt x="1688" y="287"/>
                  </a:lnTo>
                  <a:lnTo>
                    <a:pt x="1690" y="294"/>
                  </a:lnTo>
                  <a:lnTo>
                    <a:pt x="1693" y="300"/>
                  </a:lnTo>
                  <a:lnTo>
                    <a:pt x="1696" y="306"/>
                  </a:lnTo>
                  <a:lnTo>
                    <a:pt x="1700" y="311"/>
                  </a:lnTo>
                  <a:lnTo>
                    <a:pt x="1708" y="322"/>
                  </a:lnTo>
                  <a:lnTo>
                    <a:pt x="1717" y="333"/>
                  </a:lnTo>
                  <a:lnTo>
                    <a:pt x="1708" y="338"/>
                  </a:lnTo>
                  <a:lnTo>
                    <a:pt x="1699" y="343"/>
                  </a:lnTo>
                  <a:lnTo>
                    <a:pt x="1689" y="346"/>
                  </a:lnTo>
                  <a:lnTo>
                    <a:pt x="1679" y="348"/>
                  </a:lnTo>
                  <a:lnTo>
                    <a:pt x="1669" y="349"/>
                  </a:lnTo>
                  <a:lnTo>
                    <a:pt x="1659" y="349"/>
                  </a:lnTo>
                  <a:lnTo>
                    <a:pt x="1653" y="348"/>
                  </a:lnTo>
                  <a:lnTo>
                    <a:pt x="1648" y="347"/>
                  </a:lnTo>
                  <a:lnTo>
                    <a:pt x="1637" y="345"/>
                  </a:lnTo>
                  <a:lnTo>
                    <a:pt x="1632" y="343"/>
                  </a:lnTo>
                  <a:lnTo>
                    <a:pt x="1626" y="341"/>
                  </a:lnTo>
                  <a:lnTo>
                    <a:pt x="1616" y="336"/>
                  </a:lnTo>
                  <a:lnTo>
                    <a:pt x="1606" y="331"/>
                  </a:lnTo>
                  <a:lnTo>
                    <a:pt x="1597" y="324"/>
                  </a:lnTo>
                  <a:lnTo>
                    <a:pt x="1589" y="316"/>
                  </a:lnTo>
                  <a:lnTo>
                    <a:pt x="1586" y="312"/>
                  </a:lnTo>
                  <a:lnTo>
                    <a:pt x="1582" y="308"/>
                  </a:lnTo>
                  <a:lnTo>
                    <a:pt x="1579" y="304"/>
                  </a:lnTo>
                  <a:lnTo>
                    <a:pt x="1577" y="299"/>
                  </a:lnTo>
                  <a:lnTo>
                    <a:pt x="1572" y="290"/>
                  </a:lnTo>
                  <a:lnTo>
                    <a:pt x="1581" y="285"/>
                  </a:lnTo>
                  <a:lnTo>
                    <a:pt x="1585" y="282"/>
                  </a:lnTo>
                  <a:lnTo>
                    <a:pt x="1589" y="278"/>
                  </a:lnTo>
                  <a:lnTo>
                    <a:pt x="1593" y="275"/>
                  </a:lnTo>
                  <a:lnTo>
                    <a:pt x="1597" y="271"/>
                  </a:lnTo>
                  <a:lnTo>
                    <a:pt x="1604" y="264"/>
                  </a:lnTo>
                  <a:lnTo>
                    <a:pt x="1607" y="260"/>
                  </a:lnTo>
                  <a:lnTo>
                    <a:pt x="1610" y="256"/>
                  </a:lnTo>
                  <a:lnTo>
                    <a:pt x="1612" y="252"/>
                  </a:lnTo>
                  <a:lnTo>
                    <a:pt x="1615" y="247"/>
                  </a:lnTo>
                  <a:lnTo>
                    <a:pt x="1617" y="243"/>
                  </a:lnTo>
                  <a:lnTo>
                    <a:pt x="1620" y="238"/>
                  </a:lnTo>
                  <a:lnTo>
                    <a:pt x="1623" y="228"/>
                  </a:lnTo>
                  <a:lnTo>
                    <a:pt x="1625" y="220"/>
                  </a:lnTo>
                  <a:lnTo>
                    <a:pt x="1626" y="212"/>
                  </a:lnTo>
                  <a:lnTo>
                    <a:pt x="1627" y="203"/>
                  </a:lnTo>
                  <a:lnTo>
                    <a:pt x="1627" y="195"/>
                  </a:lnTo>
                  <a:lnTo>
                    <a:pt x="1626" y="187"/>
                  </a:lnTo>
                  <a:lnTo>
                    <a:pt x="1624" y="179"/>
                  </a:lnTo>
                  <a:lnTo>
                    <a:pt x="1622" y="171"/>
                  </a:lnTo>
                  <a:lnTo>
                    <a:pt x="1619" y="164"/>
                  </a:lnTo>
                  <a:lnTo>
                    <a:pt x="1616" y="156"/>
                  </a:lnTo>
                  <a:lnTo>
                    <a:pt x="1612" y="149"/>
                  </a:lnTo>
                  <a:lnTo>
                    <a:pt x="1607" y="141"/>
                  </a:lnTo>
                  <a:lnTo>
                    <a:pt x="1603" y="135"/>
                  </a:lnTo>
                  <a:lnTo>
                    <a:pt x="1597" y="128"/>
                  </a:lnTo>
                  <a:lnTo>
                    <a:pt x="1592" y="121"/>
                  </a:lnTo>
                  <a:lnTo>
                    <a:pt x="1585" y="115"/>
                  </a:lnTo>
                  <a:lnTo>
                    <a:pt x="1579" y="109"/>
                  </a:lnTo>
                  <a:lnTo>
                    <a:pt x="1581" y="104"/>
                  </a:lnTo>
                  <a:lnTo>
                    <a:pt x="1582" y="102"/>
                  </a:lnTo>
                  <a:lnTo>
                    <a:pt x="1583" y="99"/>
                  </a:lnTo>
                  <a:lnTo>
                    <a:pt x="1584" y="93"/>
                  </a:lnTo>
                  <a:lnTo>
                    <a:pt x="1585" y="86"/>
                  </a:lnTo>
                  <a:lnTo>
                    <a:pt x="1586" y="74"/>
                  </a:lnTo>
                  <a:lnTo>
                    <a:pt x="1586" y="67"/>
                  </a:lnTo>
                  <a:lnTo>
                    <a:pt x="1585" y="61"/>
                  </a:lnTo>
                  <a:lnTo>
                    <a:pt x="1583" y="55"/>
                  </a:lnTo>
                  <a:lnTo>
                    <a:pt x="1581" y="49"/>
                  </a:lnTo>
                  <a:lnTo>
                    <a:pt x="1579" y="43"/>
                  </a:lnTo>
                  <a:lnTo>
                    <a:pt x="1576" y="38"/>
                  </a:lnTo>
                  <a:lnTo>
                    <a:pt x="1573" y="33"/>
                  </a:lnTo>
                  <a:lnTo>
                    <a:pt x="1569" y="28"/>
                  </a:lnTo>
                  <a:lnTo>
                    <a:pt x="1565" y="23"/>
                  </a:lnTo>
                  <a:lnTo>
                    <a:pt x="1561" y="18"/>
                  </a:lnTo>
                  <a:lnTo>
                    <a:pt x="1556" y="14"/>
                  </a:lnTo>
                  <a:lnTo>
                    <a:pt x="1551" y="10"/>
                  </a:lnTo>
                  <a:lnTo>
                    <a:pt x="1717" y="10"/>
                  </a:lnTo>
                  <a:lnTo>
                    <a:pt x="1840" y="10"/>
                  </a:lnTo>
                  <a:lnTo>
                    <a:pt x="2075" y="10"/>
                  </a:lnTo>
                  <a:lnTo>
                    <a:pt x="2098" y="22"/>
                  </a:lnTo>
                  <a:lnTo>
                    <a:pt x="2121" y="34"/>
                  </a:lnTo>
                  <a:lnTo>
                    <a:pt x="2145" y="47"/>
                  </a:lnTo>
                  <a:lnTo>
                    <a:pt x="2166" y="60"/>
                  </a:lnTo>
                  <a:lnTo>
                    <a:pt x="2188" y="74"/>
                  </a:lnTo>
                  <a:lnTo>
                    <a:pt x="2209" y="88"/>
                  </a:lnTo>
                  <a:lnTo>
                    <a:pt x="2230" y="103"/>
                  </a:lnTo>
                  <a:lnTo>
                    <a:pt x="2250" y="118"/>
                  </a:lnTo>
                  <a:lnTo>
                    <a:pt x="2274" y="138"/>
                  </a:lnTo>
                  <a:lnTo>
                    <a:pt x="2298" y="158"/>
                  </a:lnTo>
                  <a:lnTo>
                    <a:pt x="2321" y="178"/>
                  </a:lnTo>
                  <a:lnTo>
                    <a:pt x="2343" y="200"/>
                  </a:lnTo>
                  <a:lnTo>
                    <a:pt x="2365" y="222"/>
                  </a:lnTo>
                  <a:lnTo>
                    <a:pt x="2385" y="244"/>
                  </a:lnTo>
                  <a:lnTo>
                    <a:pt x="2395" y="256"/>
                  </a:lnTo>
                  <a:lnTo>
                    <a:pt x="2405" y="267"/>
                  </a:lnTo>
                  <a:lnTo>
                    <a:pt x="2425" y="291"/>
                  </a:lnTo>
                  <a:lnTo>
                    <a:pt x="2444" y="315"/>
                  </a:lnTo>
                  <a:lnTo>
                    <a:pt x="2461" y="340"/>
                  </a:lnTo>
                  <a:lnTo>
                    <a:pt x="2479" y="365"/>
                  </a:lnTo>
                  <a:lnTo>
                    <a:pt x="2495" y="392"/>
                  </a:lnTo>
                  <a:lnTo>
                    <a:pt x="2511" y="419"/>
                  </a:lnTo>
                  <a:lnTo>
                    <a:pt x="2526" y="445"/>
                  </a:lnTo>
                  <a:lnTo>
                    <a:pt x="2540" y="473"/>
                  </a:lnTo>
                  <a:lnTo>
                    <a:pt x="2553" y="500"/>
                  </a:lnTo>
                  <a:lnTo>
                    <a:pt x="2553" y="1292"/>
                  </a:lnTo>
                  <a:lnTo>
                    <a:pt x="2553" y="1342"/>
                  </a:lnTo>
                  <a:lnTo>
                    <a:pt x="2553" y="1483"/>
                  </a:lnTo>
                  <a:lnTo>
                    <a:pt x="2473" y="1483"/>
                  </a:lnTo>
                  <a:lnTo>
                    <a:pt x="2447" y="1483"/>
                  </a:lnTo>
                  <a:lnTo>
                    <a:pt x="2250" y="1483"/>
                  </a:lnTo>
                  <a:lnTo>
                    <a:pt x="2105" y="1483"/>
                  </a:lnTo>
                  <a:lnTo>
                    <a:pt x="1957" y="1246"/>
                  </a:lnTo>
                  <a:lnTo>
                    <a:pt x="1840" y="1198"/>
                  </a:lnTo>
                  <a:lnTo>
                    <a:pt x="1799" y="1182"/>
                  </a:lnTo>
                  <a:lnTo>
                    <a:pt x="1717" y="1054"/>
                  </a:lnTo>
                  <a:lnTo>
                    <a:pt x="1700" y="1023"/>
                  </a:lnTo>
                  <a:lnTo>
                    <a:pt x="1708" y="1018"/>
                  </a:lnTo>
                  <a:lnTo>
                    <a:pt x="1713" y="1016"/>
                  </a:lnTo>
                  <a:lnTo>
                    <a:pt x="1717" y="1015"/>
                  </a:lnTo>
                  <a:lnTo>
                    <a:pt x="1748" y="999"/>
                  </a:lnTo>
                  <a:lnTo>
                    <a:pt x="1778" y="983"/>
                  </a:lnTo>
                  <a:lnTo>
                    <a:pt x="1840" y="952"/>
                  </a:lnTo>
                  <a:lnTo>
                    <a:pt x="1920" y="911"/>
                  </a:lnTo>
                  <a:lnTo>
                    <a:pt x="2001" y="869"/>
                  </a:lnTo>
                  <a:lnTo>
                    <a:pt x="2163" y="784"/>
                  </a:lnTo>
                  <a:lnTo>
                    <a:pt x="2158" y="803"/>
                  </a:lnTo>
                  <a:lnTo>
                    <a:pt x="2153" y="822"/>
                  </a:lnTo>
                  <a:lnTo>
                    <a:pt x="2142" y="860"/>
                  </a:lnTo>
                  <a:lnTo>
                    <a:pt x="2128" y="898"/>
                  </a:lnTo>
                  <a:lnTo>
                    <a:pt x="2121" y="917"/>
                  </a:lnTo>
                  <a:lnTo>
                    <a:pt x="2114" y="937"/>
                  </a:lnTo>
                  <a:lnTo>
                    <a:pt x="2149" y="916"/>
                  </a:lnTo>
                  <a:lnTo>
                    <a:pt x="2183" y="895"/>
                  </a:lnTo>
                  <a:lnTo>
                    <a:pt x="2217" y="874"/>
                  </a:lnTo>
                  <a:lnTo>
                    <a:pt x="2250" y="851"/>
                  </a:lnTo>
                  <a:lnTo>
                    <a:pt x="2270" y="837"/>
                  </a:lnTo>
                  <a:lnTo>
                    <a:pt x="2290" y="823"/>
                  </a:lnTo>
                  <a:lnTo>
                    <a:pt x="2309" y="808"/>
                  </a:lnTo>
                  <a:lnTo>
                    <a:pt x="2328" y="792"/>
                  </a:lnTo>
                  <a:lnTo>
                    <a:pt x="2347" y="776"/>
                  </a:lnTo>
                  <a:lnTo>
                    <a:pt x="2365" y="760"/>
                  </a:lnTo>
                  <a:lnTo>
                    <a:pt x="2383" y="743"/>
                  </a:lnTo>
                  <a:lnTo>
                    <a:pt x="2391" y="735"/>
                  </a:lnTo>
                  <a:lnTo>
                    <a:pt x="2400" y="726"/>
                  </a:lnTo>
                  <a:lnTo>
                    <a:pt x="2417" y="708"/>
                  </a:lnTo>
                  <a:lnTo>
                    <a:pt x="2433" y="689"/>
                  </a:lnTo>
                  <a:lnTo>
                    <a:pt x="2448" y="670"/>
                  </a:lnTo>
                  <a:lnTo>
                    <a:pt x="2463" y="650"/>
                  </a:lnTo>
                  <a:lnTo>
                    <a:pt x="2477" y="630"/>
                  </a:lnTo>
                  <a:lnTo>
                    <a:pt x="2490" y="609"/>
                  </a:lnTo>
                  <a:lnTo>
                    <a:pt x="2497" y="598"/>
                  </a:lnTo>
                  <a:lnTo>
                    <a:pt x="2503" y="587"/>
                  </a:lnTo>
                  <a:lnTo>
                    <a:pt x="2514" y="564"/>
                  </a:lnTo>
                  <a:lnTo>
                    <a:pt x="2497" y="561"/>
                  </a:lnTo>
                  <a:lnTo>
                    <a:pt x="2480" y="558"/>
                  </a:lnTo>
                  <a:lnTo>
                    <a:pt x="2463" y="556"/>
                  </a:lnTo>
                  <a:lnTo>
                    <a:pt x="2447" y="554"/>
                  </a:lnTo>
                  <a:lnTo>
                    <a:pt x="2430" y="553"/>
                  </a:lnTo>
                  <a:lnTo>
                    <a:pt x="2413" y="552"/>
                  </a:lnTo>
                  <a:lnTo>
                    <a:pt x="2397" y="552"/>
                  </a:lnTo>
                  <a:lnTo>
                    <a:pt x="2380" y="552"/>
                  </a:lnTo>
                  <a:lnTo>
                    <a:pt x="2347" y="553"/>
                  </a:lnTo>
                  <a:lnTo>
                    <a:pt x="2314" y="556"/>
                  </a:lnTo>
                  <a:lnTo>
                    <a:pt x="2282" y="561"/>
                  </a:lnTo>
                  <a:lnTo>
                    <a:pt x="2250" y="566"/>
                  </a:lnTo>
                  <a:lnTo>
                    <a:pt x="2232" y="570"/>
                  </a:lnTo>
                  <a:lnTo>
                    <a:pt x="2214" y="574"/>
                  </a:lnTo>
                  <a:lnTo>
                    <a:pt x="2179" y="583"/>
                  </a:lnTo>
                  <a:lnTo>
                    <a:pt x="2162" y="588"/>
                  </a:lnTo>
                  <a:lnTo>
                    <a:pt x="2145" y="594"/>
                  </a:lnTo>
                  <a:lnTo>
                    <a:pt x="2127" y="599"/>
                  </a:lnTo>
                  <a:lnTo>
                    <a:pt x="2110" y="605"/>
                  </a:lnTo>
                  <a:lnTo>
                    <a:pt x="2093" y="611"/>
                  </a:lnTo>
                  <a:lnTo>
                    <a:pt x="2076" y="617"/>
                  </a:lnTo>
                  <a:lnTo>
                    <a:pt x="2043" y="629"/>
                  </a:lnTo>
                  <a:lnTo>
                    <a:pt x="2011" y="642"/>
                  </a:lnTo>
                  <a:lnTo>
                    <a:pt x="1980" y="655"/>
                  </a:lnTo>
                  <a:lnTo>
                    <a:pt x="2020" y="660"/>
                  </a:lnTo>
                  <a:lnTo>
                    <a:pt x="2038" y="663"/>
                  </a:lnTo>
                  <a:lnTo>
                    <a:pt x="2055" y="666"/>
                  </a:lnTo>
                  <a:lnTo>
                    <a:pt x="2072" y="669"/>
                  </a:lnTo>
                  <a:lnTo>
                    <a:pt x="2080" y="670"/>
                  </a:lnTo>
                  <a:lnTo>
                    <a:pt x="2088" y="672"/>
                  </a:lnTo>
                  <a:lnTo>
                    <a:pt x="2103" y="677"/>
                  </a:lnTo>
                  <a:lnTo>
                    <a:pt x="2110" y="680"/>
                  </a:lnTo>
                  <a:lnTo>
                    <a:pt x="2118" y="683"/>
                  </a:lnTo>
                  <a:lnTo>
                    <a:pt x="1840" y="818"/>
                  </a:lnTo>
                  <a:lnTo>
                    <a:pt x="1717" y="878"/>
                  </a:lnTo>
                  <a:lnTo>
                    <a:pt x="1634" y="919"/>
                  </a:lnTo>
                  <a:lnTo>
                    <a:pt x="1356" y="474"/>
                  </a:lnTo>
                  <a:lnTo>
                    <a:pt x="1348" y="461"/>
                  </a:lnTo>
                  <a:lnTo>
                    <a:pt x="1350" y="462"/>
                  </a:lnTo>
                  <a:lnTo>
                    <a:pt x="1352" y="462"/>
                  </a:lnTo>
                  <a:lnTo>
                    <a:pt x="1354" y="463"/>
                  </a:lnTo>
                  <a:lnTo>
                    <a:pt x="1356" y="463"/>
                  </a:lnTo>
                  <a:lnTo>
                    <a:pt x="1371" y="466"/>
                  </a:lnTo>
                  <a:lnTo>
                    <a:pt x="1385" y="471"/>
                  </a:lnTo>
                  <a:lnTo>
                    <a:pt x="1399" y="476"/>
                  </a:lnTo>
                  <a:lnTo>
                    <a:pt x="1414" y="482"/>
                  </a:lnTo>
                  <a:lnTo>
                    <a:pt x="1444" y="496"/>
                  </a:lnTo>
                  <a:lnTo>
                    <a:pt x="1479" y="511"/>
                  </a:lnTo>
                  <a:lnTo>
                    <a:pt x="1450" y="472"/>
                  </a:lnTo>
                  <a:lnTo>
                    <a:pt x="1420" y="432"/>
                  </a:lnTo>
                  <a:lnTo>
                    <a:pt x="1389" y="392"/>
                  </a:lnTo>
                  <a:lnTo>
                    <a:pt x="1373" y="373"/>
                  </a:lnTo>
                  <a:lnTo>
                    <a:pt x="1356" y="352"/>
                  </a:lnTo>
                  <a:lnTo>
                    <a:pt x="1351" y="348"/>
                  </a:lnTo>
                  <a:lnTo>
                    <a:pt x="1347" y="343"/>
                  </a:lnTo>
                  <a:lnTo>
                    <a:pt x="1343" y="339"/>
                  </a:lnTo>
                  <a:lnTo>
                    <a:pt x="1339" y="335"/>
                  </a:lnTo>
                  <a:lnTo>
                    <a:pt x="1318" y="313"/>
                  </a:lnTo>
                  <a:lnTo>
                    <a:pt x="1297" y="292"/>
                  </a:lnTo>
                  <a:lnTo>
                    <a:pt x="1275" y="272"/>
                  </a:lnTo>
                  <a:lnTo>
                    <a:pt x="1252" y="253"/>
                  </a:lnTo>
                  <a:lnTo>
                    <a:pt x="1229" y="235"/>
                  </a:lnTo>
                  <a:lnTo>
                    <a:pt x="1216" y="226"/>
                  </a:lnTo>
                  <a:lnTo>
                    <a:pt x="1204" y="217"/>
                  </a:lnTo>
                  <a:lnTo>
                    <a:pt x="1179" y="201"/>
                  </a:lnTo>
                  <a:lnTo>
                    <a:pt x="1153" y="186"/>
                  </a:lnTo>
                  <a:lnTo>
                    <a:pt x="1134" y="176"/>
                  </a:lnTo>
                  <a:lnTo>
                    <a:pt x="1115" y="167"/>
                  </a:lnTo>
                  <a:lnTo>
                    <a:pt x="1106" y="162"/>
                  </a:lnTo>
                  <a:lnTo>
                    <a:pt x="1096" y="158"/>
                  </a:lnTo>
                  <a:lnTo>
                    <a:pt x="1076" y="150"/>
                  </a:lnTo>
                  <a:lnTo>
                    <a:pt x="1074" y="176"/>
                  </a:lnTo>
                  <a:lnTo>
                    <a:pt x="1072" y="202"/>
                  </a:lnTo>
                  <a:lnTo>
                    <a:pt x="1072" y="227"/>
                  </a:lnTo>
                  <a:lnTo>
                    <a:pt x="1073" y="253"/>
                  </a:lnTo>
                  <a:lnTo>
                    <a:pt x="1075" y="278"/>
                  </a:lnTo>
                  <a:lnTo>
                    <a:pt x="1078" y="303"/>
                  </a:lnTo>
                  <a:lnTo>
                    <a:pt x="1082" y="328"/>
                  </a:lnTo>
                  <a:lnTo>
                    <a:pt x="1087" y="353"/>
                  </a:lnTo>
                  <a:lnTo>
                    <a:pt x="1093" y="379"/>
                  </a:lnTo>
                  <a:lnTo>
                    <a:pt x="1100" y="403"/>
                  </a:lnTo>
                  <a:lnTo>
                    <a:pt x="1107" y="428"/>
                  </a:lnTo>
                  <a:lnTo>
                    <a:pt x="1115" y="452"/>
                  </a:lnTo>
                  <a:lnTo>
                    <a:pt x="1124" y="476"/>
                  </a:lnTo>
                  <a:lnTo>
                    <a:pt x="1133" y="500"/>
                  </a:lnTo>
                  <a:lnTo>
                    <a:pt x="1142" y="523"/>
                  </a:lnTo>
                  <a:lnTo>
                    <a:pt x="1153" y="547"/>
                  </a:lnTo>
                  <a:lnTo>
                    <a:pt x="1160" y="564"/>
                  </a:lnTo>
                  <a:lnTo>
                    <a:pt x="1168" y="581"/>
                  </a:lnTo>
                  <a:lnTo>
                    <a:pt x="1184" y="614"/>
                  </a:lnTo>
                  <a:lnTo>
                    <a:pt x="1200" y="647"/>
                  </a:lnTo>
                  <a:lnTo>
                    <a:pt x="1216" y="679"/>
                  </a:lnTo>
                  <a:lnTo>
                    <a:pt x="1225" y="640"/>
                  </a:lnTo>
                  <a:lnTo>
                    <a:pt x="1234" y="601"/>
                  </a:lnTo>
                  <a:lnTo>
                    <a:pt x="1239" y="582"/>
                  </a:lnTo>
                  <a:lnTo>
                    <a:pt x="1245" y="563"/>
                  </a:lnTo>
                  <a:lnTo>
                    <a:pt x="1251" y="544"/>
                  </a:lnTo>
                  <a:lnTo>
                    <a:pt x="1257" y="525"/>
                  </a:lnTo>
                  <a:lnTo>
                    <a:pt x="1297" y="596"/>
                  </a:lnTo>
                  <a:lnTo>
                    <a:pt x="1318" y="631"/>
                  </a:lnTo>
                  <a:lnTo>
                    <a:pt x="1339" y="667"/>
                  </a:lnTo>
                  <a:lnTo>
                    <a:pt x="1347" y="681"/>
                  </a:lnTo>
                  <a:lnTo>
                    <a:pt x="1351" y="689"/>
                  </a:lnTo>
                  <a:lnTo>
                    <a:pt x="1356" y="695"/>
                  </a:lnTo>
                  <a:lnTo>
                    <a:pt x="1397" y="766"/>
                  </a:lnTo>
                  <a:lnTo>
                    <a:pt x="1438" y="835"/>
                  </a:lnTo>
                  <a:lnTo>
                    <a:pt x="1481" y="904"/>
                  </a:lnTo>
                  <a:lnTo>
                    <a:pt x="1523" y="972"/>
                  </a:lnTo>
                  <a:lnTo>
                    <a:pt x="1356" y="1054"/>
                  </a:lnTo>
                  <a:lnTo>
                    <a:pt x="1339" y="1052"/>
                  </a:lnTo>
                  <a:lnTo>
                    <a:pt x="1186" y="1025"/>
                  </a:lnTo>
                  <a:lnTo>
                    <a:pt x="1153" y="1041"/>
                  </a:lnTo>
                  <a:lnTo>
                    <a:pt x="1023" y="1103"/>
                  </a:lnTo>
                  <a:close/>
                  <a:moveTo>
                    <a:pt x="2250" y="974"/>
                  </a:moveTo>
                  <a:lnTo>
                    <a:pt x="2243" y="974"/>
                  </a:lnTo>
                  <a:lnTo>
                    <a:pt x="2235" y="975"/>
                  </a:lnTo>
                  <a:lnTo>
                    <a:pt x="2221" y="977"/>
                  </a:lnTo>
                  <a:lnTo>
                    <a:pt x="2207" y="980"/>
                  </a:lnTo>
                  <a:lnTo>
                    <a:pt x="2193" y="984"/>
                  </a:lnTo>
                  <a:lnTo>
                    <a:pt x="2180" y="990"/>
                  </a:lnTo>
                  <a:lnTo>
                    <a:pt x="2167" y="996"/>
                  </a:lnTo>
                  <a:lnTo>
                    <a:pt x="2155" y="1003"/>
                  </a:lnTo>
                  <a:lnTo>
                    <a:pt x="2149" y="1007"/>
                  </a:lnTo>
                  <a:lnTo>
                    <a:pt x="2143" y="1012"/>
                  </a:lnTo>
                  <a:lnTo>
                    <a:pt x="2131" y="1021"/>
                  </a:lnTo>
                  <a:lnTo>
                    <a:pt x="2121" y="1031"/>
                  </a:lnTo>
                  <a:lnTo>
                    <a:pt x="2111" y="1042"/>
                  </a:lnTo>
                  <a:lnTo>
                    <a:pt x="2103" y="1053"/>
                  </a:lnTo>
                  <a:lnTo>
                    <a:pt x="2095" y="1066"/>
                  </a:lnTo>
                  <a:lnTo>
                    <a:pt x="2088" y="1079"/>
                  </a:lnTo>
                  <a:lnTo>
                    <a:pt x="2085" y="1085"/>
                  </a:lnTo>
                  <a:lnTo>
                    <a:pt x="2082" y="1092"/>
                  </a:lnTo>
                  <a:lnTo>
                    <a:pt x="2079" y="1099"/>
                  </a:lnTo>
                  <a:lnTo>
                    <a:pt x="2077" y="1107"/>
                  </a:lnTo>
                  <a:lnTo>
                    <a:pt x="2075" y="1116"/>
                  </a:lnTo>
                  <a:lnTo>
                    <a:pt x="2073" y="1126"/>
                  </a:lnTo>
                  <a:lnTo>
                    <a:pt x="2071" y="1136"/>
                  </a:lnTo>
                  <a:lnTo>
                    <a:pt x="2070" y="1145"/>
                  </a:lnTo>
                  <a:lnTo>
                    <a:pt x="2070" y="1154"/>
                  </a:lnTo>
                  <a:lnTo>
                    <a:pt x="2070" y="1164"/>
                  </a:lnTo>
                  <a:lnTo>
                    <a:pt x="2070" y="1173"/>
                  </a:lnTo>
                  <a:lnTo>
                    <a:pt x="2071" y="1182"/>
                  </a:lnTo>
                  <a:lnTo>
                    <a:pt x="2074" y="1200"/>
                  </a:lnTo>
                  <a:lnTo>
                    <a:pt x="2075" y="1204"/>
                  </a:lnTo>
                  <a:lnTo>
                    <a:pt x="2076" y="1209"/>
                  </a:lnTo>
                  <a:lnTo>
                    <a:pt x="2079" y="1217"/>
                  </a:lnTo>
                  <a:lnTo>
                    <a:pt x="2082" y="1226"/>
                  </a:lnTo>
                  <a:lnTo>
                    <a:pt x="2085" y="1234"/>
                  </a:lnTo>
                  <a:lnTo>
                    <a:pt x="2089" y="1242"/>
                  </a:lnTo>
                  <a:lnTo>
                    <a:pt x="2093" y="1250"/>
                  </a:lnTo>
                  <a:lnTo>
                    <a:pt x="2098" y="1258"/>
                  </a:lnTo>
                  <a:lnTo>
                    <a:pt x="2102" y="1266"/>
                  </a:lnTo>
                  <a:lnTo>
                    <a:pt x="2108" y="1273"/>
                  </a:lnTo>
                  <a:lnTo>
                    <a:pt x="2113" y="1280"/>
                  </a:lnTo>
                  <a:lnTo>
                    <a:pt x="2119" y="1287"/>
                  </a:lnTo>
                  <a:lnTo>
                    <a:pt x="2125" y="1293"/>
                  </a:lnTo>
                  <a:lnTo>
                    <a:pt x="2132" y="1300"/>
                  </a:lnTo>
                  <a:lnTo>
                    <a:pt x="2140" y="1306"/>
                  </a:lnTo>
                  <a:lnTo>
                    <a:pt x="2147" y="1311"/>
                  </a:lnTo>
                  <a:lnTo>
                    <a:pt x="2155" y="1316"/>
                  </a:lnTo>
                  <a:lnTo>
                    <a:pt x="2162" y="1321"/>
                  </a:lnTo>
                  <a:lnTo>
                    <a:pt x="2171" y="1326"/>
                  </a:lnTo>
                  <a:lnTo>
                    <a:pt x="2179" y="1330"/>
                  </a:lnTo>
                  <a:lnTo>
                    <a:pt x="2188" y="1334"/>
                  </a:lnTo>
                  <a:lnTo>
                    <a:pt x="2197" y="1337"/>
                  </a:lnTo>
                  <a:lnTo>
                    <a:pt x="2206" y="1340"/>
                  </a:lnTo>
                  <a:lnTo>
                    <a:pt x="2211" y="1341"/>
                  </a:lnTo>
                  <a:lnTo>
                    <a:pt x="2216" y="1342"/>
                  </a:lnTo>
                  <a:lnTo>
                    <a:pt x="2227" y="1344"/>
                  </a:lnTo>
                  <a:lnTo>
                    <a:pt x="2250" y="1347"/>
                  </a:lnTo>
                  <a:lnTo>
                    <a:pt x="2266" y="1347"/>
                  </a:lnTo>
                  <a:lnTo>
                    <a:pt x="2273" y="1346"/>
                  </a:lnTo>
                  <a:lnTo>
                    <a:pt x="2281" y="1345"/>
                  </a:lnTo>
                  <a:lnTo>
                    <a:pt x="2296" y="1342"/>
                  </a:lnTo>
                  <a:lnTo>
                    <a:pt x="2311" y="1338"/>
                  </a:lnTo>
                  <a:lnTo>
                    <a:pt x="2325" y="1333"/>
                  </a:lnTo>
                  <a:lnTo>
                    <a:pt x="2339" y="1327"/>
                  </a:lnTo>
                  <a:lnTo>
                    <a:pt x="2352" y="1320"/>
                  </a:lnTo>
                  <a:lnTo>
                    <a:pt x="2365" y="1311"/>
                  </a:lnTo>
                  <a:lnTo>
                    <a:pt x="2371" y="1307"/>
                  </a:lnTo>
                  <a:lnTo>
                    <a:pt x="2377" y="1302"/>
                  </a:lnTo>
                  <a:lnTo>
                    <a:pt x="2383" y="1297"/>
                  </a:lnTo>
                  <a:lnTo>
                    <a:pt x="2388" y="1292"/>
                  </a:lnTo>
                  <a:lnTo>
                    <a:pt x="2399" y="1280"/>
                  </a:lnTo>
                  <a:lnTo>
                    <a:pt x="2408" y="1268"/>
                  </a:lnTo>
                  <a:lnTo>
                    <a:pt x="2413" y="1262"/>
                  </a:lnTo>
                  <a:lnTo>
                    <a:pt x="2417" y="1255"/>
                  </a:lnTo>
                  <a:lnTo>
                    <a:pt x="2421" y="1248"/>
                  </a:lnTo>
                  <a:lnTo>
                    <a:pt x="2424" y="1241"/>
                  </a:lnTo>
                  <a:lnTo>
                    <a:pt x="2431" y="1226"/>
                  </a:lnTo>
                  <a:lnTo>
                    <a:pt x="2434" y="1218"/>
                  </a:lnTo>
                  <a:lnTo>
                    <a:pt x="2436" y="1211"/>
                  </a:lnTo>
                  <a:lnTo>
                    <a:pt x="2439" y="1201"/>
                  </a:lnTo>
                  <a:lnTo>
                    <a:pt x="2440" y="1192"/>
                  </a:lnTo>
                  <a:lnTo>
                    <a:pt x="2442" y="1183"/>
                  </a:lnTo>
                  <a:lnTo>
                    <a:pt x="2443" y="1174"/>
                  </a:lnTo>
                  <a:lnTo>
                    <a:pt x="2443" y="1165"/>
                  </a:lnTo>
                  <a:lnTo>
                    <a:pt x="2443" y="1155"/>
                  </a:lnTo>
                  <a:lnTo>
                    <a:pt x="2443" y="1146"/>
                  </a:lnTo>
                  <a:lnTo>
                    <a:pt x="2442" y="1137"/>
                  </a:lnTo>
                  <a:lnTo>
                    <a:pt x="2441" y="1128"/>
                  </a:lnTo>
                  <a:lnTo>
                    <a:pt x="2439" y="1120"/>
                  </a:lnTo>
                  <a:lnTo>
                    <a:pt x="2437" y="1110"/>
                  </a:lnTo>
                  <a:lnTo>
                    <a:pt x="2434" y="1101"/>
                  </a:lnTo>
                  <a:lnTo>
                    <a:pt x="2431" y="1093"/>
                  </a:lnTo>
                  <a:lnTo>
                    <a:pt x="2427" y="1084"/>
                  </a:lnTo>
                  <a:lnTo>
                    <a:pt x="2424" y="1076"/>
                  </a:lnTo>
                  <a:lnTo>
                    <a:pt x="2420" y="1068"/>
                  </a:lnTo>
                  <a:lnTo>
                    <a:pt x="2415" y="1061"/>
                  </a:lnTo>
                  <a:lnTo>
                    <a:pt x="2410" y="1053"/>
                  </a:lnTo>
                  <a:lnTo>
                    <a:pt x="2405" y="1046"/>
                  </a:lnTo>
                  <a:lnTo>
                    <a:pt x="2399" y="1039"/>
                  </a:lnTo>
                  <a:lnTo>
                    <a:pt x="2393" y="1032"/>
                  </a:lnTo>
                  <a:lnTo>
                    <a:pt x="2387" y="1025"/>
                  </a:lnTo>
                  <a:lnTo>
                    <a:pt x="2380" y="1019"/>
                  </a:lnTo>
                  <a:lnTo>
                    <a:pt x="2374" y="1013"/>
                  </a:lnTo>
                  <a:lnTo>
                    <a:pt x="2366" y="1008"/>
                  </a:lnTo>
                  <a:lnTo>
                    <a:pt x="2359" y="1003"/>
                  </a:lnTo>
                  <a:lnTo>
                    <a:pt x="2351" y="998"/>
                  </a:lnTo>
                  <a:lnTo>
                    <a:pt x="2343" y="993"/>
                  </a:lnTo>
                  <a:lnTo>
                    <a:pt x="2335" y="989"/>
                  </a:lnTo>
                  <a:lnTo>
                    <a:pt x="2326" y="985"/>
                  </a:lnTo>
                  <a:lnTo>
                    <a:pt x="2318" y="982"/>
                  </a:lnTo>
                  <a:lnTo>
                    <a:pt x="2309" y="979"/>
                  </a:lnTo>
                  <a:lnTo>
                    <a:pt x="2301" y="977"/>
                  </a:lnTo>
                  <a:lnTo>
                    <a:pt x="2294" y="976"/>
                  </a:lnTo>
                  <a:lnTo>
                    <a:pt x="2286" y="975"/>
                  </a:lnTo>
                  <a:lnTo>
                    <a:pt x="2279" y="974"/>
                  </a:lnTo>
                  <a:lnTo>
                    <a:pt x="2264" y="973"/>
                  </a:lnTo>
                  <a:lnTo>
                    <a:pt x="2250" y="974"/>
                  </a:lnTo>
                  <a:close/>
                  <a:moveTo>
                    <a:pt x="2250" y="812"/>
                  </a:moveTo>
                  <a:lnTo>
                    <a:pt x="2213" y="838"/>
                  </a:lnTo>
                  <a:lnTo>
                    <a:pt x="2176" y="862"/>
                  </a:lnTo>
                  <a:lnTo>
                    <a:pt x="2183" y="837"/>
                  </a:lnTo>
                  <a:lnTo>
                    <a:pt x="2189" y="813"/>
                  </a:lnTo>
                  <a:lnTo>
                    <a:pt x="2194" y="789"/>
                  </a:lnTo>
                  <a:lnTo>
                    <a:pt x="2199" y="765"/>
                  </a:lnTo>
                  <a:lnTo>
                    <a:pt x="2224" y="751"/>
                  </a:lnTo>
                  <a:lnTo>
                    <a:pt x="2250" y="738"/>
                  </a:lnTo>
                  <a:lnTo>
                    <a:pt x="2278" y="722"/>
                  </a:lnTo>
                  <a:lnTo>
                    <a:pt x="2307" y="706"/>
                  </a:lnTo>
                  <a:lnTo>
                    <a:pt x="2303" y="703"/>
                  </a:lnTo>
                  <a:lnTo>
                    <a:pt x="2300" y="700"/>
                  </a:lnTo>
                  <a:lnTo>
                    <a:pt x="2293" y="695"/>
                  </a:lnTo>
                  <a:lnTo>
                    <a:pt x="2278" y="687"/>
                  </a:lnTo>
                  <a:lnTo>
                    <a:pt x="2264" y="695"/>
                  </a:lnTo>
                  <a:lnTo>
                    <a:pt x="2250" y="703"/>
                  </a:lnTo>
                  <a:lnTo>
                    <a:pt x="2201" y="728"/>
                  </a:lnTo>
                  <a:lnTo>
                    <a:pt x="2153" y="753"/>
                  </a:lnTo>
                  <a:lnTo>
                    <a:pt x="2104" y="779"/>
                  </a:lnTo>
                  <a:lnTo>
                    <a:pt x="2056" y="805"/>
                  </a:lnTo>
                  <a:lnTo>
                    <a:pt x="2033" y="759"/>
                  </a:lnTo>
                  <a:lnTo>
                    <a:pt x="2154" y="701"/>
                  </a:lnTo>
                  <a:lnTo>
                    <a:pt x="2188" y="685"/>
                  </a:lnTo>
                  <a:lnTo>
                    <a:pt x="2177" y="677"/>
                  </a:lnTo>
                  <a:lnTo>
                    <a:pt x="2167" y="669"/>
                  </a:lnTo>
                  <a:lnTo>
                    <a:pt x="2156" y="663"/>
                  </a:lnTo>
                  <a:lnTo>
                    <a:pt x="2145" y="658"/>
                  </a:lnTo>
                  <a:lnTo>
                    <a:pt x="2133" y="653"/>
                  </a:lnTo>
                  <a:lnTo>
                    <a:pt x="2122" y="649"/>
                  </a:lnTo>
                  <a:lnTo>
                    <a:pt x="2110" y="645"/>
                  </a:lnTo>
                  <a:lnTo>
                    <a:pt x="2098" y="642"/>
                  </a:lnTo>
                  <a:lnTo>
                    <a:pt x="2116" y="636"/>
                  </a:lnTo>
                  <a:lnTo>
                    <a:pt x="2135" y="630"/>
                  </a:lnTo>
                  <a:lnTo>
                    <a:pt x="2154" y="624"/>
                  </a:lnTo>
                  <a:lnTo>
                    <a:pt x="2173" y="618"/>
                  </a:lnTo>
                  <a:lnTo>
                    <a:pt x="2212" y="608"/>
                  </a:lnTo>
                  <a:lnTo>
                    <a:pt x="2250" y="600"/>
                  </a:lnTo>
                  <a:lnTo>
                    <a:pt x="2277" y="595"/>
                  </a:lnTo>
                  <a:lnTo>
                    <a:pt x="2303" y="591"/>
                  </a:lnTo>
                  <a:lnTo>
                    <a:pt x="2317" y="589"/>
                  </a:lnTo>
                  <a:lnTo>
                    <a:pt x="2330" y="587"/>
                  </a:lnTo>
                  <a:lnTo>
                    <a:pt x="2357" y="585"/>
                  </a:lnTo>
                  <a:lnTo>
                    <a:pt x="2384" y="584"/>
                  </a:lnTo>
                  <a:lnTo>
                    <a:pt x="2411" y="584"/>
                  </a:lnTo>
                  <a:lnTo>
                    <a:pt x="2424" y="584"/>
                  </a:lnTo>
                  <a:lnTo>
                    <a:pt x="2438" y="585"/>
                  </a:lnTo>
                  <a:lnTo>
                    <a:pt x="2464" y="587"/>
                  </a:lnTo>
                  <a:lnTo>
                    <a:pt x="2455" y="604"/>
                  </a:lnTo>
                  <a:lnTo>
                    <a:pt x="2444" y="620"/>
                  </a:lnTo>
                  <a:lnTo>
                    <a:pt x="2433" y="636"/>
                  </a:lnTo>
                  <a:lnTo>
                    <a:pt x="2421" y="651"/>
                  </a:lnTo>
                  <a:lnTo>
                    <a:pt x="2409" y="666"/>
                  </a:lnTo>
                  <a:lnTo>
                    <a:pt x="2396" y="681"/>
                  </a:lnTo>
                  <a:lnTo>
                    <a:pt x="2383" y="696"/>
                  </a:lnTo>
                  <a:lnTo>
                    <a:pt x="2369" y="710"/>
                  </a:lnTo>
                  <a:lnTo>
                    <a:pt x="2341" y="737"/>
                  </a:lnTo>
                  <a:lnTo>
                    <a:pt x="2326" y="751"/>
                  </a:lnTo>
                  <a:lnTo>
                    <a:pt x="2311" y="764"/>
                  </a:lnTo>
                  <a:lnTo>
                    <a:pt x="2296" y="776"/>
                  </a:lnTo>
                  <a:lnTo>
                    <a:pt x="2281" y="789"/>
                  </a:lnTo>
                  <a:lnTo>
                    <a:pt x="2266" y="801"/>
                  </a:lnTo>
                  <a:lnTo>
                    <a:pt x="2250" y="812"/>
                  </a:lnTo>
                  <a:close/>
                  <a:moveTo>
                    <a:pt x="2250" y="31"/>
                  </a:moveTo>
                  <a:lnTo>
                    <a:pt x="2234" y="21"/>
                  </a:lnTo>
                  <a:lnTo>
                    <a:pt x="2227" y="16"/>
                  </a:lnTo>
                  <a:lnTo>
                    <a:pt x="2220" y="10"/>
                  </a:lnTo>
                  <a:lnTo>
                    <a:pt x="2250" y="10"/>
                  </a:lnTo>
                  <a:lnTo>
                    <a:pt x="2553" y="10"/>
                  </a:lnTo>
                  <a:lnTo>
                    <a:pt x="2553" y="351"/>
                  </a:lnTo>
                  <a:lnTo>
                    <a:pt x="2546" y="339"/>
                  </a:lnTo>
                  <a:lnTo>
                    <a:pt x="2538" y="327"/>
                  </a:lnTo>
                  <a:lnTo>
                    <a:pt x="2523" y="305"/>
                  </a:lnTo>
                  <a:lnTo>
                    <a:pt x="2507" y="282"/>
                  </a:lnTo>
                  <a:lnTo>
                    <a:pt x="2490" y="260"/>
                  </a:lnTo>
                  <a:lnTo>
                    <a:pt x="2482" y="249"/>
                  </a:lnTo>
                  <a:lnTo>
                    <a:pt x="2473" y="239"/>
                  </a:lnTo>
                  <a:lnTo>
                    <a:pt x="2455" y="218"/>
                  </a:lnTo>
                  <a:lnTo>
                    <a:pt x="2437" y="197"/>
                  </a:lnTo>
                  <a:lnTo>
                    <a:pt x="2418" y="176"/>
                  </a:lnTo>
                  <a:lnTo>
                    <a:pt x="2399" y="157"/>
                  </a:lnTo>
                  <a:lnTo>
                    <a:pt x="2379" y="137"/>
                  </a:lnTo>
                  <a:lnTo>
                    <a:pt x="2359" y="118"/>
                  </a:lnTo>
                  <a:lnTo>
                    <a:pt x="2338" y="100"/>
                  </a:lnTo>
                  <a:lnTo>
                    <a:pt x="2317" y="82"/>
                  </a:lnTo>
                  <a:lnTo>
                    <a:pt x="2295" y="65"/>
                  </a:lnTo>
                  <a:lnTo>
                    <a:pt x="2273" y="48"/>
                  </a:lnTo>
                  <a:lnTo>
                    <a:pt x="2250" y="31"/>
                  </a:lnTo>
                  <a:close/>
                  <a:moveTo>
                    <a:pt x="2730" y="1347"/>
                  </a:moveTo>
                  <a:lnTo>
                    <a:pt x="2776" y="1335"/>
                  </a:lnTo>
                  <a:lnTo>
                    <a:pt x="2780" y="1349"/>
                  </a:lnTo>
                  <a:lnTo>
                    <a:pt x="2785" y="1362"/>
                  </a:lnTo>
                  <a:lnTo>
                    <a:pt x="2791" y="1375"/>
                  </a:lnTo>
                  <a:lnTo>
                    <a:pt x="2797" y="1386"/>
                  </a:lnTo>
                  <a:lnTo>
                    <a:pt x="2804" y="1397"/>
                  </a:lnTo>
                  <a:lnTo>
                    <a:pt x="2812" y="1406"/>
                  </a:lnTo>
                  <a:lnTo>
                    <a:pt x="2821" y="1415"/>
                  </a:lnTo>
                  <a:lnTo>
                    <a:pt x="2825" y="1418"/>
                  </a:lnTo>
                  <a:lnTo>
                    <a:pt x="2830" y="1422"/>
                  </a:lnTo>
                  <a:lnTo>
                    <a:pt x="2840" y="1429"/>
                  </a:lnTo>
                  <a:lnTo>
                    <a:pt x="2851" y="1434"/>
                  </a:lnTo>
                  <a:lnTo>
                    <a:pt x="2862" y="1439"/>
                  </a:lnTo>
                  <a:lnTo>
                    <a:pt x="2868" y="1441"/>
                  </a:lnTo>
                  <a:lnTo>
                    <a:pt x="2874" y="1443"/>
                  </a:lnTo>
                  <a:lnTo>
                    <a:pt x="2881" y="1445"/>
                  </a:lnTo>
                  <a:lnTo>
                    <a:pt x="2888" y="1446"/>
                  </a:lnTo>
                  <a:lnTo>
                    <a:pt x="2901" y="1448"/>
                  </a:lnTo>
                  <a:lnTo>
                    <a:pt x="2916" y="1449"/>
                  </a:lnTo>
                  <a:lnTo>
                    <a:pt x="2932" y="1450"/>
                  </a:lnTo>
                  <a:lnTo>
                    <a:pt x="2944" y="1449"/>
                  </a:lnTo>
                  <a:lnTo>
                    <a:pt x="2956" y="1448"/>
                  </a:lnTo>
                  <a:lnTo>
                    <a:pt x="2962" y="1447"/>
                  </a:lnTo>
                  <a:lnTo>
                    <a:pt x="2968" y="1446"/>
                  </a:lnTo>
                  <a:lnTo>
                    <a:pt x="2978" y="1442"/>
                  </a:lnTo>
                  <a:lnTo>
                    <a:pt x="2988" y="1438"/>
                  </a:lnTo>
                  <a:lnTo>
                    <a:pt x="2997" y="1433"/>
                  </a:lnTo>
                  <a:lnTo>
                    <a:pt x="3006" y="1428"/>
                  </a:lnTo>
                  <a:lnTo>
                    <a:pt x="3013" y="1421"/>
                  </a:lnTo>
                  <a:lnTo>
                    <a:pt x="3017" y="1418"/>
                  </a:lnTo>
                  <a:lnTo>
                    <a:pt x="3020" y="1414"/>
                  </a:lnTo>
                  <a:lnTo>
                    <a:pt x="3023" y="1410"/>
                  </a:lnTo>
                  <a:lnTo>
                    <a:pt x="3026" y="1406"/>
                  </a:lnTo>
                  <a:lnTo>
                    <a:pt x="3031" y="1397"/>
                  </a:lnTo>
                  <a:lnTo>
                    <a:pt x="3036" y="1388"/>
                  </a:lnTo>
                  <a:lnTo>
                    <a:pt x="3037" y="1383"/>
                  </a:lnTo>
                  <a:lnTo>
                    <a:pt x="3039" y="1378"/>
                  </a:lnTo>
                  <a:lnTo>
                    <a:pt x="3041" y="1367"/>
                  </a:lnTo>
                  <a:lnTo>
                    <a:pt x="3042" y="1361"/>
                  </a:lnTo>
                  <a:lnTo>
                    <a:pt x="3043" y="1355"/>
                  </a:lnTo>
                  <a:lnTo>
                    <a:pt x="3043" y="1343"/>
                  </a:lnTo>
                  <a:lnTo>
                    <a:pt x="3043" y="1337"/>
                  </a:lnTo>
                  <a:lnTo>
                    <a:pt x="3043" y="1331"/>
                  </a:lnTo>
                  <a:lnTo>
                    <a:pt x="3041" y="1325"/>
                  </a:lnTo>
                  <a:lnTo>
                    <a:pt x="3040" y="1319"/>
                  </a:lnTo>
                  <a:lnTo>
                    <a:pt x="3038" y="1314"/>
                  </a:lnTo>
                  <a:lnTo>
                    <a:pt x="3036" y="1308"/>
                  </a:lnTo>
                  <a:lnTo>
                    <a:pt x="3033" y="1303"/>
                  </a:lnTo>
                  <a:lnTo>
                    <a:pt x="3031" y="1299"/>
                  </a:lnTo>
                  <a:lnTo>
                    <a:pt x="3024" y="1290"/>
                  </a:lnTo>
                  <a:lnTo>
                    <a:pt x="3016" y="1282"/>
                  </a:lnTo>
                  <a:lnTo>
                    <a:pt x="3007" y="1274"/>
                  </a:lnTo>
                  <a:lnTo>
                    <a:pt x="3002" y="1271"/>
                  </a:lnTo>
                  <a:lnTo>
                    <a:pt x="2997" y="1267"/>
                  </a:lnTo>
                  <a:lnTo>
                    <a:pt x="2986" y="1261"/>
                  </a:lnTo>
                  <a:lnTo>
                    <a:pt x="2974" y="1255"/>
                  </a:lnTo>
                  <a:lnTo>
                    <a:pt x="2962" y="1250"/>
                  </a:lnTo>
                  <a:lnTo>
                    <a:pt x="2949" y="1244"/>
                  </a:lnTo>
                  <a:lnTo>
                    <a:pt x="2936" y="1239"/>
                  </a:lnTo>
                  <a:lnTo>
                    <a:pt x="2922" y="1235"/>
                  </a:lnTo>
                  <a:lnTo>
                    <a:pt x="2894" y="1225"/>
                  </a:lnTo>
                  <a:lnTo>
                    <a:pt x="2867" y="1215"/>
                  </a:lnTo>
                  <a:lnTo>
                    <a:pt x="2853" y="1210"/>
                  </a:lnTo>
                  <a:lnTo>
                    <a:pt x="2840" y="1204"/>
                  </a:lnTo>
                  <a:lnTo>
                    <a:pt x="2827" y="1198"/>
                  </a:lnTo>
                  <a:lnTo>
                    <a:pt x="2815" y="1191"/>
                  </a:lnTo>
                  <a:lnTo>
                    <a:pt x="2803" y="1184"/>
                  </a:lnTo>
                  <a:lnTo>
                    <a:pt x="2792" y="1176"/>
                  </a:lnTo>
                  <a:lnTo>
                    <a:pt x="2782" y="1168"/>
                  </a:lnTo>
                  <a:lnTo>
                    <a:pt x="2777" y="1163"/>
                  </a:lnTo>
                  <a:lnTo>
                    <a:pt x="2773" y="1158"/>
                  </a:lnTo>
                  <a:lnTo>
                    <a:pt x="2765" y="1148"/>
                  </a:lnTo>
                  <a:lnTo>
                    <a:pt x="2762" y="1143"/>
                  </a:lnTo>
                  <a:lnTo>
                    <a:pt x="2758" y="1137"/>
                  </a:lnTo>
                  <a:lnTo>
                    <a:pt x="2753" y="1125"/>
                  </a:lnTo>
                  <a:lnTo>
                    <a:pt x="2751" y="1117"/>
                  </a:lnTo>
                  <a:lnTo>
                    <a:pt x="2748" y="1110"/>
                  </a:lnTo>
                  <a:lnTo>
                    <a:pt x="2746" y="1103"/>
                  </a:lnTo>
                  <a:lnTo>
                    <a:pt x="2745" y="1096"/>
                  </a:lnTo>
                  <a:lnTo>
                    <a:pt x="2745" y="1088"/>
                  </a:lnTo>
                  <a:lnTo>
                    <a:pt x="2745" y="1080"/>
                  </a:lnTo>
                  <a:lnTo>
                    <a:pt x="2745" y="1073"/>
                  </a:lnTo>
                  <a:lnTo>
                    <a:pt x="2745" y="1065"/>
                  </a:lnTo>
                  <a:lnTo>
                    <a:pt x="2746" y="1058"/>
                  </a:lnTo>
                  <a:lnTo>
                    <a:pt x="2747" y="1051"/>
                  </a:lnTo>
                  <a:lnTo>
                    <a:pt x="2750" y="1044"/>
                  </a:lnTo>
                  <a:lnTo>
                    <a:pt x="2751" y="1037"/>
                  </a:lnTo>
                  <a:lnTo>
                    <a:pt x="2753" y="1031"/>
                  </a:lnTo>
                  <a:lnTo>
                    <a:pt x="2756" y="1024"/>
                  </a:lnTo>
                  <a:lnTo>
                    <a:pt x="2758" y="1018"/>
                  </a:lnTo>
                  <a:lnTo>
                    <a:pt x="2761" y="1012"/>
                  </a:lnTo>
                  <a:lnTo>
                    <a:pt x="2765" y="1006"/>
                  </a:lnTo>
                  <a:lnTo>
                    <a:pt x="2768" y="1000"/>
                  </a:lnTo>
                  <a:lnTo>
                    <a:pt x="2772" y="995"/>
                  </a:lnTo>
                  <a:lnTo>
                    <a:pt x="2777" y="989"/>
                  </a:lnTo>
                  <a:lnTo>
                    <a:pt x="2786" y="979"/>
                  </a:lnTo>
                  <a:lnTo>
                    <a:pt x="2791" y="975"/>
                  </a:lnTo>
                  <a:lnTo>
                    <a:pt x="2796" y="970"/>
                  </a:lnTo>
                  <a:lnTo>
                    <a:pt x="2808" y="962"/>
                  </a:lnTo>
                  <a:lnTo>
                    <a:pt x="2815" y="958"/>
                  </a:lnTo>
                  <a:lnTo>
                    <a:pt x="2821" y="955"/>
                  </a:lnTo>
                  <a:lnTo>
                    <a:pt x="2828" y="952"/>
                  </a:lnTo>
                  <a:lnTo>
                    <a:pt x="2835" y="949"/>
                  </a:lnTo>
                  <a:lnTo>
                    <a:pt x="2851" y="945"/>
                  </a:lnTo>
                  <a:lnTo>
                    <a:pt x="2867" y="941"/>
                  </a:lnTo>
                  <a:lnTo>
                    <a:pt x="2876" y="940"/>
                  </a:lnTo>
                  <a:lnTo>
                    <a:pt x="2885" y="939"/>
                  </a:lnTo>
                  <a:lnTo>
                    <a:pt x="2894" y="938"/>
                  </a:lnTo>
                  <a:lnTo>
                    <a:pt x="2903" y="938"/>
                  </a:lnTo>
                  <a:lnTo>
                    <a:pt x="2919" y="939"/>
                  </a:lnTo>
                  <a:lnTo>
                    <a:pt x="2935" y="941"/>
                  </a:lnTo>
                  <a:lnTo>
                    <a:pt x="2949" y="943"/>
                  </a:lnTo>
                  <a:lnTo>
                    <a:pt x="2957" y="945"/>
                  </a:lnTo>
                  <a:lnTo>
                    <a:pt x="2964" y="947"/>
                  </a:lnTo>
                  <a:lnTo>
                    <a:pt x="2977" y="952"/>
                  </a:lnTo>
                  <a:lnTo>
                    <a:pt x="2984" y="955"/>
                  </a:lnTo>
                  <a:lnTo>
                    <a:pt x="2990" y="958"/>
                  </a:lnTo>
                  <a:lnTo>
                    <a:pt x="3002" y="965"/>
                  </a:lnTo>
                  <a:lnTo>
                    <a:pt x="3013" y="973"/>
                  </a:lnTo>
                  <a:lnTo>
                    <a:pt x="3019" y="978"/>
                  </a:lnTo>
                  <a:lnTo>
                    <a:pt x="3024" y="982"/>
                  </a:lnTo>
                  <a:lnTo>
                    <a:pt x="3034" y="992"/>
                  </a:lnTo>
                  <a:lnTo>
                    <a:pt x="3043" y="1003"/>
                  </a:lnTo>
                  <a:lnTo>
                    <a:pt x="3052" y="1015"/>
                  </a:lnTo>
                  <a:lnTo>
                    <a:pt x="3056" y="1021"/>
                  </a:lnTo>
                  <a:lnTo>
                    <a:pt x="3059" y="1027"/>
                  </a:lnTo>
                  <a:lnTo>
                    <a:pt x="3063" y="1034"/>
                  </a:lnTo>
                  <a:lnTo>
                    <a:pt x="3066" y="1040"/>
                  </a:lnTo>
                  <a:lnTo>
                    <a:pt x="3072" y="1055"/>
                  </a:lnTo>
                  <a:lnTo>
                    <a:pt x="3077" y="1069"/>
                  </a:lnTo>
                  <a:lnTo>
                    <a:pt x="3035" y="1082"/>
                  </a:lnTo>
                  <a:lnTo>
                    <a:pt x="3031" y="1071"/>
                  </a:lnTo>
                  <a:lnTo>
                    <a:pt x="3026" y="1061"/>
                  </a:lnTo>
                  <a:lnTo>
                    <a:pt x="3021" y="1051"/>
                  </a:lnTo>
                  <a:lnTo>
                    <a:pt x="3016" y="1041"/>
                  </a:lnTo>
                  <a:lnTo>
                    <a:pt x="3009" y="1033"/>
                  </a:lnTo>
                  <a:lnTo>
                    <a:pt x="3003" y="1024"/>
                  </a:lnTo>
                  <a:lnTo>
                    <a:pt x="2995" y="1016"/>
                  </a:lnTo>
                  <a:lnTo>
                    <a:pt x="2988" y="1009"/>
                  </a:lnTo>
                  <a:lnTo>
                    <a:pt x="2979" y="1003"/>
                  </a:lnTo>
                  <a:lnTo>
                    <a:pt x="2970" y="997"/>
                  </a:lnTo>
                  <a:lnTo>
                    <a:pt x="2960" y="992"/>
                  </a:lnTo>
                  <a:lnTo>
                    <a:pt x="2950" y="988"/>
                  </a:lnTo>
                  <a:lnTo>
                    <a:pt x="2939" y="985"/>
                  </a:lnTo>
                  <a:lnTo>
                    <a:pt x="2934" y="984"/>
                  </a:lnTo>
                  <a:lnTo>
                    <a:pt x="2928" y="983"/>
                  </a:lnTo>
                  <a:lnTo>
                    <a:pt x="2916" y="981"/>
                  </a:lnTo>
                  <a:lnTo>
                    <a:pt x="2903" y="981"/>
                  </a:lnTo>
                  <a:lnTo>
                    <a:pt x="2892" y="981"/>
                  </a:lnTo>
                  <a:lnTo>
                    <a:pt x="2880" y="982"/>
                  </a:lnTo>
                  <a:lnTo>
                    <a:pt x="2869" y="985"/>
                  </a:lnTo>
                  <a:lnTo>
                    <a:pt x="2859" y="987"/>
                  </a:lnTo>
                  <a:lnTo>
                    <a:pt x="2850" y="991"/>
                  </a:lnTo>
                  <a:lnTo>
                    <a:pt x="2845" y="993"/>
                  </a:lnTo>
                  <a:lnTo>
                    <a:pt x="2841" y="995"/>
                  </a:lnTo>
                  <a:lnTo>
                    <a:pt x="2836" y="998"/>
                  </a:lnTo>
                  <a:lnTo>
                    <a:pt x="2832" y="1001"/>
                  </a:lnTo>
                  <a:lnTo>
                    <a:pt x="2828" y="1003"/>
                  </a:lnTo>
                  <a:lnTo>
                    <a:pt x="2824" y="1007"/>
                  </a:lnTo>
                  <a:lnTo>
                    <a:pt x="2821" y="1010"/>
                  </a:lnTo>
                  <a:lnTo>
                    <a:pt x="2818" y="1013"/>
                  </a:lnTo>
                  <a:lnTo>
                    <a:pt x="2814" y="1017"/>
                  </a:lnTo>
                  <a:lnTo>
                    <a:pt x="2811" y="1021"/>
                  </a:lnTo>
                  <a:lnTo>
                    <a:pt x="2809" y="1025"/>
                  </a:lnTo>
                  <a:lnTo>
                    <a:pt x="2806" y="1029"/>
                  </a:lnTo>
                  <a:lnTo>
                    <a:pt x="2804" y="1033"/>
                  </a:lnTo>
                  <a:lnTo>
                    <a:pt x="2802" y="1038"/>
                  </a:lnTo>
                  <a:lnTo>
                    <a:pt x="2798" y="1047"/>
                  </a:lnTo>
                  <a:lnTo>
                    <a:pt x="2797" y="1052"/>
                  </a:lnTo>
                  <a:lnTo>
                    <a:pt x="2796" y="1058"/>
                  </a:lnTo>
                  <a:lnTo>
                    <a:pt x="2795" y="1063"/>
                  </a:lnTo>
                  <a:lnTo>
                    <a:pt x="2794" y="1068"/>
                  </a:lnTo>
                  <a:lnTo>
                    <a:pt x="2793" y="1080"/>
                  </a:lnTo>
                  <a:lnTo>
                    <a:pt x="2794" y="1087"/>
                  </a:lnTo>
                  <a:lnTo>
                    <a:pt x="2794" y="1093"/>
                  </a:lnTo>
                  <a:lnTo>
                    <a:pt x="2795" y="1099"/>
                  </a:lnTo>
                  <a:lnTo>
                    <a:pt x="2797" y="1105"/>
                  </a:lnTo>
                  <a:lnTo>
                    <a:pt x="2799" y="1111"/>
                  </a:lnTo>
                  <a:lnTo>
                    <a:pt x="2803" y="1117"/>
                  </a:lnTo>
                  <a:lnTo>
                    <a:pt x="2807" y="1124"/>
                  </a:lnTo>
                  <a:lnTo>
                    <a:pt x="2812" y="1130"/>
                  </a:lnTo>
                  <a:lnTo>
                    <a:pt x="2819" y="1136"/>
                  </a:lnTo>
                  <a:lnTo>
                    <a:pt x="2827" y="1142"/>
                  </a:lnTo>
                  <a:lnTo>
                    <a:pt x="2836" y="1148"/>
                  </a:lnTo>
                  <a:lnTo>
                    <a:pt x="2847" y="1154"/>
                  </a:lnTo>
                  <a:lnTo>
                    <a:pt x="2859" y="1160"/>
                  </a:lnTo>
                  <a:lnTo>
                    <a:pt x="2873" y="1167"/>
                  </a:lnTo>
                  <a:lnTo>
                    <a:pt x="2889" y="1174"/>
                  </a:lnTo>
                  <a:lnTo>
                    <a:pt x="2907" y="1180"/>
                  </a:lnTo>
                  <a:lnTo>
                    <a:pt x="2934" y="1190"/>
                  </a:lnTo>
                  <a:lnTo>
                    <a:pt x="2959" y="1200"/>
                  </a:lnTo>
                  <a:lnTo>
                    <a:pt x="2981" y="1210"/>
                  </a:lnTo>
                  <a:lnTo>
                    <a:pt x="3001" y="1219"/>
                  </a:lnTo>
                  <a:lnTo>
                    <a:pt x="3010" y="1224"/>
                  </a:lnTo>
                  <a:lnTo>
                    <a:pt x="3018" y="1228"/>
                  </a:lnTo>
                  <a:lnTo>
                    <a:pt x="3026" y="1233"/>
                  </a:lnTo>
                  <a:lnTo>
                    <a:pt x="3034" y="1238"/>
                  </a:lnTo>
                  <a:lnTo>
                    <a:pt x="3040" y="1242"/>
                  </a:lnTo>
                  <a:lnTo>
                    <a:pt x="3047" y="1247"/>
                  </a:lnTo>
                  <a:lnTo>
                    <a:pt x="3058" y="1257"/>
                  </a:lnTo>
                  <a:lnTo>
                    <a:pt x="3063" y="1261"/>
                  </a:lnTo>
                  <a:lnTo>
                    <a:pt x="3067" y="1266"/>
                  </a:lnTo>
                  <a:lnTo>
                    <a:pt x="3075" y="1276"/>
                  </a:lnTo>
                  <a:lnTo>
                    <a:pt x="3081" y="1287"/>
                  </a:lnTo>
                  <a:lnTo>
                    <a:pt x="3086" y="1298"/>
                  </a:lnTo>
                  <a:lnTo>
                    <a:pt x="3089" y="1310"/>
                  </a:lnTo>
                  <a:lnTo>
                    <a:pt x="3090" y="1316"/>
                  </a:lnTo>
                  <a:lnTo>
                    <a:pt x="3091" y="1322"/>
                  </a:lnTo>
                  <a:lnTo>
                    <a:pt x="3093" y="1335"/>
                  </a:lnTo>
                  <a:lnTo>
                    <a:pt x="3093" y="1349"/>
                  </a:lnTo>
                  <a:lnTo>
                    <a:pt x="3093" y="1357"/>
                  </a:lnTo>
                  <a:lnTo>
                    <a:pt x="3092" y="1366"/>
                  </a:lnTo>
                  <a:lnTo>
                    <a:pt x="3091" y="1374"/>
                  </a:lnTo>
                  <a:lnTo>
                    <a:pt x="3089" y="1381"/>
                  </a:lnTo>
                  <a:lnTo>
                    <a:pt x="3085" y="1396"/>
                  </a:lnTo>
                  <a:lnTo>
                    <a:pt x="3082" y="1404"/>
                  </a:lnTo>
                  <a:lnTo>
                    <a:pt x="3079" y="1410"/>
                  </a:lnTo>
                  <a:lnTo>
                    <a:pt x="3072" y="1423"/>
                  </a:lnTo>
                  <a:lnTo>
                    <a:pt x="3068" y="1429"/>
                  </a:lnTo>
                  <a:lnTo>
                    <a:pt x="3063" y="1435"/>
                  </a:lnTo>
                  <a:lnTo>
                    <a:pt x="3058" y="1441"/>
                  </a:lnTo>
                  <a:lnTo>
                    <a:pt x="3053" y="1446"/>
                  </a:lnTo>
                  <a:lnTo>
                    <a:pt x="3048" y="1451"/>
                  </a:lnTo>
                  <a:lnTo>
                    <a:pt x="3042" y="1456"/>
                  </a:lnTo>
                  <a:lnTo>
                    <a:pt x="3030" y="1465"/>
                  </a:lnTo>
                  <a:lnTo>
                    <a:pt x="3017" y="1472"/>
                  </a:lnTo>
                  <a:lnTo>
                    <a:pt x="3003" y="1479"/>
                  </a:lnTo>
                  <a:lnTo>
                    <a:pt x="2988" y="1484"/>
                  </a:lnTo>
                  <a:lnTo>
                    <a:pt x="2973" y="1489"/>
                  </a:lnTo>
                  <a:lnTo>
                    <a:pt x="2957" y="1492"/>
                  </a:lnTo>
                  <a:lnTo>
                    <a:pt x="2949" y="1493"/>
                  </a:lnTo>
                  <a:lnTo>
                    <a:pt x="2941" y="1494"/>
                  </a:lnTo>
                  <a:lnTo>
                    <a:pt x="2933" y="1494"/>
                  </a:lnTo>
                  <a:lnTo>
                    <a:pt x="2925" y="1494"/>
                  </a:lnTo>
                  <a:lnTo>
                    <a:pt x="2906" y="1494"/>
                  </a:lnTo>
                  <a:lnTo>
                    <a:pt x="2888" y="1492"/>
                  </a:lnTo>
                  <a:lnTo>
                    <a:pt x="2879" y="1490"/>
                  </a:lnTo>
                  <a:lnTo>
                    <a:pt x="2871" y="1489"/>
                  </a:lnTo>
                  <a:lnTo>
                    <a:pt x="2855" y="1485"/>
                  </a:lnTo>
                  <a:lnTo>
                    <a:pt x="2847" y="1482"/>
                  </a:lnTo>
                  <a:lnTo>
                    <a:pt x="2840" y="1480"/>
                  </a:lnTo>
                  <a:lnTo>
                    <a:pt x="2825" y="1473"/>
                  </a:lnTo>
                  <a:lnTo>
                    <a:pt x="2819" y="1470"/>
                  </a:lnTo>
                  <a:lnTo>
                    <a:pt x="2812" y="1466"/>
                  </a:lnTo>
                  <a:lnTo>
                    <a:pt x="2806" y="1462"/>
                  </a:lnTo>
                  <a:lnTo>
                    <a:pt x="2800" y="1457"/>
                  </a:lnTo>
                  <a:lnTo>
                    <a:pt x="2794" y="1452"/>
                  </a:lnTo>
                  <a:lnTo>
                    <a:pt x="2789" y="1447"/>
                  </a:lnTo>
                  <a:lnTo>
                    <a:pt x="2783" y="1442"/>
                  </a:lnTo>
                  <a:lnTo>
                    <a:pt x="2778" y="1436"/>
                  </a:lnTo>
                  <a:lnTo>
                    <a:pt x="2768" y="1424"/>
                  </a:lnTo>
                  <a:lnTo>
                    <a:pt x="2760" y="1411"/>
                  </a:lnTo>
                  <a:lnTo>
                    <a:pt x="2751" y="1397"/>
                  </a:lnTo>
                  <a:lnTo>
                    <a:pt x="2743" y="1381"/>
                  </a:lnTo>
                  <a:lnTo>
                    <a:pt x="2736" y="1365"/>
                  </a:lnTo>
                  <a:lnTo>
                    <a:pt x="2730" y="1347"/>
                  </a:lnTo>
                  <a:close/>
                  <a:moveTo>
                    <a:pt x="3844" y="1007"/>
                  </a:moveTo>
                  <a:lnTo>
                    <a:pt x="3837" y="1007"/>
                  </a:lnTo>
                  <a:lnTo>
                    <a:pt x="3752" y="1262"/>
                  </a:lnTo>
                  <a:lnTo>
                    <a:pt x="3844" y="1262"/>
                  </a:lnTo>
                  <a:lnTo>
                    <a:pt x="3936" y="1262"/>
                  </a:lnTo>
                  <a:lnTo>
                    <a:pt x="3851" y="1007"/>
                  </a:lnTo>
                  <a:lnTo>
                    <a:pt x="3844" y="1007"/>
                  </a:lnTo>
                  <a:close/>
                  <a:moveTo>
                    <a:pt x="3844" y="1308"/>
                  </a:moveTo>
                  <a:lnTo>
                    <a:pt x="3736" y="1308"/>
                  </a:lnTo>
                  <a:lnTo>
                    <a:pt x="3677" y="1483"/>
                  </a:lnTo>
                  <a:lnTo>
                    <a:pt x="3622" y="1483"/>
                  </a:lnTo>
                  <a:lnTo>
                    <a:pt x="3803" y="949"/>
                  </a:lnTo>
                  <a:lnTo>
                    <a:pt x="3844" y="949"/>
                  </a:lnTo>
                  <a:lnTo>
                    <a:pt x="3885" y="949"/>
                  </a:lnTo>
                  <a:lnTo>
                    <a:pt x="4065" y="1483"/>
                  </a:lnTo>
                  <a:lnTo>
                    <a:pt x="4010" y="1483"/>
                  </a:lnTo>
                  <a:lnTo>
                    <a:pt x="3950" y="1308"/>
                  </a:lnTo>
                  <a:lnTo>
                    <a:pt x="3844" y="1308"/>
                  </a:lnTo>
                  <a:close/>
                  <a:moveTo>
                    <a:pt x="4082" y="995"/>
                  </a:moveTo>
                  <a:lnTo>
                    <a:pt x="4072" y="995"/>
                  </a:lnTo>
                  <a:lnTo>
                    <a:pt x="4072" y="949"/>
                  </a:lnTo>
                  <a:lnTo>
                    <a:pt x="4082" y="949"/>
                  </a:lnTo>
                  <a:lnTo>
                    <a:pt x="4447" y="949"/>
                  </a:lnTo>
                  <a:lnTo>
                    <a:pt x="4447" y="995"/>
                  </a:lnTo>
                  <a:lnTo>
                    <a:pt x="4284" y="995"/>
                  </a:lnTo>
                  <a:lnTo>
                    <a:pt x="4284" y="1483"/>
                  </a:lnTo>
                  <a:lnTo>
                    <a:pt x="4235" y="1483"/>
                  </a:lnTo>
                  <a:lnTo>
                    <a:pt x="4235" y="995"/>
                  </a:lnTo>
                  <a:lnTo>
                    <a:pt x="4082" y="995"/>
                  </a:lnTo>
                  <a:close/>
                  <a:moveTo>
                    <a:pt x="4643" y="995"/>
                  </a:moveTo>
                  <a:lnTo>
                    <a:pt x="4515" y="995"/>
                  </a:lnTo>
                  <a:lnTo>
                    <a:pt x="4515" y="949"/>
                  </a:lnTo>
                  <a:lnTo>
                    <a:pt x="4643" y="949"/>
                  </a:lnTo>
                  <a:lnTo>
                    <a:pt x="4892" y="949"/>
                  </a:lnTo>
                  <a:lnTo>
                    <a:pt x="4892" y="995"/>
                  </a:lnTo>
                  <a:lnTo>
                    <a:pt x="4729" y="995"/>
                  </a:lnTo>
                  <a:lnTo>
                    <a:pt x="4729" y="1483"/>
                  </a:lnTo>
                  <a:lnTo>
                    <a:pt x="4677" y="1483"/>
                  </a:lnTo>
                  <a:lnTo>
                    <a:pt x="4677" y="995"/>
                  </a:lnTo>
                  <a:lnTo>
                    <a:pt x="4643" y="995"/>
                  </a:lnTo>
                  <a:close/>
                  <a:moveTo>
                    <a:pt x="3388" y="1168"/>
                  </a:moveTo>
                  <a:lnTo>
                    <a:pt x="3578" y="1483"/>
                  </a:lnTo>
                  <a:lnTo>
                    <a:pt x="3521" y="1483"/>
                  </a:lnTo>
                  <a:lnTo>
                    <a:pt x="3355" y="1203"/>
                  </a:lnTo>
                  <a:lnTo>
                    <a:pt x="3244" y="1333"/>
                  </a:lnTo>
                  <a:lnTo>
                    <a:pt x="3244" y="1483"/>
                  </a:lnTo>
                  <a:lnTo>
                    <a:pt x="3192" y="1483"/>
                  </a:lnTo>
                  <a:lnTo>
                    <a:pt x="3192" y="949"/>
                  </a:lnTo>
                  <a:lnTo>
                    <a:pt x="3244" y="949"/>
                  </a:lnTo>
                  <a:lnTo>
                    <a:pt x="3244" y="1262"/>
                  </a:lnTo>
                  <a:lnTo>
                    <a:pt x="3512" y="949"/>
                  </a:lnTo>
                  <a:lnTo>
                    <a:pt x="3578" y="949"/>
                  </a:lnTo>
                  <a:lnTo>
                    <a:pt x="3388" y="1168"/>
                  </a:lnTo>
                  <a:close/>
                  <a:moveTo>
                    <a:pt x="2905" y="789"/>
                  </a:moveTo>
                  <a:lnTo>
                    <a:pt x="2706" y="10"/>
                  </a:lnTo>
                  <a:lnTo>
                    <a:pt x="2852" y="10"/>
                  </a:lnTo>
                  <a:lnTo>
                    <a:pt x="2988" y="568"/>
                  </a:lnTo>
                  <a:lnTo>
                    <a:pt x="3127" y="10"/>
                  </a:lnTo>
                  <a:lnTo>
                    <a:pt x="3272" y="10"/>
                  </a:lnTo>
                  <a:lnTo>
                    <a:pt x="3074" y="789"/>
                  </a:lnTo>
                  <a:lnTo>
                    <a:pt x="2905" y="789"/>
                  </a:lnTo>
                  <a:close/>
                  <a:moveTo>
                    <a:pt x="3844" y="789"/>
                  </a:moveTo>
                  <a:lnTo>
                    <a:pt x="3842" y="10"/>
                  </a:lnTo>
                  <a:lnTo>
                    <a:pt x="4058" y="10"/>
                  </a:lnTo>
                  <a:lnTo>
                    <a:pt x="4071" y="10"/>
                  </a:lnTo>
                  <a:lnTo>
                    <a:pt x="4077" y="11"/>
                  </a:lnTo>
                  <a:lnTo>
                    <a:pt x="4082" y="12"/>
                  </a:lnTo>
                  <a:lnTo>
                    <a:pt x="4097" y="13"/>
                  </a:lnTo>
                  <a:lnTo>
                    <a:pt x="4112" y="14"/>
                  </a:lnTo>
                  <a:lnTo>
                    <a:pt x="4126" y="16"/>
                  </a:lnTo>
                  <a:lnTo>
                    <a:pt x="4139" y="18"/>
                  </a:lnTo>
                  <a:lnTo>
                    <a:pt x="4152" y="21"/>
                  </a:lnTo>
                  <a:lnTo>
                    <a:pt x="4165" y="24"/>
                  </a:lnTo>
                  <a:lnTo>
                    <a:pt x="4177" y="28"/>
                  </a:lnTo>
                  <a:lnTo>
                    <a:pt x="4189" y="32"/>
                  </a:lnTo>
                  <a:lnTo>
                    <a:pt x="4194" y="34"/>
                  </a:lnTo>
                  <a:lnTo>
                    <a:pt x="4200" y="36"/>
                  </a:lnTo>
                  <a:lnTo>
                    <a:pt x="4210" y="41"/>
                  </a:lnTo>
                  <a:lnTo>
                    <a:pt x="4220" y="46"/>
                  </a:lnTo>
                  <a:lnTo>
                    <a:pt x="4230" y="52"/>
                  </a:lnTo>
                  <a:lnTo>
                    <a:pt x="4239" y="58"/>
                  </a:lnTo>
                  <a:lnTo>
                    <a:pt x="4247" y="64"/>
                  </a:lnTo>
                  <a:lnTo>
                    <a:pt x="4256" y="71"/>
                  </a:lnTo>
                  <a:lnTo>
                    <a:pt x="4263" y="78"/>
                  </a:lnTo>
                  <a:lnTo>
                    <a:pt x="4270" y="86"/>
                  </a:lnTo>
                  <a:lnTo>
                    <a:pt x="4277" y="94"/>
                  </a:lnTo>
                  <a:lnTo>
                    <a:pt x="4283" y="102"/>
                  </a:lnTo>
                  <a:lnTo>
                    <a:pt x="4289" y="111"/>
                  </a:lnTo>
                  <a:lnTo>
                    <a:pt x="4294" y="120"/>
                  </a:lnTo>
                  <a:lnTo>
                    <a:pt x="4299" y="130"/>
                  </a:lnTo>
                  <a:lnTo>
                    <a:pt x="4303" y="140"/>
                  </a:lnTo>
                  <a:lnTo>
                    <a:pt x="4307" y="150"/>
                  </a:lnTo>
                  <a:lnTo>
                    <a:pt x="4311" y="160"/>
                  </a:lnTo>
                  <a:lnTo>
                    <a:pt x="4314" y="171"/>
                  </a:lnTo>
                  <a:lnTo>
                    <a:pt x="4316" y="183"/>
                  </a:lnTo>
                  <a:lnTo>
                    <a:pt x="4318" y="194"/>
                  </a:lnTo>
                  <a:lnTo>
                    <a:pt x="4320" y="206"/>
                  </a:lnTo>
                  <a:lnTo>
                    <a:pt x="4321" y="219"/>
                  </a:lnTo>
                  <a:lnTo>
                    <a:pt x="4321" y="231"/>
                  </a:lnTo>
                  <a:lnTo>
                    <a:pt x="4322" y="244"/>
                  </a:lnTo>
                  <a:lnTo>
                    <a:pt x="4321" y="262"/>
                  </a:lnTo>
                  <a:lnTo>
                    <a:pt x="4320" y="279"/>
                  </a:lnTo>
                  <a:lnTo>
                    <a:pt x="4318" y="295"/>
                  </a:lnTo>
                  <a:lnTo>
                    <a:pt x="4317" y="303"/>
                  </a:lnTo>
                  <a:lnTo>
                    <a:pt x="4315" y="311"/>
                  </a:lnTo>
                  <a:lnTo>
                    <a:pt x="4313" y="319"/>
                  </a:lnTo>
                  <a:lnTo>
                    <a:pt x="4311" y="326"/>
                  </a:lnTo>
                  <a:lnTo>
                    <a:pt x="4307" y="341"/>
                  </a:lnTo>
                  <a:lnTo>
                    <a:pt x="4304" y="348"/>
                  </a:lnTo>
                  <a:lnTo>
                    <a:pt x="4301" y="354"/>
                  </a:lnTo>
                  <a:lnTo>
                    <a:pt x="4294" y="367"/>
                  </a:lnTo>
                  <a:lnTo>
                    <a:pt x="4291" y="375"/>
                  </a:lnTo>
                  <a:lnTo>
                    <a:pt x="4287" y="381"/>
                  </a:lnTo>
                  <a:lnTo>
                    <a:pt x="4278" y="392"/>
                  </a:lnTo>
                  <a:lnTo>
                    <a:pt x="4269" y="403"/>
                  </a:lnTo>
                  <a:lnTo>
                    <a:pt x="4264" y="408"/>
                  </a:lnTo>
                  <a:lnTo>
                    <a:pt x="4258" y="413"/>
                  </a:lnTo>
                  <a:lnTo>
                    <a:pt x="4252" y="417"/>
                  </a:lnTo>
                  <a:lnTo>
                    <a:pt x="4246" y="422"/>
                  </a:lnTo>
                  <a:lnTo>
                    <a:pt x="4240" y="426"/>
                  </a:lnTo>
                  <a:lnTo>
                    <a:pt x="4234" y="430"/>
                  </a:lnTo>
                  <a:lnTo>
                    <a:pt x="4227" y="434"/>
                  </a:lnTo>
                  <a:lnTo>
                    <a:pt x="4220" y="437"/>
                  </a:lnTo>
                  <a:lnTo>
                    <a:pt x="4205" y="444"/>
                  </a:lnTo>
                  <a:lnTo>
                    <a:pt x="4352" y="789"/>
                  </a:lnTo>
                  <a:lnTo>
                    <a:pt x="4192" y="789"/>
                  </a:lnTo>
                  <a:lnTo>
                    <a:pt x="4082" y="522"/>
                  </a:lnTo>
                  <a:lnTo>
                    <a:pt x="4063" y="474"/>
                  </a:lnTo>
                  <a:lnTo>
                    <a:pt x="3992" y="474"/>
                  </a:lnTo>
                  <a:lnTo>
                    <a:pt x="3992" y="789"/>
                  </a:lnTo>
                  <a:lnTo>
                    <a:pt x="3844" y="789"/>
                  </a:lnTo>
                  <a:close/>
                  <a:moveTo>
                    <a:pt x="4082" y="134"/>
                  </a:moveTo>
                  <a:lnTo>
                    <a:pt x="4068" y="134"/>
                  </a:lnTo>
                  <a:lnTo>
                    <a:pt x="3992" y="134"/>
                  </a:lnTo>
                  <a:lnTo>
                    <a:pt x="3992" y="349"/>
                  </a:lnTo>
                  <a:lnTo>
                    <a:pt x="4068" y="349"/>
                  </a:lnTo>
                  <a:lnTo>
                    <a:pt x="4082" y="349"/>
                  </a:lnTo>
                  <a:lnTo>
                    <a:pt x="4093" y="347"/>
                  </a:lnTo>
                  <a:lnTo>
                    <a:pt x="4103" y="346"/>
                  </a:lnTo>
                  <a:lnTo>
                    <a:pt x="4112" y="343"/>
                  </a:lnTo>
                  <a:lnTo>
                    <a:pt x="4120" y="340"/>
                  </a:lnTo>
                  <a:lnTo>
                    <a:pt x="4128" y="336"/>
                  </a:lnTo>
                  <a:lnTo>
                    <a:pt x="4136" y="331"/>
                  </a:lnTo>
                  <a:lnTo>
                    <a:pt x="4139" y="328"/>
                  </a:lnTo>
                  <a:lnTo>
                    <a:pt x="4143" y="326"/>
                  </a:lnTo>
                  <a:lnTo>
                    <a:pt x="4149" y="319"/>
                  </a:lnTo>
                  <a:lnTo>
                    <a:pt x="4154" y="312"/>
                  </a:lnTo>
                  <a:lnTo>
                    <a:pt x="4159" y="305"/>
                  </a:lnTo>
                  <a:lnTo>
                    <a:pt x="4163" y="296"/>
                  </a:lnTo>
                  <a:lnTo>
                    <a:pt x="4167" y="287"/>
                  </a:lnTo>
                  <a:lnTo>
                    <a:pt x="4169" y="277"/>
                  </a:lnTo>
                  <a:lnTo>
                    <a:pt x="4171" y="265"/>
                  </a:lnTo>
                  <a:lnTo>
                    <a:pt x="4172" y="254"/>
                  </a:lnTo>
                  <a:lnTo>
                    <a:pt x="4173" y="241"/>
                  </a:lnTo>
                  <a:lnTo>
                    <a:pt x="4172" y="228"/>
                  </a:lnTo>
                  <a:lnTo>
                    <a:pt x="4171" y="216"/>
                  </a:lnTo>
                  <a:lnTo>
                    <a:pt x="4169" y="206"/>
                  </a:lnTo>
                  <a:lnTo>
                    <a:pt x="4167" y="196"/>
                  </a:lnTo>
                  <a:lnTo>
                    <a:pt x="4163" y="186"/>
                  </a:lnTo>
                  <a:lnTo>
                    <a:pt x="4159" y="178"/>
                  </a:lnTo>
                  <a:lnTo>
                    <a:pt x="4154" y="170"/>
                  </a:lnTo>
                  <a:lnTo>
                    <a:pt x="4152" y="167"/>
                  </a:lnTo>
                  <a:lnTo>
                    <a:pt x="4149" y="164"/>
                  </a:lnTo>
                  <a:lnTo>
                    <a:pt x="4146" y="160"/>
                  </a:lnTo>
                  <a:lnTo>
                    <a:pt x="4143" y="157"/>
                  </a:lnTo>
                  <a:lnTo>
                    <a:pt x="4136" y="152"/>
                  </a:lnTo>
                  <a:lnTo>
                    <a:pt x="4128" y="147"/>
                  </a:lnTo>
                  <a:lnTo>
                    <a:pt x="4120" y="143"/>
                  </a:lnTo>
                  <a:lnTo>
                    <a:pt x="4112" y="140"/>
                  </a:lnTo>
                  <a:lnTo>
                    <a:pt x="4103" y="138"/>
                  </a:lnTo>
                  <a:lnTo>
                    <a:pt x="4093" y="136"/>
                  </a:lnTo>
                  <a:lnTo>
                    <a:pt x="4082" y="134"/>
                  </a:lnTo>
                  <a:close/>
                  <a:moveTo>
                    <a:pt x="4643" y="131"/>
                  </a:moveTo>
                  <a:lnTo>
                    <a:pt x="4632" y="131"/>
                  </a:lnTo>
                  <a:lnTo>
                    <a:pt x="4622" y="132"/>
                  </a:lnTo>
                  <a:lnTo>
                    <a:pt x="4612" y="134"/>
                  </a:lnTo>
                  <a:lnTo>
                    <a:pt x="4603" y="136"/>
                  </a:lnTo>
                  <a:lnTo>
                    <a:pt x="4594" y="139"/>
                  </a:lnTo>
                  <a:lnTo>
                    <a:pt x="4586" y="143"/>
                  </a:lnTo>
                  <a:lnTo>
                    <a:pt x="4581" y="145"/>
                  </a:lnTo>
                  <a:lnTo>
                    <a:pt x="4578" y="148"/>
                  </a:lnTo>
                  <a:lnTo>
                    <a:pt x="4571" y="154"/>
                  </a:lnTo>
                  <a:lnTo>
                    <a:pt x="4565" y="161"/>
                  </a:lnTo>
                  <a:lnTo>
                    <a:pt x="4560" y="168"/>
                  </a:lnTo>
                  <a:lnTo>
                    <a:pt x="4555" y="177"/>
                  </a:lnTo>
                  <a:lnTo>
                    <a:pt x="4552" y="188"/>
                  </a:lnTo>
                  <a:lnTo>
                    <a:pt x="4549" y="199"/>
                  </a:lnTo>
                  <a:lnTo>
                    <a:pt x="4547" y="212"/>
                  </a:lnTo>
                  <a:lnTo>
                    <a:pt x="4545" y="225"/>
                  </a:lnTo>
                  <a:lnTo>
                    <a:pt x="4545" y="241"/>
                  </a:lnTo>
                  <a:lnTo>
                    <a:pt x="4545" y="559"/>
                  </a:lnTo>
                  <a:lnTo>
                    <a:pt x="4545" y="575"/>
                  </a:lnTo>
                  <a:lnTo>
                    <a:pt x="4547" y="589"/>
                  </a:lnTo>
                  <a:lnTo>
                    <a:pt x="4549" y="601"/>
                  </a:lnTo>
                  <a:lnTo>
                    <a:pt x="4550" y="607"/>
                  </a:lnTo>
                  <a:lnTo>
                    <a:pt x="4552" y="613"/>
                  </a:lnTo>
                  <a:lnTo>
                    <a:pt x="4554" y="618"/>
                  </a:lnTo>
                  <a:lnTo>
                    <a:pt x="4555" y="623"/>
                  </a:lnTo>
                  <a:lnTo>
                    <a:pt x="4558" y="628"/>
                  </a:lnTo>
                  <a:lnTo>
                    <a:pt x="4560" y="632"/>
                  </a:lnTo>
                  <a:lnTo>
                    <a:pt x="4562" y="636"/>
                  </a:lnTo>
                  <a:lnTo>
                    <a:pt x="4565" y="640"/>
                  </a:lnTo>
                  <a:lnTo>
                    <a:pt x="4568" y="643"/>
                  </a:lnTo>
                  <a:lnTo>
                    <a:pt x="4571" y="646"/>
                  </a:lnTo>
                  <a:lnTo>
                    <a:pt x="4574" y="649"/>
                  </a:lnTo>
                  <a:lnTo>
                    <a:pt x="4578" y="652"/>
                  </a:lnTo>
                  <a:lnTo>
                    <a:pt x="4586" y="657"/>
                  </a:lnTo>
                  <a:lnTo>
                    <a:pt x="4594" y="661"/>
                  </a:lnTo>
                  <a:lnTo>
                    <a:pt x="4598" y="662"/>
                  </a:lnTo>
                  <a:lnTo>
                    <a:pt x="4603" y="664"/>
                  </a:lnTo>
                  <a:lnTo>
                    <a:pt x="4607" y="665"/>
                  </a:lnTo>
                  <a:lnTo>
                    <a:pt x="4612" y="666"/>
                  </a:lnTo>
                  <a:lnTo>
                    <a:pt x="4617" y="667"/>
                  </a:lnTo>
                  <a:lnTo>
                    <a:pt x="4622" y="668"/>
                  </a:lnTo>
                  <a:lnTo>
                    <a:pt x="4632" y="669"/>
                  </a:lnTo>
                  <a:lnTo>
                    <a:pt x="4643" y="669"/>
                  </a:lnTo>
                  <a:lnTo>
                    <a:pt x="4654" y="669"/>
                  </a:lnTo>
                  <a:lnTo>
                    <a:pt x="4664" y="668"/>
                  </a:lnTo>
                  <a:lnTo>
                    <a:pt x="4674" y="666"/>
                  </a:lnTo>
                  <a:lnTo>
                    <a:pt x="4683" y="664"/>
                  </a:lnTo>
                  <a:lnTo>
                    <a:pt x="4692" y="661"/>
                  </a:lnTo>
                  <a:lnTo>
                    <a:pt x="4700" y="657"/>
                  </a:lnTo>
                  <a:lnTo>
                    <a:pt x="4707" y="652"/>
                  </a:lnTo>
                  <a:lnTo>
                    <a:pt x="4714" y="646"/>
                  </a:lnTo>
                  <a:lnTo>
                    <a:pt x="4717" y="643"/>
                  </a:lnTo>
                  <a:lnTo>
                    <a:pt x="4720" y="640"/>
                  </a:lnTo>
                  <a:lnTo>
                    <a:pt x="4723" y="636"/>
                  </a:lnTo>
                  <a:lnTo>
                    <a:pt x="4726" y="632"/>
                  </a:lnTo>
                  <a:lnTo>
                    <a:pt x="4728" y="628"/>
                  </a:lnTo>
                  <a:lnTo>
                    <a:pt x="4730" y="623"/>
                  </a:lnTo>
                  <a:lnTo>
                    <a:pt x="4732" y="618"/>
                  </a:lnTo>
                  <a:lnTo>
                    <a:pt x="4734" y="613"/>
                  </a:lnTo>
                  <a:lnTo>
                    <a:pt x="4736" y="607"/>
                  </a:lnTo>
                  <a:lnTo>
                    <a:pt x="4737" y="601"/>
                  </a:lnTo>
                  <a:lnTo>
                    <a:pt x="4739" y="589"/>
                  </a:lnTo>
                  <a:lnTo>
                    <a:pt x="4741" y="575"/>
                  </a:lnTo>
                  <a:lnTo>
                    <a:pt x="4741" y="559"/>
                  </a:lnTo>
                  <a:lnTo>
                    <a:pt x="4741" y="241"/>
                  </a:lnTo>
                  <a:lnTo>
                    <a:pt x="4741" y="225"/>
                  </a:lnTo>
                  <a:lnTo>
                    <a:pt x="4739" y="212"/>
                  </a:lnTo>
                  <a:lnTo>
                    <a:pt x="4738" y="205"/>
                  </a:lnTo>
                  <a:lnTo>
                    <a:pt x="4737" y="199"/>
                  </a:lnTo>
                  <a:lnTo>
                    <a:pt x="4736" y="193"/>
                  </a:lnTo>
                  <a:lnTo>
                    <a:pt x="4734" y="188"/>
                  </a:lnTo>
                  <a:lnTo>
                    <a:pt x="4730" y="177"/>
                  </a:lnTo>
                  <a:lnTo>
                    <a:pt x="4726" y="168"/>
                  </a:lnTo>
                  <a:lnTo>
                    <a:pt x="4720" y="161"/>
                  </a:lnTo>
                  <a:lnTo>
                    <a:pt x="4714" y="154"/>
                  </a:lnTo>
                  <a:lnTo>
                    <a:pt x="4707" y="148"/>
                  </a:lnTo>
                  <a:lnTo>
                    <a:pt x="4700" y="143"/>
                  </a:lnTo>
                  <a:lnTo>
                    <a:pt x="4692" y="139"/>
                  </a:lnTo>
                  <a:lnTo>
                    <a:pt x="4683" y="136"/>
                  </a:lnTo>
                  <a:lnTo>
                    <a:pt x="4679" y="135"/>
                  </a:lnTo>
                  <a:lnTo>
                    <a:pt x="4674" y="134"/>
                  </a:lnTo>
                  <a:lnTo>
                    <a:pt x="4664" y="132"/>
                  </a:lnTo>
                  <a:lnTo>
                    <a:pt x="4654" y="131"/>
                  </a:lnTo>
                  <a:lnTo>
                    <a:pt x="4643" y="131"/>
                  </a:lnTo>
                  <a:close/>
                  <a:moveTo>
                    <a:pt x="4643" y="800"/>
                  </a:moveTo>
                  <a:lnTo>
                    <a:pt x="4617" y="799"/>
                  </a:lnTo>
                  <a:lnTo>
                    <a:pt x="4604" y="798"/>
                  </a:lnTo>
                  <a:lnTo>
                    <a:pt x="4591" y="797"/>
                  </a:lnTo>
                  <a:lnTo>
                    <a:pt x="4578" y="795"/>
                  </a:lnTo>
                  <a:lnTo>
                    <a:pt x="4566" y="793"/>
                  </a:lnTo>
                  <a:lnTo>
                    <a:pt x="4554" y="790"/>
                  </a:lnTo>
                  <a:lnTo>
                    <a:pt x="4543" y="786"/>
                  </a:lnTo>
                  <a:lnTo>
                    <a:pt x="4532" y="783"/>
                  </a:lnTo>
                  <a:lnTo>
                    <a:pt x="4521" y="779"/>
                  </a:lnTo>
                  <a:lnTo>
                    <a:pt x="4511" y="774"/>
                  </a:lnTo>
                  <a:lnTo>
                    <a:pt x="4501" y="769"/>
                  </a:lnTo>
                  <a:lnTo>
                    <a:pt x="4491" y="763"/>
                  </a:lnTo>
                  <a:lnTo>
                    <a:pt x="4482" y="756"/>
                  </a:lnTo>
                  <a:lnTo>
                    <a:pt x="4473" y="750"/>
                  </a:lnTo>
                  <a:lnTo>
                    <a:pt x="4469" y="746"/>
                  </a:lnTo>
                  <a:lnTo>
                    <a:pt x="4465" y="742"/>
                  </a:lnTo>
                  <a:lnTo>
                    <a:pt x="4457" y="734"/>
                  </a:lnTo>
                  <a:lnTo>
                    <a:pt x="4449" y="726"/>
                  </a:lnTo>
                  <a:lnTo>
                    <a:pt x="4442" y="717"/>
                  </a:lnTo>
                  <a:lnTo>
                    <a:pt x="4436" y="707"/>
                  </a:lnTo>
                  <a:lnTo>
                    <a:pt x="4430" y="696"/>
                  </a:lnTo>
                  <a:lnTo>
                    <a:pt x="4424" y="686"/>
                  </a:lnTo>
                  <a:lnTo>
                    <a:pt x="4419" y="674"/>
                  </a:lnTo>
                  <a:lnTo>
                    <a:pt x="4414" y="662"/>
                  </a:lnTo>
                  <a:lnTo>
                    <a:pt x="4410" y="649"/>
                  </a:lnTo>
                  <a:lnTo>
                    <a:pt x="4406" y="635"/>
                  </a:lnTo>
                  <a:lnTo>
                    <a:pt x="4405" y="628"/>
                  </a:lnTo>
                  <a:lnTo>
                    <a:pt x="4403" y="621"/>
                  </a:lnTo>
                  <a:lnTo>
                    <a:pt x="4401" y="606"/>
                  </a:lnTo>
                  <a:lnTo>
                    <a:pt x="4399" y="591"/>
                  </a:lnTo>
                  <a:lnTo>
                    <a:pt x="4397" y="574"/>
                  </a:lnTo>
                  <a:lnTo>
                    <a:pt x="4396" y="557"/>
                  </a:lnTo>
                  <a:lnTo>
                    <a:pt x="4396" y="539"/>
                  </a:lnTo>
                  <a:lnTo>
                    <a:pt x="4396" y="260"/>
                  </a:lnTo>
                  <a:lnTo>
                    <a:pt x="4396" y="243"/>
                  </a:lnTo>
                  <a:lnTo>
                    <a:pt x="4397" y="226"/>
                  </a:lnTo>
                  <a:lnTo>
                    <a:pt x="4398" y="218"/>
                  </a:lnTo>
                  <a:lnTo>
                    <a:pt x="4399" y="209"/>
                  </a:lnTo>
                  <a:lnTo>
                    <a:pt x="4401" y="194"/>
                  </a:lnTo>
                  <a:lnTo>
                    <a:pt x="4403" y="179"/>
                  </a:lnTo>
                  <a:lnTo>
                    <a:pt x="4406" y="165"/>
                  </a:lnTo>
                  <a:lnTo>
                    <a:pt x="4410" y="152"/>
                  </a:lnTo>
                  <a:lnTo>
                    <a:pt x="4414" y="139"/>
                  </a:lnTo>
                  <a:lnTo>
                    <a:pt x="4419" y="126"/>
                  </a:lnTo>
                  <a:lnTo>
                    <a:pt x="4424" y="115"/>
                  </a:lnTo>
                  <a:lnTo>
                    <a:pt x="4430" y="104"/>
                  </a:lnTo>
                  <a:lnTo>
                    <a:pt x="4436" y="94"/>
                  </a:lnTo>
                  <a:lnTo>
                    <a:pt x="4442" y="84"/>
                  </a:lnTo>
                  <a:lnTo>
                    <a:pt x="4449" y="75"/>
                  </a:lnTo>
                  <a:lnTo>
                    <a:pt x="4457" y="66"/>
                  </a:lnTo>
                  <a:lnTo>
                    <a:pt x="4465" y="58"/>
                  </a:lnTo>
                  <a:lnTo>
                    <a:pt x="4473" y="51"/>
                  </a:lnTo>
                  <a:lnTo>
                    <a:pt x="4482" y="44"/>
                  </a:lnTo>
                  <a:lnTo>
                    <a:pt x="4491" y="37"/>
                  </a:lnTo>
                  <a:lnTo>
                    <a:pt x="4501" y="32"/>
                  </a:lnTo>
                  <a:lnTo>
                    <a:pt x="4511" y="26"/>
                  </a:lnTo>
                  <a:lnTo>
                    <a:pt x="4521" y="21"/>
                  </a:lnTo>
                  <a:lnTo>
                    <a:pt x="4532" y="17"/>
                  </a:lnTo>
                  <a:lnTo>
                    <a:pt x="4543" y="13"/>
                  </a:lnTo>
                  <a:lnTo>
                    <a:pt x="4554" y="10"/>
                  </a:lnTo>
                  <a:lnTo>
                    <a:pt x="4566" y="7"/>
                  </a:lnTo>
                  <a:lnTo>
                    <a:pt x="4578" y="5"/>
                  </a:lnTo>
                  <a:lnTo>
                    <a:pt x="4591" y="3"/>
                  </a:lnTo>
                  <a:lnTo>
                    <a:pt x="4604" y="1"/>
                  </a:lnTo>
                  <a:lnTo>
                    <a:pt x="4617" y="0"/>
                  </a:lnTo>
                  <a:lnTo>
                    <a:pt x="4643" y="0"/>
                  </a:lnTo>
                  <a:lnTo>
                    <a:pt x="4670" y="0"/>
                  </a:lnTo>
                  <a:lnTo>
                    <a:pt x="4683" y="1"/>
                  </a:lnTo>
                  <a:lnTo>
                    <a:pt x="4695" y="3"/>
                  </a:lnTo>
                  <a:lnTo>
                    <a:pt x="4708" y="5"/>
                  </a:lnTo>
                  <a:lnTo>
                    <a:pt x="4720" y="7"/>
                  </a:lnTo>
                  <a:lnTo>
                    <a:pt x="4731" y="10"/>
                  </a:lnTo>
                  <a:lnTo>
                    <a:pt x="4743" y="13"/>
                  </a:lnTo>
                  <a:lnTo>
                    <a:pt x="4754" y="17"/>
                  </a:lnTo>
                  <a:lnTo>
                    <a:pt x="4764" y="21"/>
                  </a:lnTo>
                  <a:lnTo>
                    <a:pt x="4775" y="26"/>
                  </a:lnTo>
                  <a:lnTo>
                    <a:pt x="4785" y="32"/>
                  </a:lnTo>
                  <a:lnTo>
                    <a:pt x="4794" y="37"/>
                  </a:lnTo>
                  <a:lnTo>
                    <a:pt x="4803" y="44"/>
                  </a:lnTo>
                  <a:lnTo>
                    <a:pt x="4812" y="51"/>
                  </a:lnTo>
                  <a:lnTo>
                    <a:pt x="4821" y="58"/>
                  </a:lnTo>
                  <a:lnTo>
                    <a:pt x="4828" y="66"/>
                  </a:lnTo>
                  <a:lnTo>
                    <a:pt x="4836" y="75"/>
                  </a:lnTo>
                  <a:lnTo>
                    <a:pt x="4843" y="84"/>
                  </a:lnTo>
                  <a:lnTo>
                    <a:pt x="4850" y="94"/>
                  </a:lnTo>
                  <a:lnTo>
                    <a:pt x="4856" y="104"/>
                  </a:lnTo>
                  <a:lnTo>
                    <a:pt x="4862" y="115"/>
                  </a:lnTo>
                  <a:lnTo>
                    <a:pt x="4867" y="126"/>
                  </a:lnTo>
                  <a:lnTo>
                    <a:pt x="4872" y="139"/>
                  </a:lnTo>
                  <a:lnTo>
                    <a:pt x="4876" y="152"/>
                  </a:lnTo>
                  <a:lnTo>
                    <a:pt x="4879" y="165"/>
                  </a:lnTo>
                  <a:lnTo>
                    <a:pt x="4883" y="179"/>
                  </a:lnTo>
                  <a:lnTo>
                    <a:pt x="4885" y="194"/>
                  </a:lnTo>
                  <a:lnTo>
                    <a:pt x="4887" y="209"/>
                  </a:lnTo>
                  <a:lnTo>
                    <a:pt x="4889" y="226"/>
                  </a:lnTo>
                  <a:lnTo>
                    <a:pt x="4890" y="243"/>
                  </a:lnTo>
                  <a:lnTo>
                    <a:pt x="4890" y="260"/>
                  </a:lnTo>
                  <a:lnTo>
                    <a:pt x="4890" y="539"/>
                  </a:lnTo>
                  <a:lnTo>
                    <a:pt x="4890" y="557"/>
                  </a:lnTo>
                  <a:lnTo>
                    <a:pt x="4889" y="574"/>
                  </a:lnTo>
                  <a:lnTo>
                    <a:pt x="4887" y="591"/>
                  </a:lnTo>
                  <a:lnTo>
                    <a:pt x="4885" y="606"/>
                  </a:lnTo>
                  <a:lnTo>
                    <a:pt x="4883" y="621"/>
                  </a:lnTo>
                  <a:lnTo>
                    <a:pt x="4879" y="635"/>
                  </a:lnTo>
                  <a:lnTo>
                    <a:pt x="4878" y="642"/>
                  </a:lnTo>
                  <a:lnTo>
                    <a:pt x="4876" y="649"/>
                  </a:lnTo>
                  <a:lnTo>
                    <a:pt x="4872" y="662"/>
                  </a:lnTo>
                  <a:lnTo>
                    <a:pt x="4867" y="674"/>
                  </a:lnTo>
                  <a:lnTo>
                    <a:pt x="4862" y="686"/>
                  </a:lnTo>
                  <a:lnTo>
                    <a:pt x="4856" y="696"/>
                  </a:lnTo>
                  <a:lnTo>
                    <a:pt x="4850" y="707"/>
                  </a:lnTo>
                  <a:lnTo>
                    <a:pt x="4843" y="717"/>
                  </a:lnTo>
                  <a:lnTo>
                    <a:pt x="4836" y="726"/>
                  </a:lnTo>
                  <a:lnTo>
                    <a:pt x="4828" y="734"/>
                  </a:lnTo>
                  <a:lnTo>
                    <a:pt x="4821" y="742"/>
                  </a:lnTo>
                  <a:lnTo>
                    <a:pt x="4812" y="750"/>
                  </a:lnTo>
                  <a:lnTo>
                    <a:pt x="4808" y="753"/>
                  </a:lnTo>
                  <a:lnTo>
                    <a:pt x="4803" y="756"/>
                  </a:lnTo>
                  <a:lnTo>
                    <a:pt x="4794" y="763"/>
                  </a:lnTo>
                  <a:lnTo>
                    <a:pt x="4785" y="769"/>
                  </a:lnTo>
                  <a:lnTo>
                    <a:pt x="4775" y="774"/>
                  </a:lnTo>
                  <a:lnTo>
                    <a:pt x="4764" y="779"/>
                  </a:lnTo>
                  <a:lnTo>
                    <a:pt x="4754" y="783"/>
                  </a:lnTo>
                  <a:lnTo>
                    <a:pt x="4743" y="786"/>
                  </a:lnTo>
                  <a:lnTo>
                    <a:pt x="4731" y="790"/>
                  </a:lnTo>
                  <a:lnTo>
                    <a:pt x="4720" y="793"/>
                  </a:lnTo>
                  <a:lnTo>
                    <a:pt x="4708" y="795"/>
                  </a:lnTo>
                  <a:lnTo>
                    <a:pt x="4695" y="797"/>
                  </a:lnTo>
                  <a:lnTo>
                    <a:pt x="4683" y="798"/>
                  </a:lnTo>
                  <a:lnTo>
                    <a:pt x="4670" y="799"/>
                  </a:lnTo>
                  <a:lnTo>
                    <a:pt x="4643" y="800"/>
                  </a:lnTo>
                  <a:close/>
                  <a:moveTo>
                    <a:pt x="3753" y="789"/>
                  </a:moveTo>
                  <a:lnTo>
                    <a:pt x="3334" y="789"/>
                  </a:lnTo>
                  <a:lnTo>
                    <a:pt x="3334" y="10"/>
                  </a:lnTo>
                  <a:lnTo>
                    <a:pt x="3743" y="10"/>
                  </a:lnTo>
                  <a:lnTo>
                    <a:pt x="3743" y="143"/>
                  </a:lnTo>
                  <a:lnTo>
                    <a:pt x="3484" y="143"/>
                  </a:lnTo>
                  <a:lnTo>
                    <a:pt x="3484" y="320"/>
                  </a:lnTo>
                  <a:lnTo>
                    <a:pt x="3681" y="320"/>
                  </a:lnTo>
                  <a:lnTo>
                    <a:pt x="3681" y="454"/>
                  </a:lnTo>
                  <a:lnTo>
                    <a:pt x="3484" y="454"/>
                  </a:lnTo>
                  <a:lnTo>
                    <a:pt x="3484" y="658"/>
                  </a:lnTo>
                  <a:lnTo>
                    <a:pt x="3753" y="658"/>
                  </a:lnTo>
                  <a:lnTo>
                    <a:pt x="3753" y="789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fi-FI" sz="1800"/>
            </a:p>
          </p:txBody>
        </p:sp>
      </p:grpSp>
      <p:sp>
        <p:nvSpPr>
          <p:cNvPr id="5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7" name="Slide Number Placeholder 4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FFD37762-1E0E-4989-9EFF-06F909F8A5A2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800260910"/>
      </p:ext>
    </p:extLst>
  </p:cSld>
  <p:clrMapOvr>
    <a:masterClrMapping/>
  </p:clrMapOvr>
  <p:transition spd="slow">
    <p:push dir="u"/>
  </p:transition>
  <p:hf hdr="0" ftr="0"/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logan [se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7"/>
          <p:cNvGrpSpPr>
            <a:grpSpLocks noChangeAspect="1"/>
          </p:cNvGrpSpPr>
          <p:nvPr/>
        </p:nvGrpSpPr>
        <p:grpSpPr bwMode="auto">
          <a:xfrm>
            <a:off x="3953934" y="2420938"/>
            <a:ext cx="4284133" cy="1898650"/>
            <a:chOff x="3840163" y="2278046"/>
            <a:chExt cx="4463045" cy="2638183"/>
          </a:xfrm>
        </p:grpSpPr>
        <p:sp>
          <p:nvSpPr>
            <p:cNvPr id="3" name="Freeform 6"/>
            <p:cNvSpPr>
              <a:spLocks noChangeAspect="1" noEditPoints="1"/>
            </p:cNvSpPr>
            <p:nvPr userDrawn="1"/>
          </p:nvSpPr>
          <p:spPr bwMode="auto">
            <a:xfrm>
              <a:off x="5473786" y="4052133"/>
              <a:ext cx="2829422" cy="864096"/>
            </a:xfrm>
            <a:custGeom>
              <a:avLst/>
              <a:gdLst>
                <a:gd name="T0" fmla="*/ 481788 w 4892"/>
                <a:gd name="T1" fmla="*/ 110470 h 1494"/>
                <a:gd name="T2" fmla="*/ 327940 w 4892"/>
                <a:gd name="T3" fmla="*/ 635637 h 1494"/>
                <a:gd name="T4" fmla="*/ 922512 w 4892"/>
                <a:gd name="T5" fmla="*/ 628696 h 1494"/>
                <a:gd name="T6" fmla="*/ 779074 w 4892"/>
                <a:gd name="T7" fmla="*/ 814934 h 1494"/>
                <a:gd name="T8" fmla="*/ 762301 w 4892"/>
                <a:gd name="T9" fmla="*/ 207059 h 1494"/>
                <a:gd name="T10" fmla="*/ 688269 w 4892"/>
                <a:gd name="T11" fmla="*/ 320421 h 1494"/>
                <a:gd name="T12" fmla="*/ 913258 w 4892"/>
                <a:gd name="T13" fmla="*/ 857734 h 1494"/>
                <a:gd name="T14" fmla="*/ 955479 w 4892"/>
                <a:gd name="T15" fmla="*/ 546567 h 1494"/>
                <a:gd name="T16" fmla="*/ 897642 w 4892"/>
                <a:gd name="T17" fmla="*/ 52054 h 1494"/>
                <a:gd name="T18" fmla="*/ 900534 w 4892"/>
                <a:gd name="T19" fmla="*/ 189129 h 1494"/>
                <a:gd name="T20" fmla="*/ 997701 w 4892"/>
                <a:gd name="T21" fmla="*/ 167729 h 1494"/>
                <a:gd name="T22" fmla="*/ 1064214 w 4892"/>
                <a:gd name="T23" fmla="*/ 58995 h 1494"/>
                <a:gd name="T24" fmla="*/ 1108749 w 4892"/>
                <a:gd name="T25" fmla="*/ 153270 h 1494"/>
                <a:gd name="T26" fmla="*/ 1100074 w 4892"/>
                <a:gd name="T27" fmla="*/ 262005 h 1494"/>
                <a:gd name="T28" fmla="*/ 1203603 w 4892"/>
                <a:gd name="T29" fmla="*/ 175248 h 1494"/>
                <a:gd name="T30" fmla="*/ 1177576 w 4892"/>
                <a:gd name="T31" fmla="*/ 301913 h 1494"/>
                <a:gd name="T32" fmla="*/ 497405 w 4892"/>
                <a:gd name="T33" fmla="*/ 515334 h 1494"/>
                <a:gd name="T34" fmla="*/ 538469 w 4892"/>
                <a:gd name="T35" fmla="*/ 374210 h 1494"/>
                <a:gd name="T36" fmla="*/ 642577 w 4892"/>
                <a:gd name="T37" fmla="*/ 503767 h 1494"/>
                <a:gd name="T38" fmla="*/ 1218641 w 4892"/>
                <a:gd name="T39" fmla="*/ 694631 h 1494"/>
                <a:gd name="T40" fmla="*/ 1346462 w 4892"/>
                <a:gd name="T41" fmla="*/ 591102 h 1494"/>
                <a:gd name="T42" fmla="*/ 1334317 w 4892"/>
                <a:gd name="T43" fmla="*/ 754783 h 1494"/>
                <a:gd name="T44" fmla="*/ 458653 w 4892"/>
                <a:gd name="T45" fmla="*/ 444772 h 1494"/>
                <a:gd name="T46" fmla="*/ 604404 w 4892"/>
                <a:gd name="T47" fmla="*/ 559291 h 1494"/>
                <a:gd name="T48" fmla="*/ 624648 w 4892"/>
                <a:gd name="T49" fmla="*/ 368426 h 1494"/>
                <a:gd name="T50" fmla="*/ 364956 w 4892"/>
                <a:gd name="T51" fmla="*/ 610767 h 1494"/>
                <a:gd name="T52" fmla="*/ 531529 w 4892"/>
                <a:gd name="T53" fmla="*/ 117989 h 1494"/>
                <a:gd name="T54" fmla="*/ 1183938 w 4892"/>
                <a:gd name="T55" fmla="*/ 336616 h 1494"/>
                <a:gd name="T56" fmla="*/ 1219798 w 4892"/>
                <a:gd name="T57" fmla="*/ 149800 h 1494"/>
                <a:gd name="T58" fmla="*/ 1124944 w 4892"/>
                <a:gd name="T59" fmla="*/ 251016 h 1494"/>
                <a:gd name="T60" fmla="*/ 1118003 w 4892"/>
                <a:gd name="T61" fmla="*/ 133605 h 1494"/>
                <a:gd name="T62" fmla="*/ 1035874 w 4892"/>
                <a:gd name="T63" fmla="*/ 56103 h 1494"/>
                <a:gd name="T64" fmla="*/ 980928 w 4892"/>
                <a:gd name="T65" fmla="*/ 176984 h 1494"/>
                <a:gd name="T66" fmla="*/ 940442 w 4892"/>
                <a:gd name="T67" fmla="*/ 122616 h 1494"/>
                <a:gd name="T68" fmla="*/ 1240619 w 4892"/>
                <a:gd name="T69" fmla="*/ 27184 h 1494"/>
                <a:gd name="T70" fmla="*/ 1011004 w 4892"/>
                <a:gd name="T71" fmla="*/ 577799 h 1494"/>
                <a:gd name="T72" fmla="*/ 1405457 w 4892"/>
                <a:gd name="T73" fmla="*/ 319843 h 1494"/>
                <a:gd name="T74" fmla="*/ 792955 w 4892"/>
                <a:gd name="T75" fmla="*/ 269524 h 1494"/>
                <a:gd name="T76" fmla="*/ 636215 w 4892"/>
                <a:gd name="T77" fmla="*/ 233086 h 1494"/>
                <a:gd name="T78" fmla="*/ 1268382 w 4892"/>
                <a:gd name="T79" fmla="*/ 569123 h 1494"/>
                <a:gd name="T80" fmla="*/ 1233101 w 4892"/>
                <a:gd name="T81" fmla="*/ 751891 h 1494"/>
                <a:gd name="T82" fmla="*/ 1412397 w 4892"/>
                <a:gd name="T83" fmla="*/ 684221 h 1494"/>
                <a:gd name="T84" fmla="*/ 1258549 w 4892"/>
                <a:gd name="T85" fmla="*/ 498561 h 1494"/>
                <a:gd name="T86" fmla="*/ 1340100 w 4892"/>
                <a:gd name="T87" fmla="*/ 340664 h 1494"/>
                <a:gd name="T88" fmla="*/ 1409506 w 4892"/>
                <a:gd name="T89" fmla="*/ 113940 h 1494"/>
                <a:gd name="T90" fmla="*/ 1738602 w 4892"/>
                <a:gd name="T91" fmla="*/ 825923 h 1494"/>
                <a:gd name="T92" fmla="*/ 1628132 w 4892"/>
                <a:gd name="T93" fmla="*/ 688848 h 1494"/>
                <a:gd name="T94" fmla="*/ 1648954 w 4892"/>
                <a:gd name="T95" fmla="*/ 546567 h 1494"/>
                <a:gd name="T96" fmla="*/ 1711997 w 4892"/>
                <a:gd name="T97" fmla="*/ 573750 h 1494"/>
                <a:gd name="T98" fmla="*/ 1623505 w 4892"/>
                <a:gd name="T99" fmla="*/ 650096 h 1494"/>
                <a:gd name="T100" fmla="*/ 1776775 w 4892"/>
                <a:gd name="T101" fmla="*/ 823031 h 1494"/>
                <a:gd name="T102" fmla="*/ 1578970 w 4892"/>
                <a:gd name="T103" fmla="*/ 779075 h 1494"/>
                <a:gd name="T104" fmla="*/ 2705071 w 4892"/>
                <a:gd name="T105" fmla="*/ 857734 h 1494"/>
                <a:gd name="T106" fmla="*/ 2425715 w 4892"/>
                <a:gd name="T107" fmla="*/ 19665 h 1494"/>
                <a:gd name="T108" fmla="*/ 2474298 w 4892"/>
                <a:gd name="T109" fmla="*/ 226724 h 1494"/>
                <a:gd name="T110" fmla="*/ 2412412 w 4892"/>
                <a:gd name="T111" fmla="*/ 153270 h 1494"/>
                <a:gd name="T112" fmla="*/ 2628725 w 4892"/>
                <a:gd name="T113" fmla="*/ 139389 h 1494"/>
                <a:gd name="T114" fmla="*/ 2733411 w 4892"/>
                <a:gd name="T115" fmla="*/ 365535 h 1494"/>
                <a:gd name="T116" fmla="*/ 2621206 w 4892"/>
                <a:gd name="T117" fmla="*/ 452870 h 1494"/>
                <a:gd name="T118" fmla="*/ 2562212 w 4892"/>
                <a:gd name="T119" fmla="*/ 60151 h 1494"/>
                <a:gd name="T120" fmla="*/ 2801082 w 4892"/>
                <a:gd name="T121" fmla="*/ 48584 h 1494"/>
                <a:gd name="T122" fmla="*/ 2755390 w 4892"/>
                <a:gd name="T123" fmla="*/ 450556 h 149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4892" h="1494">
                  <a:moveTo>
                    <a:pt x="1023" y="1319"/>
                  </a:moveTo>
                  <a:lnTo>
                    <a:pt x="877" y="1390"/>
                  </a:lnTo>
                  <a:lnTo>
                    <a:pt x="852" y="1336"/>
                  </a:lnTo>
                  <a:lnTo>
                    <a:pt x="1023" y="1253"/>
                  </a:lnTo>
                  <a:lnTo>
                    <a:pt x="1153" y="1189"/>
                  </a:lnTo>
                  <a:lnTo>
                    <a:pt x="1339" y="1098"/>
                  </a:lnTo>
                  <a:lnTo>
                    <a:pt x="1356" y="1089"/>
                  </a:lnTo>
                  <a:lnTo>
                    <a:pt x="1540" y="1000"/>
                  </a:lnTo>
                  <a:lnTo>
                    <a:pt x="1556" y="1025"/>
                  </a:lnTo>
                  <a:lnTo>
                    <a:pt x="1572" y="1050"/>
                  </a:lnTo>
                  <a:lnTo>
                    <a:pt x="1567" y="1052"/>
                  </a:lnTo>
                  <a:lnTo>
                    <a:pt x="1565" y="1053"/>
                  </a:lnTo>
                  <a:lnTo>
                    <a:pt x="1563" y="1054"/>
                  </a:lnTo>
                  <a:lnTo>
                    <a:pt x="1356" y="1156"/>
                  </a:lnTo>
                  <a:lnTo>
                    <a:pt x="1339" y="1164"/>
                  </a:lnTo>
                  <a:lnTo>
                    <a:pt x="1153" y="1255"/>
                  </a:lnTo>
                  <a:lnTo>
                    <a:pt x="1023" y="1319"/>
                  </a:lnTo>
                  <a:close/>
                  <a:moveTo>
                    <a:pt x="1023" y="1216"/>
                  </a:moveTo>
                  <a:lnTo>
                    <a:pt x="984" y="1237"/>
                  </a:lnTo>
                  <a:lnTo>
                    <a:pt x="868" y="1216"/>
                  </a:lnTo>
                  <a:lnTo>
                    <a:pt x="1023" y="1140"/>
                  </a:lnTo>
                  <a:lnTo>
                    <a:pt x="1153" y="1077"/>
                  </a:lnTo>
                  <a:lnTo>
                    <a:pt x="1192" y="1057"/>
                  </a:lnTo>
                  <a:lnTo>
                    <a:pt x="1305" y="1078"/>
                  </a:lnTo>
                  <a:lnTo>
                    <a:pt x="1153" y="1154"/>
                  </a:lnTo>
                  <a:lnTo>
                    <a:pt x="1023" y="1216"/>
                  </a:lnTo>
                  <a:close/>
                  <a:moveTo>
                    <a:pt x="1023" y="26"/>
                  </a:moveTo>
                  <a:lnTo>
                    <a:pt x="1004" y="39"/>
                  </a:lnTo>
                  <a:lnTo>
                    <a:pt x="986" y="53"/>
                  </a:lnTo>
                  <a:lnTo>
                    <a:pt x="968" y="67"/>
                  </a:lnTo>
                  <a:lnTo>
                    <a:pt x="950" y="81"/>
                  </a:lnTo>
                  <a:lnTo>
                    <a:pt x="933" y="96"/>
                  </a:lnTo>
                  <a:lnTo>
                    <a:pt x="914" y="111"/>
                  </a:lnTo>
                  <a:lnTo>
                    <a:pt x="897" y="126"/>
                  </a:lnTo>
                  <a:lnTo>
                    <a:pt x="881" y="142"/>
                  </a:lnTo>
                  <a:lnTo>
                    <a:pt x="865" y="158"/>
                  </a:lnTo>
                  <a:lnTo>
                    <a:pt x="849" y="174"/>
                  </a:lnTo>
                  <a:lnTo>
                    <a:pt x="833" y="191"/>
                  </a:lnTo>
                  <a:lnTo>
                    <a:pt x="818" y="208"/>
                  </a:lnTo>
                  <a:lnTo>
                    <a:pt x="803" y="226"/>
                  </a:lnTo>
                  <a:lnTo>
                    <a:pt x="788" y="244"/>
                  </a:lnTo>
                  <a:lnTo>
                    <a:pt x="774" y="262"/>
                  </a:lnTo>
                  <a:lnTo>
                    <a:pt x="760" y="281"/>
                  </a:lnTo>
                  <a:lnTo>
                    <a:pt x="746" y="299"/>
                  </a:lnTo>
                  <a:lnTo>
                    <a:pt x="733" y="319"/>
                  </a:lnTo>
                  <a:lnTo>
                    <a:pt x="720" y="338"/>
                  </a:lnTo>
                  <a:lnTo>
                    <a:pt x="708" y="358"/>
                  </a:lnTo>
                  <a:lnTo>
                    <a:pt x="696" y="379"/>
                  </a:lnTo>
                  <a:lnTo>
                    <a:pt x="685" y="400"/>
                  </a:lnTo>
                  <a:lnTo>
                    <a:pt x="673" y="420"/>
                  </a:lnTo>
                  <a:lnTo>
                    <a:pt x="663" y="441"/>
                  </a:lnTo>
                  <a:lnTo>
                    <a:pt x="652" y="463"/>
                  </a:lnTo>
                  <a:lnTo>
                    <a:pt x="643" y="485"/>
                  </a:lnTo>
                  <a:lnTo>
                    <a:pt x="633" y="507"/>
                  </a:lnTo>
                  <a:lnTo>
                    <a:pt x="624" y="529"/>
                  </a:lnTo>
                  <a:lnTo>
                    <a:pt x="616" y="551"/>
                  </a:lnTo>
                  <a:lnTo>
                    <a:pt x="608" y="574"/>
                  </a:lnTo>
                  <a:lnTo>
                    <a:pt x="600" y="598"/>
                  </a:lnTo>
                  <a:lnTo>
                    <a:pt x="593" y="621"/>
                  </a:lnTo>
                  <a:lnTo>
                    <a:pt x="586" y="649"/>
                  </a:lnTo>
                  <a:lnTo>
                    <a:pt x="579" y="678"/>
                  </a:lnTo>
                  <a:lnTo>
                    <a:pt x="573" y="706"/>
                  </a:lnTo>
                  <a:lnTo>
                    <a:pt x="568" y="735"/>
                  </a:lnTo>
                  <a:lnTo>
                    <a:pt x="563" y="763"/>
                  </a:lnTo>
                  <a:lnTo>
                    <a:pt x="559" y="792"/>
                  </a:lnTo>
                  <a:lnTo>
                    <a:pt x="556" y="820"/>
                  </a:lnTo>
                  <a:lnTo>
                    <a:pt x="554" y="848"/>
                  </a:lnTo>
                  <a:lnTo>
                    <a:pt x="553" y="877"/>
                  </a:lnTo>
                  <a:lnTo>
                    <a:pt x="552" y="905"/>
                  </a:lnTo>
                  <a:lnTo>
                    <a:pt x="552" y="933"/>
                  </a:lnTo>
                  <a:lnTo>
                    <a:pt x="553" y="961"/>
                  </a:lnTo>
                  <a:lnTo>
                    <a:pt x="554" y="989"/>
                  </a:lnTo>
                  <a:lnTo>
                    <a:pt x="556" y="1017"/>
                  </a:lnTo>
                  <a:lnTo>
                    <a:pt x="559" y="1044"/>
                  </a:lnTo>
                  <a:lnTo>
                    <a:pt x="563" y="1072"/>
                  </a:lnTo>
                  <a:lnTo>
                    <a:pt x="567" y="1099"/>
                  </a:lnTo>
                  <a:lnTo>
                    <a:pt x="572" y="1127"/>
                  </a:lnTo>
                  <a:lnTo>
                    <a:pt x="577" y="1154"/>
                  </a:lnTo>
                  <a:lnTo>
                    <a:pt x="584" y="1181"/>
                  </a:lnTo>
                  <a:lnTo>
                    <a:pt x="591" y="1208"/>
                  </a:lnTo>
                  <a:lnTo>
                    <a:pt x="598" y="1234"/>
                  </a:lnTo>
                  <a:lnTo>
                    <a:pt x="607" y="1260"/>
                  </a:lnTo>
                  <a:lnTo>
                    <a:pt x="616" y="1286"/>
                  </a:lnTo>
                  <a:lnTo>
                    <a:pt x="625" y="1312"/>
                  </a:lnTo>
                  <a:lnTo>
                    <a:pt x="635" y="1337"/>
                  </a:lnTo>
                  <a:lnTo>
                    <a:pt x="646" y="1362"/>
                  </a:lnTo>
                  <a:lnTo>
                    <a:pt x="658" y="1387"/>
                  </a:lnTo>
                  <a:lnTo>
                    <a:pt x="670" y="1412"/>
                  </a:lnTo>
                  <a:lnTo>
                    <a:pt x="683" y="1436"/>
                  </a:lnTo>
                  <a:lnTo>
                    <a:pt x="696" y="1460"/>
                  </a:lnTo>
                  <a:lnTo>
                    <a:pt x="710" y="1483"/>
                  </a:lnTo>
                  <a:lnTo>
                    <a:pt x="0" y="1483"/>
                  </a:lnTo>
                  <a:lnTo>
                    <a:pt x="0" y="746"/>
                  </a:lnTo>
                  <a:lnTo>
                    <a:pt x="0" y="10"/>
                  </a:lnTo>
                  <a:lnTo>
                    <a:pt x="511" y="10"/>
                  </a:lnTo>
                  <a:lnTo>
                    <a:pt x="1023" y="10"/>
                  </a:lnTo>
                  <a:lnTo>
                    <a:pt x="1048" y="10"/>
                  </a:lnTo>
                  <a:lnTo>
                    <a:pt x="1042" y="14"/>
                  </a:lnTo>
                  <a:lnTo>
                    <a:pt x="1036" y="18"/>
                  </a:lnTo>
                  <a:lnTo>
                    <a:pt x="1023" y="26"/>
                  </a:lnTo>
                  <a:close/>
                  <a:moveTo>
                    <a:pt x="1153" y="1483"/>
                  </a:moveTo>
                  <a:lnTo>
                    <a:pt x="1023" y="1483"/>
                  </a:lnTo>
                  <a:lnTo>
                    <a:pt x="989" y="1483"/>
                  </a:lnTo>
                  <a:lnTo>
                    <a:pt x="1023" y="1466"/>
                  </a:lnTo>
                  <a:lnTo>
                    <a:pt x="1153" y="1404"/>
                  </a:lnTo>
                  <a:lnTo>
                    <a:pt x="1328" y="1317"/>
                  </a:lnTo>
                  <a:lnTo>
                    <a:pt x="1339" y="1299"/>
                  </a:lnTo>
                  <a:lnTo>
                    <a:pt x="1356" y="1265"/>
                  </a:lnTo>
                  <a:lnTo>
                    <a:pt x="1408" y="1166"/>
                  </a:lnTo>
                  <a:lnTo>
                    <a:pt x="1577" y="1084"/>
                  </a:lnTo>
                  <a:lnTo>
                    <a:pt x="1583" y="1081"/>
                  </a:lnTo>
                  <a:lnTo>
                    <a:pt x="1588" y="1078"/>
                  </a:lnTo>
                  <a:lnTo>
                    <a:pt x="1591" y="1082"/>
                  </a:lnTo>
                  <a:lnTo>
                    <a:pt x="1595" y="1087"/>
                  </a:lnTo>
                  <a:lnTo>
                    <a:pt x="1694" y="1248"/>
                  </a:lnTo>
                  <a:lnTo>
                    <a:pt x="1682" y="1418"/>
                  </a:lnTo>
                  <a:lnTo>
                    <a:pt x="1717" y="1476"/>
                  </a:lnTo>
                  <a:lnTo>
                    <a:pt x="1723" y="1483"/>
                  </a:lnTo>
                  <a:lnTo>
                    <a:pt x="1717" y="1483"/>
                  </a:lnTo>
                  <a:lnTo>
                    <a:pt x="1616" y="1483"/>
                  </a:lnTo>
                  <a:lnTo>
                    <a:pt x="1612" y="1475"/>
                  </a:lnTo>
                  <a:lnTo>
                    <a:pt x="1607" y="1467"/>
                  </a:lnTo>
                  <a:lnTo>
                    <a:pt x="1601" y="1459"/>
                  </a:lnTo>
                  <a:lnTo>
                    <a:pt x="1596" y="1451"/>
                  </a:lnTo>
                  <a:lnTo>
                    <a:pt x="1590" y="1444"/>
                  </a:lnTo>
                  <a:lnTo>
                    <a:pt x="1583" y="1437"/>
                  </a:lnTo>
                  <a:lnTo>
                    <a:pt x="1576" y="1430"/>
                  </a:lnTo>
                  <a:lnTo>
                    <a:pt x="1569" y="1423"/>
                  </a:lnTo>
                  <a:lnTo>
                    <a:pt x="1562" y="1417"/>
                  </a:lnTo>
                  <a:lnTo>
                    <a:pt x="1554" y="1412"/>
                  </a:lnTo>
                  <a:lnTo>
                    <a:pt x="1546" y="1406"/>
                  </a:lnTo>
                  <a:lnTo>
                    <a:pt x="1537" y="1401"/>
                  </a:lnTo>
                  <a:lnTo>
                    <a:pt x="1529" y="1397"/>
                  </a:lnTo>
                  <a:lnTo>
                    <a:pt x="1519" y="1393"/>
                  </a:lnTo>
                  <a:lnTo>
                    <a:pt x="1509" y="1389"/>
                  </a:lnTo>
                  <a:lnTo>
                    <a:pt x="1500" y="1386"/>
                  </a:lnTo>
                  <a:lnTo>
                    <a:pt x="1490" y="1384"/>
                  </a:lnTo>
                  <a:lnTo>
                    <a:pt x="1481" y="1382"/>
                  </a:lnTo>
                  <a:lnTo>
                    <a:pt x="1462" y="1380"/>
                  </a:lnTo>
                  <a:lnTo>
                    <a:pt x="1452" y="1379"/>
                  </a:lnTo>
                  <a:lnTo>
                    <a:pt x="1443" y="1379"/>
                  </a:lnTo>
                  <a:lnTo>
                    <a:pt x="1433" y="1380"/>
                  </a:lnTo>
                  <a:lnTo>
                    <a:pt x="1424" y="1381"/>
                  </a:lnTo>
                  <a:lnTo>
                    <a:pt x="1415" y="1382"/>
                  </a:lnTo>
                  <a:lnTo>
                    <a:pt x="1406" y="1384"/>
                  </a:lnTo>
                  <a:lnTo>
                    <a:pt x="1397" y="1387"/>
                  </a:lnTo>
                  <a:lnTo>
                    <a:pt x="1389" y="1389"/>
                  </a:lnTo>
                  <a:lnTo>
                    <a:pt x="1380" y="1392"/>
                  </a:lnTo>
                  <a:lnTo>
                    <a:pt x="1372" y="1396"/>
                  </a:lnTo>
                  <a:lnTo>
                    <a:pt x="1364" y="1400"/>
                  </a:lnTo>
                  <a:lnTo>
                    <a:pt x="1356" y="1404"/>
                  </a:lnTo>
                  <a:lnTo>
                    <a:pt x="1347" y="1409"/>
                  </a:lnTo>
                  <a:lnTo>
                    <a:pt x="1339" y="1414"/>
                  </a:lnTo>
                  <a:lnTo>
                    <a:pt x="1330" y="1421"/>
                  </a:lnTo>
                  <a:lnTo>
                    <a:pt x="1321" y="1429"/>
                  </a:lnTo>
                  <a:lnTo>
                    <a:pt x="1313" y="1437"/>
                  </a:lnTo>
                  <a:lnTo>
                    <a:pt x="1305" y="1445"/>
                  </a:lnTo>
                  <a:lnTo>
                    <a:pt x="1298" y="1454"/>
                  </a:lnTo>
                  <a:lnTo>
                    <a:pt x="1292" y="1463"/>
                  </a:lnTo>
                  <a:lnTo>
                    <a:pt x="1289" y="1468"/>
                  </a:lnTo>
                  <a:lnTo>
                    <a:pt x="1286" y="1473"/>
                  </a:lnTo>
                  <a:lnTo>
                    <a:pt x="1280" y="1483"/>
                  </a:lnTo>
                  <a:lnTo>
                    <a:pt x="1153" y="1483"/>
                  </a:lnTo>
                  <a:close/>
                  <a:moveTo>
                    <a:pt x="1153" y="460"/>
                  </a:moveTo>
                  <a:lnTo>
                    <a:pt x="1142" y="428"/>
                  </a:lnTo>
                  <a:lnTo>
                    <a:pt x="1137" y="412"/>
                  </a:lnTo>
                  <a:lnTo>
                    <a:pt x="1132" y="396"/>
                  </a:lnTo>
                  <a:lnTo>
                    <a:pt x="1124" y="363"/>
                  </a:lnTo>
                  <a:lnTo>
                    <a:pt x="1120" y="346"/>
                  </a:lnTo>
                  <a:lnTo>
                    <a:pt x="1117" y="330"/>
                  </a:lnTo>
                  <a:lnTo>
                    <a:pt x="1114" y="313"/>
                  </a:lnTo>
                  <a:lnTo>
                    <a:pt x="1111" y="297"/>
                  </a:lnTo>
                  <a:lnTo>
                    <a:pt x="1109" y="280"/>
                  </a:lnTo>
                  <a:lnTo>
                    <a:pt x="1107" y="264"/>
                  </a:lnTo>
                  <a:lnTo>
                    <a:pt x="1105" y="231"/>
                  </a:lnTo>
                  <a:lnTo>
                    <a:pt x="1105" y="214"/>
                  </a:lnTo>
                  <a:lnTo>
                    <a:pt x="1105" y="198"/>
                  </a:lnTo>
                  <a:lnTo>
                    <a:pt x="1117" y="204"/>
                  </a:lnTo>
                  <a:lnTo>
                    <a:pt x="1129" y="210"/>
                  </a:lnTo>
                  <a:lnTo>
                    <a:pt x="1153" y="223"/>
                  </a:lnTo>
                  <a:lnTo>
                    <a:pt x="1165" y="231"/>
                  </a:lnTo>
                  <a:lnTo>
                    <a:pt x="1178" y="239"/>
                  </a:lnTo>
                  <a:lnTo>
                    <a:pt x="1191" y="247"/>
                  </a:lnTo>
                  <a:lnTo>
                    <a:pt x="1203" y="256"/>
                  </a:lnTo>
                  <a:lnTo>
                    <a:pt x="1227" y="275"/>
                  </a:lnTo>
                  <a:lnTo>
                    <a:pt x="1239" y="285"/>
                  </a:lnTo>
                  <a:lnTo>
                    <a:pt x="1251" y="295"/>
                  </a:lnTo>
                  <a:lnTo>
                    <a:pt x="1274" y="315"/>
                  </a:lnTo>
                  <a:lnTo>
                    <a:pt x="1296" y="336"/>
                  </a:lnTo>
                  <a:lnTo>
                    <a:pt x="1318" y="358"/>
                  </a:lnTo>
                  <a:lnTo>
                    <a:pt x="1339" y="382"/>
                  </a:lnTo>
                  <a:lnTo>
                    <a:pt x="1347" y="392"/>
                  </a:lnTo>
                  <a:lnTo>
                    <a:pt x="1351" y="397"/>
                  </a:lnTo>
                  <a:lnTo>
                    <a:pt x="1356" y="401"/>
                  </a:lnTo>
                  <a:lnTo>
                    <a:pt x="1363" y="411"/>
                  </a:lnTo>
                  <a:lnTo>
                    <a:pt x="1371" y="420"/>
                  </a:lnTo>
                  <a:lnTo>
                    <a:pt x="1385" y="438"/>
                  </a:lnTo>
                  <a:lnTo>
                    <a:pt x="1371" y="433"/>
                  </a:lnTo>
                  <a:lnTo>
                    <a:pt x="1363" y="431"/>
                  </a:lnTo>
                  <a:lnTo>
                    <a:pt x="1356" y="430"/>
                  </a:lnTo>
                  <a:lnTo>
                    <a:pt x="1351" y="429"/>
                  </a:lnTo>
                  <a:lnTo>
                    <a:pt x="1347" y="428"/>
                  </a:lnTo>
                  <a:lnTo>
                    <a:pt x="1339" y="426"/>
                  </a:lnTo>
                  <a:lnTo>
                    <a:pt x="1327" y="425"/>
                  </a:lnTo>
                  <a:lnTo>
                    <a:pt x="1315" y="425"/>
                  </a:lnTo>
                  <a:lnTo>
                    <a:pt x="1302" y="426"/>
                  </a:lnTo>
                  <a:lnTo>
                    <a:pt x="1289" y="428"/>
                  </a:lnTo>
                  <a:lnTo>
                    <a:pt x="1309" y="460"/>
                  </a:lnTo>
                  <a:lnTo>
                    <a:pt x="1339" y="508"/>
                  </a:lnTo>
                  <a:lnTo>
                    <a:pt x="1356" y="536"/>
                  </a:lnTo>
                  <a:lnTo>
                    <a:pt x="1379" y="571"/>
                  </a:lnTo>
                  <a:lnTo>
                    <a:pt x="1356" y="586"/>
                  </a:lnTo>
                  <a:lnTo>
                    <a:pt x="1339" y="598"/>
                  </a:lnTo>
                  <a:lnTo>
                    <a:pt x="1306" y="544"/>
                  </a:lnTo>
                  <a:lnTo>
                    <a:pt x="1274" y="490"/>
                  </a:lnTo>
                  <a:lnTo>
                    <a:pt x="1211" y="380"/>
                  </a:lnTo>
                  <a:lnTo>
                    <a:pt x="1193" y="380"/>
                  </a:lnTo>
                  <a:lnTo>
                    <a:pt x="1176" y="382"/>
                  </a:lnTo>
                  <a:lnTo>
                    <a:pt x="1190" y="408"/>
                  </a:lnTo>
                  <a:lnTo>
                    <a:pt x="1206" y="435"/>
                  </a:lnTo>
                  <a:lnTo>
                    <a:pt x="1221" y="461"/>
                  </a:lnTo>
                  <a:lnTo>
                    <a:pt x="1236" y="488"/>
                  </a:lnTo>
                  <a:lnTo>
                    <a:pt x="1227" y="511"/>
                  </a:lnTo>
                  <a:lnTo>
                    <a:pt x="1223" y="523"/>
                  </a:lnTo>
                  <a:lnTo>
                    <a:pt x="1219" y="535"/>
                  </a:lnTo>
                  <a:lnTo>
                    <a:pt x="1211" y="559"/>
                  </a:lnTo>
                  <a:lnTo>
                    <a:pt x="1204" y="584"/>
                  </a:lnTo>
                  <a:lnTo>
                    <a:pt x="1190" y="554"/>
                  </a:lnTo>
                  <a:lnTo>
                    <a:pt x="1177" y="523"/>
                  </a:lnTo>
                  <a:lnTo>
                    <a:pt x="1164" y="492"/>
                  </a:lnTo>
                  <a:lnTo>
                    <a:pt x="1158" y="476"/>
                  </a:lnTo>
                  <a:lnTo>
                    <a:pt x="1153" y="460"/>
                  </a:lnTo>
                  <a:close/>
                  <a:moveTo>
                    <a:pt x="1339" y="1483"/>
                  </a:moveTo>
                  <a:lnTo>
                    <a:pt x="1317" y="1483"/>
                  </a:lnTo>
                  <a:lnTo>
                    <a:pt x="1339" y="1457"/>
                  </a:lnTo>
                  <a:lnTo>
                    <a:pt x="1347" y="1449"/>
                  </a:lnTo>
                  <a:lnTo>
                    <a:pt x="1351" y="1446"/>
                  </a:lnTo>
                  <a:lnTo>
                    <a:pt x="1356" y="1443"/>
                  </a:lnTo>
                  <a:lnTo>
                    <a:pt x="1363" y="1438"/>
                  </a:lnTo>
                  <a:lnTo>
                    <a:pt x="1371" y="1433"/>
                  </a:lnTo>
                  <a:lnTo>
                    <a:pt x="1378" y="1429"/>
                  </a:lnTo>
                  <a:lnTo>
                    <a:pt x="1386" y="1425"/>
                  </a:lnTo>
                  <a:lnTo>
                    <a:pt x="1394" y="1422"/>
                  </a:lnTo>
                  <a:lnTo>
                    <a:pt x="1402" y="1419"/>
                  </a:lnTo>
                  <a:lnTo>
                    <a:pt x="1411" y="1416"/>
                  </a:lnTo>
                  <a:lnTo>
                    <a:pt x="1419" y="1414"/>
                  </a:lnTo>
                  <a:lnTo>
                    <a:pt x="1428" y="1413"/>
                  </a:lnTo>
                  <a:lnTo>
                    <a:pt x="1436" y="1412"/>
                  </a:lnTo>
                  <a:lnTo>
                    <a:pt x="1445" y="1412"/>
                  </a:lnTo>
                  <a:lnTo>
                    <a:pt x="1454" y="1412"/>
                  </a:lnTo>
                  <a:lnTo>
                    <a:pt x="1463" y="1412"/>
                  </a:lnTo>
                  <a:lnTo>
                    <a:pt x="1473" y="1414"/>
                  </a:lnTo>
                  <a:lnTo>
                    <a:pt x="1482" y="1416"/>
                  </a:lnTo>
                  <a:lnTo>
                    <a:pt x="1491" y="1418"/>
                  </a:lnTo>
                  <a:lnTo>
                    <a:pt x="1498" y="1420"/>
                  </a:lnTo>
                  <a:lnTo>
                    <a:pt x="1505" y="1422"/>
                  </a:lnTo>
                  <a:lnTo>
                    <a:pt x="1511" y="1425"/>
                  </a:lnTo>
                  <a:lnTo>
                    <a:pt x="1518" y="1428"/>
                  </a:lnTo>
                  <a:lnTo>
                    <a:pt x="1524" y="1431"/>
                  </a:lnTo>
                  <a:lnTo>
                    <a:pt x="1531" y="1435"/>
                  </a:lnTo>
                  <a:lnTo>
                    <a:pt x="1542" y="1443"/>
                  </a:lnTo>
                  <a:lnTo>
                    <a:pt x="1548" y="1447"/>
                  </a:lnTo>
                  <a:lnTo>
                    <a:pt x="1553" y="1452"/>
                  </a:lnTo>
                  <a:lnTo>
                    <a:pt x="1562" y="1461"/>
                  </a:lnTo>
                  <a:lnTo>
                    <a:pt x="1571" y="1472"/>
                  </a:lnTo>
                  <a:lnTo>
                    <a:pt x="1579" y="1483"/>
                  </a:lnTo>
                  <a:lnTo>
                    <a:pt x="1356" y="1483"/>
                  </a:lnTo>
                  <a:lnTo>
                    <a:pt x="1339" y="1483"/>
                  </a:lnTo>
                  <a:close/>
                  <a:moveTo>
                    <a:pt x="1153" y="1368"/>
                  </a:moveTo>
                  <a:lnTo>
                    <a:pt x="1023" y="1430"/>
                  </a:lnTo>
                  <a:lnTo>
                    <a:pt x="1000" y="1443"/>
                  </a:lnTo>
                  <a:lnTo>
                    <a:pt x="1023" y="1382"/>
                  </a:lnTo>
                  <a:lnTo>
                    <a:pt x="1039" y="1347"/>
                  </a:lnTo>
                  <a:lnTo>
                    <a:pt x="1153" y="1290"/>
                  </a:lnTo>
                  <a:lnTo>
                    <a:pt x="1339" y="1200"/>
                  </a:lnTo>
                  <a:lnTo>
                    <a:pt x="1356" y="1191"/>
                  </a:lnTo>
                  <a:lnTo>
                    <a:pt x="1356" y="1196"/>
                  </a:lnTo>
                  <a:lnTo>
                    <a:pt x="1339" y="1228"/>
                  </a:lnTo>
                  <a:lnTo>
                    <a:pt x="1305" y="1294"/>
                  </a:lnTo>
                  <a:lnTo>
                    <a:pt x="1153" y="1368"/>
                  </a:lnTo>
                  <a:close/>
                  <a:moveTo>
                    <a:pt x="1356" y="632"/>
                  </a:moveTo>
                  <a:lnTo>
                    <a:pt x="1354" y="629"/>
                  </a:lnTo>
                  <a:lnTo>
                    <a:pt x="1353" y="628"/>
                  </a:lnTo>
                  <a:lnTo>
                    <a:pt x="1353" y="626"/>
                  </a:lnTo>
                  <a:lnTo>
                    <a:pt x="1395" y="600"/>
                  </a:lnTo>
                  <a:lnTo>
                    <a:pt x="1717" y="1114"/>
                  </a:lnTo>
                  <a:lnTo>
                    <a:pt x="1840" y="1308"/>
                  </a:lnTo>
                  <a:lnTo>
                    <a:pt x="1948" y="1483"/>
                  </a:lnTo>
                  <a:lnTo>
                    <a:pt x="1879" y="1483"/>
                  </a:lnTo>
                  <a:lnTo>
                    <a:pt x="1840" y="1420"/>
                  </a:lnTo>
                  <a:lnTo>
                    <a:pt x="1717" y="1226"/>
                  </a:lnTo>
                  <a:lnTo>
                    <a:pt x="1622" y="1071"/>
                  </a:lnTo>
                  <a:lnTo>
                    <a:pt x="1554" y="962"/>
                  </a:lnTo>
                  <a:lnTo>
                    <a:pt x="1486" y="853"/>
                  </a:lnTo>
                  <a:lnTo>
                    <a:pt x="1454" y="798"/>
                  </a:lnTo>
                  <a:lnTo>
                    <a:pt x="1421" y="743"/>
                  </a:lnTo>
                  <a:lnTo>
                    <a:pt x="1388" y="687"/>
                  </a:lnTo>
                  <a:lnTo>
                    <a:pt x="1356" y="632"/>
                  </a:lnTo>
                  <a:close/>
                  <a:moveTo>
                    <a:pt x="1717" y="977"/>
                  </a:moveTo>
                  <a:lnTo>
                    <a:pt x="1709" y="982"/>
                  </a:lnTo>
                  <a:lnTo>
                    <a:pt x="1700" y="987"/>
                  </a:lnTo>
                  <a:lnTo>
                    <a:pt x="1691" y="991"/>
                  </a:lnTo>
                  <a:lnTo>
                    <a:pt x="1682" y="995"/>
                  </a:lnTo>
                  <a:lnTo>
                    <a:pt x="1652" y="945"/>
                  </a:lnTo>
                  <a:lnTo>
                    <a:pt x="1717" y="913"/>
                  </a:lnTo>
                  <a:lnTo>
                    <a:pt x="1840" y="853"/>
                  </a:lnTo>
                  <a:lnTo>
                    <a:pt x="2004" y="773"/>
                  </a:lnTo>
                  <a:lnTo>
                    <a:pt x="2026" y="820"/>
                  </a:lnTo>
                  <a:lnTo>
                    <a:pt x="1933" y="869"/>
                  </a:lnTo>
                  <a:lnTo>
                    <a:pt x="1840" y="917"/>
                  </a:lnTo>
                  <a:lnTo>
                    <a:pt x="1809" y="933"/>
                  </a:lnTo>
                  <a:lnTo>
                    <a:pt x="1778" y="948"/>
                  </a:lnTo>
                  <a:lnTo>
                    <a:pt x="1717" y="977"/>
                  </a:lnTo>
                  <a:close/>
                  <a:moveTo>
                    <a:pt x="1717" y="453"/>
                  </a:moveTo>
                  <a:lnTo>
                    <a:pt x="1498" y="391"/>
                  </a:lnTo>
                  <a:lnTo>
                    <a:pt x="1502" y="367"/>
                  </a:lnTo>
                  <a:lnTo>
                    <a:pt x="1506" y="345"/>
                  </a:lnTo>
                  <a:lnTo>
                    <a:pt x="1509" y="322"/>
                  </a:lnTo>
                  <a:lnTo>
                    <a:pt x="1512" y="300"/>
                  </a:lnTo>
                  <a:lnTo>
                    <a:pt x="1517" y="255"/>
                  </a:lnTo>
                  <a:lnTo>
                    <a:pt x="1519" y="233"/>
                  </a:lnTo>
                  <a:lnTo>
                    <a:pt x="1520" y="211"/>
                  </a:lnTo>
                  <a:lnTo>
                    <a:pt x="1521" y="188"/>
                  </a:lnTo>
                  <a:lnTo>
                    <a:pt x="1522" y="166"/>
                  </a:lnTo>
                  <a:lnTo>
                    <a:pt x="1522" y="121"/>
                  </a:lnTo>
                  <a:lnTo>
                    <a:pt x="1522" y="77"/>
                  </a:lnTo>
                  <a:lnTo>
                    <a:pt x="1519" y="31"/>
                  </a:lnTo>
                  <a:lnTo>
                    <a:pt x="1524" y="33"/>
                  </a:lnTo>
                  <a:lnTo>
                    <a:pt x="1529" y="35"/>
                  </a:lnTo>
                  <a:lnTo>
                    <a:pt x="1537" y="40"/>
                  </a:lnTo>
                  <a:lnTo>
                    <a:pt x="1540" y="43"/>
                  </a:lnTo>
                  <a:lnTo>
                    <a:pt x="1543" y="47"/>
                  </a:lnTo>
                  <a:lnTo>
                    <a:pt x="1546" y="50"/>
                  </a:lnTo>
                  <a:lnTo>
                    <a:pt x="1548" y="54"/>
                  </a:lnTo>
                  <a:lnTo>
                    <a:pt x="1550" y="58"/>
                  </a:lnTo>
                  <a:lnTo>
                    <a:pt x="1552" y="62"/>
                  </a:lnTo>
                  <a:lnTo>
                    <a:pt x="1553" y="67"/>
                  </a:lnTo>
                  <a:lnTo>
                    <a:pt x="1554" y="71"/>
                  </a:lnTo>
                  <a:lnTo>
                    <a:pt x="1554" y="76"/>
                  </a:lnTo>
                  <a:lnTo>
                    <a:pt x="1554" y="81"/>
                  </a:lnTo>
                  <a:lnTo>
                    <a:pt x="1553" y="85"/>
                  </a:lnTo>
                  <a:lnTo>
                    <a:pt x="1552" y="90"/>
                  </a:lnTo>
                  <a:lnTo>
                    <a:pt x="1551" y="94"/>
                  </a:lnTo>
                  <a:lnTo>
                    <a:pt x="1549" y="98"/>
                  </a:lnTo>
                  <a:lnTo>
                    <a:pt x="1544" y="105"/>
                  </a:lnTo>
                  <a:lnTo>
                    <a:pt x="1538" y="112"/>
                  </a:lnTo>
                  <a:lnTo>
                    <a:pt x="1533" y="118"/>
                  </a:lnTo>
                  <a:lnTo>
                    <a:pt x="1546" y="127"/>
                  </a:lnTo>
                  <a:lnTo>
                    <a:pt x="1552" y="132"/>
                  </a:lnTo>
                  <a:lnTo>
                    <a:pt x="1558" y="137"/>
                  </a:lnTo>
                  <a:lnTo>
                    <a:pt x="1564" y="142"/>
                  </a:lnTo>
                  <a:lnTo>
                    <a:pt x="1570" y="148"/>
                  </a:lnTo>
                  <a:lnTo>
                    <a:pt x="1575" y="153"/>
                  </a:lnTo>
                  <a:lnTo>
                    <a:pt x="1580" y="160"/>
                  </a:lnTo>
                  <a:lnTo>
                    <a:pt x="1584" y="166"/>
                  </a:lnTo>
                  <a:lnTo>
                    <a:pt x="1588" y="173"/>
                  </a:lnTo>
                  <a:lnTo>
                    <a:pt x="1591" y="180"/>
                  </a:lnTo>
                  <a:lnTo>
                    <a:pt x="1593" y="187"/>
                  </a:lnTo>
                  <a:lnTo>
                    <a:pt x="1594" y="195"/>
                  </a:lnTo>
                  <a:lnTo>
                    <a:pt x="1594" y="203"/>
                  </a:lnTo>
                  <a:lnTo>
                    <a:pt x="1594" y="207"/>
                  </a:lnTo>
                  <a:lnTo>
                    <a:pt x="1593" y="211"/>
                  </a:lnTo>
                  <a:lnTo>
                    <a:pt x="1591" y="219"/>
                  </a:lnTo>
                  <a:lnTo>
                    <a:pt x="1590" y="225"/>
                  </a:lnTo>
                  <a:lnTo>
                    <a:pt x="1587" y="230"/>
                  </a:lnTo>
                  <a:lnTo>
                    <a:pt x="1585" y="235"/>
                  </a:lnTo>
                  <a:lnTo>
                    <a:pt x="1582" y="239"/>
                  </a:lnTo>
                  <a:lnTo>
                    <a:pt x="1575" y="247"/>
                  </a:lnTo>
                  <a:lnTo>
                    <a:pt x="1572" y="250"/>
                  </a:lnTo>
                  <a:lnTo>
                    <a:pt x="1568" y="253"/>
                  </a:lnTo>
                  <a:lnTo>
                    <a:pt x="1560" y="259"/>
                  </a:lnTo>
                  <a:lnTo>
                    <a:pt x="1550" y="264"/>
                  </a:lnTo>
                  <a:lnTo>
                    <a:pt x="1541" y="268"/>
                  </a:lnTo>
                  <a:lnTo>
                    <a:pt x="1531" y="273"/>
                  </a:lnTo>
                  <a:lnTo>
                    <a:pt x="1538" y="291"/>
                  </a:lnTo>
                  <a:lnTo>
                    <a:pt x="1541" y="299"/>
                  </a:lnTo>
                  <a:lnTo>
                    <a:pt x="1545" y="308"/>
                  </a:lnTo>
                  <a:lnTo>
                    <a:pt x="1550" y="316"/>
                  </a:lnTo>
                  <a:lnTo>
                    <a:pt x="1554" y="323"/>
                  </a:lnTo>
                  <a:lnTo>
                    <a:pt x="1557" y="327"/>
                  </a:lnTo>
                  <a:lnTo>
                    <a:pt x="1560" y="330"/>
                  </a:lnTo>
                  <a:lnTo>
                    <a:pt x="1565" y="337"/>
                  </a:lnTo>
                  <a:lnTo>
                    <a:pt x="1571" y="344"/>
                  </a:lnTo>
                  <a:lnTo>
                    <a:pt x="1578" y="350"/>
                  </a:lnTo>
                  <a:lnTo>
                    <a:pt x="1585" y="355"/>
                  </a:lnTo>
                  <a:lnTo>
                    <a:pt x="1592" y="360"/>
                  </a:lnTo>
                  <a:lnTo>
                    <a:pt x="1596" y="363"/>
                  </a:lnTo>
                  <a:lnTo>
                    <a:pt x="1601" y="365"/>
                  </a:lnTo>
                  <a:lnTo>
                    <a:pt x="1609" y="369"/>
                  </a:lnTo>
                  <a:lnTo>
                    <a:pt x="1619" y="373"/>
                  </a:lnTo>
                  <a:lnTo>
                    <a:pt x="1629" y="376"/>
                  </a:lnTo>
                  <a:lnTo>
                    <a:pt x="1635" y="378"/>
                  </a:lnTo>
                  <a:lnTo>
                    <a:pt x="1641" y="380"/>
                  </a:lnTo>
                  <a:lnTo>
                    <a:pt x="1647" y="381"/>
                  </a:lnTo>
                  <a:lnTo>
                    <a:pt x="1653" y="382"/>
                  </a:lnTo>
                  <a:lnTo>
                    <a:pt x="1665" y="383"/>
                  </a:lnTo>
                  <a:lnTo>
                    <a:pt x="1676" y="383"/>
                  </a:lnTo>
                  <a:lnTo>
                    <a:pt x="1682" y="382"/>
                  </a:lnTo>
                  <a:lnTo>
                    <a:pt x="1687" y="381"/>
                  </a:lnTo>
                  <a:lnTo>
                    <a:pt x="1698" y="379"/>
                  </a:lnTo>
                  <a:lnTo>
                    <a:pt x="1703" y="378"/>
                  </a:lnTo>
                  <a:lnTo>
                    <a:pt x="1708" y="376"/>
                  </a:lnTo>
                  <a:lnTo>
                    <a:pt x="1713" y="375"/>
                  </a:lnTo>
                  <a:lnTo>
                    <a:pt x="1717" y="373"/>
                  </a:lnTo>
                  <a:lnTo>
                    <a:pt x="1732" y="365"/>
                  </a:lnTo>
                  <a:lnTo>
                    <a:pt x="1739" y="360"/>
                  </a:lnTo>
                  <a:lnTo>
                    <a:pt x="1746" y="356"/>
                  </a:lnTo>
                  <a:lnTo>
                    <a:pt x="1753" y="351"/>
                  </a:lnTo>
                  <a:lnTo>
                    <a:pt x="1760" y="346"/>
                  </a:lnTo>
                  <a:lnTo>
                    <a:pt x="1767" y="340"/>
                  </a:lnTo>
                  <a:lnTo>
                    <a:pt x="1774" y="335"/>
                  </a:lnTo>
                  <a:lnTo>
                    <a:pt x="1758" y="323"/>
                  </a:lnTo>
                  <a:lnTo>
                    <a:pt x="1750" y="316"/>
                  </a:lnTo>
                  <a:lnTo>
                    <a:pt x="1742" y="309"/>
                  </a:lnTo>
                  <a:lnTo>
                    <a:pt x="1735" y="302"/>
                  </a:lnTo>
                  <a:lnTo>
                    <a:pt x="1731" y="298"/>
                  </a:lnTo>
                  <a:lnTo>
                    <a:pt x="1728" y="294"/>
                  </a:lnTo>
                  <a:lnTo>
                    <a:pt x="1725" y="290"/>
                  </a:lnTo>
                  <a:lnTo>
                    <a:pt x="1722" y="285"/>
                  </a:lnTo>
                  <a:lnTo>
                    <a:pt x="1717" y="276"/>
                  </a:lnTo>
                  <a:lnTo>
                    <a:pt x="1716" y="272"/>
                  </a:lnTo>
                  <a:lnTo>
                    <a:pt x="1715" y="268"/>
                  </a:lnTo>
                  <a:lnTo>
                    <a:pt x="1715" y="260"/>
                  </a:lnTo>
                  <a:lnTo>
                    <a:pt x="1715" y="252"/>
                  </a:lnTo>
                  <a:lnTo>
                    <a:pt x="1716" y="248"/>
                  </a:lnTo>
                  <a:lnTo>
                    <a:pt x="1717" y="244"/>
                  </a:lnTo>
                  <a:lnTo>
                    <a:pt x="1721" y="236"/>
                  </a:lnTo>
                  <a:lnTo>
                    <a:pt x="1725" y="230"/>
                  </a:lnTo>
                  <a:lnTo>
                    <a:pt x="1730" y="224"/>
                  </a:lnTo>
                  <a:lnTo>
                    <a:pt x="1736" y="219"/>
                  </a:lnTo>
                  <a:lnTo>
                    <a:pt x="1742" y="214"/>
                  </a:lnTo>
                  <a:lnTo>
                    <a:pt x="1749" y="211"/>
                  </a:lnTo>
                  <a:lnTo>
                    <a:pt x="1756" y="208"/>
                  </a:lnTo>
                  <a:lnTo>
                    <a:pt x="1763" y="205"/>
                  </a:lnTo>
                  <a:lnTo>
                    <a:pt x="1771" y="203"/>
                  </a:lnTo>
                  <a:lnTo>
                    <a:pt x="1779" y="202"/>
                  </a:lnTo>
                  <a:lnTo>
                    <a:pt x="1794" y="200"/>
                  </a:lnTo>
                  <a:lnTo>
                    <a:pt x="1809" y="199"/>
                  </a:lnTo>
                  <a:lnTo>
                    <a:pt x="1824" y="198"/>
                  </a:lnTo>
                  <a:lnTo>
                    <a:pt x="1815" y="184"/>
                  </a:lnTo>
                  <a:lnTo>
                    <a:pt x="1811" y="176"/>
                  </a:lnTo>
                  <a:lnTo>
                    <a:pt x="1808" y="169"/>
                  </a:lnTo>
                  <a:lnTo>
                    <a:pt x="1806" y="161"/>
                  </a:lnTo>
                  <a:lnTo>
                    <a:pt x="1805" y="158"/>
                  </a:lnTo>
                  <a:lnTo>
                    <a:pt x="1804" y="153"/>
                  </a:lnTo>
                  <a:lnTo>
                    <a:pt x="1804" y="145"/>
                  </a:lnTo>
                  <a:lnTo>
                    <a:pt x="1805" y="141"/>
                  </a:lnTo>
                  <a:lnTo>
                    <a:pt x="1806" y="136"/>
                  </a:lnTo>
                  <a:lnTo>
                    <a:pt x="1808" y="130"/>
                  </a:lnTo>
                  <a:lnTo>
                    <a:pt x="1811" y="125"/>
                  </a:lnTo>
                  <a:lnTo>
                    <a:pt x="1815" y="120"/>
                  </a:lnTo>
                  <a:lnTo>
                    <a:pt x="1819" y="115"/>
                  </a:lnTo>
                  <a:lnTo>
                    <a:pt x="1823" y="111"/>
                  </a:lnTo>
                  <a:lnTo>
                    <a:pt x="1828" y="108"/>
                  </a:lnTo>
                  <a:lnTo>
                    <a:pt x="1834" y="105"/>
                  </a:lnTo>
                  <a:lnTo>
                    <a:pt x="1840" y="102"/>
                  </a:lnTo>
                  <a:lnTo>
                    <a:pt x="1846" y="101"/>
                  </a:lnTo>
                  <a:lnTo>
                    <a:pt x="1853" y="100"/>
                  </a:lnTo>
                  <a:lnTo>
                    <a:pt x="1860" y="101"/>
                  </a:lnTo>
                  <a:lnTo>
                    <a:pt x="1864" y="101"/>
                  </a:lnTo>
                  <a:lnTo>
                    <a:pt x="1868" y="102"/>
                  </a:lnTo>
                  <a:lnTo>
                    <a:pt x="1873" y="104"/>
                  </a:lnTo>
                  <a:lnTo>
                    <a:pt x="1877" y="106"/>
                  </a:lnTo>
                  <a:lnTo>
                    <a:pt x="1881" y="108"/>
                  </a:lnTo>
                  <a:lnTo>
                    <a:pt x="1885" y="111"/>
                  </a:lnTo>
                  <a:lnTo>
                    <a:pt x="1889" y="115"/>
                  </a:lnTo>
                  <a:lnTo>
                    <a:pt x="1892" y="118"/>
                  </a:lnTo>
                  <a:lnTo>
                    <a:pt x="1895" y="122"/>
                  </a:lnTo>
                  <a:lnTo>
                    <a:pt x="1897" y="126"/>
                  </a:lnTo>
                  <a:lnTo>
                    <a:pt x="1899" y="130"/>
                  </a:lnTo>
                  <a:lnTo>
                    <a:pt x="1901" y="135"/>
                  </a:lnTo>
                  <a:lnTo>
                    <a:pt x="1902" y="140"/>
                  </a:lnTo>
                  <a:lnTo>
                    <a:pt x="1903" y="145"/>
                  </a:lnTo>
                  <a:lnTo>
                    <a:pt x="1903" y="149"/>
                  </a:lnTo>
                  <a:lnTo>
                    <a:pt x="1903" y="154"/>
                  </a:lnTo>
                  <a:lnTo>
                    <a:pt x="1903" y="159"/>
                  </a:lnTo>
                  <a:lnTo>
                    <a:pt x="1902" y="164"/>
                  </a:lnTo>
                  <a:lnTo>
                    <a:pt x="1898" y="172"/>
                  </a:lnTo>
                  <a:lnTo>
                    <a:pt x="1894" y="179"/>
                  </a:lnTo>
                  <a:lnTo>
                    <a:pt x="1889" y="185"/>
                  </a:lnTo>
                  <a:lnTo>
                    <a:pt x="1883" y="190"/>
                  </a:lnTo>
                  <a:lnTo>
                    <a:pt x="1876" y="195"/>
                  </a:lnTo>
                  <a:lnTo>
                    <a:pt x="1869" y="199"/>
                  </a:lnTo>
                  <a:lnTo>
                    <a:pt x="1854" y="207"/>
                  </a:lnTo>
                  <a:lnTo>
                    <a:pt x="1866" y="215"/>
                  </a:lnTo>
                  <a:lnTo>
                    <a:pt x="1879" y="224"/>
                  </a:lnTo>
                  <a:lnTo>
                    <a:pt x="1885" y="229"/>
                  </a:lnTo>
                  <a:lnTo>
                    <a:pt x="1892" y="234"/>
                  </a:lnTo>
                  <a:lnTo>
                    <a:pt x="1898" y="240"/>
                  </a:lnTo>
                  <a:lnTo>
                    <a:pt x="1903" y="246"/>
                  </a:lnTo>
                  <a:lnTo>
                    <a:pt x="1909" y="252"/>
                  </a:lnTo>
                  <a:lnTo>
                    <a:pt x="1911" y="255"/>
                  </a:lnTo>
                  <a:lnTo>
                    <a:pt x="1913" y="258"/>
                  </a:lnTo>
                  <a:lnTo>
                    <a:pt x="1917" y="265"/>
                  </a:lnTo>
                  <a:lnTo>
                    <a:pt x="1919" y="268"/>
                  </a:lnTo>
                  <a:lnTo>
                    <a:pt x="1920" y="272"/>
                  </a:lnTo>
                  <a:lnTo>
                    <a:pt x="1922" y="279"/>
                  </a:lnTo>
                  <a:lnTo>
                    <a:pt x="1923" y="287"/>
                  </a:lnTo>
                  <a:lnTo>
                    <a:pt x="1923" y="295"/>
                  </a:lnTo>
                  <a:lnTo>
                    <a:pt x="1921" y="303"/>
                  </a:lnTo>
                  <a:lnTo>
                    <a:pt x="1919" y="309"/>
                  </a:lnTo>
                  <a:lnTo>
                    <a:pt x="1917" y="312"/>
                  </a:lnTo>
                  <a:lnTo>
                    <a:pt x="1916" y="315"/>
                  </a:lnTo>
                  <a:lnTo>
                    <a:pt x="1912" y="320"/>
                  </a:lnTo>
                  <a:lnTo>
                    <a:pt x="1908" y="324"/>
                  </a:lnTo>
                  <a:lnTo>
                    <a:pt x="1904" y="328"/>
                  </a:lnTo>
                  <a:lnTo>
                    <a:pt x="1899" y="332"/>
                  </a:lnTo>
                  <a:lnTo>
                    <a:pt x="1894" y="335"/>
                  </a:lnTo>
                  <a:lnTo>
                    <a:pt x="1888" y="337"/>
                  </a:lnTo>
                  <a:lnTo>
                    <a:pt x="1883" y="340"/>
                  </a:lnTo>
                  <a:lnTo>
                    <a:pt x="1877" y="342"/>
                  </a:lnTo>
                  <a:lnTo>
                    <a:pt x="1870" y="343"/>
                  </a:lnTo>
                  <a:lnTo>
                    <a:pt x="1864" y="344"/>
                  </a:lnTo>
                  <a:lnTo>
                    <a:pt x="1852" y="346"/>
                  </a:lnTo>
                  <a:lnTo>
                    <a:pt x="1840" y="347"/>
                  </a:lnTo>
                  <a:lnTo>
                    <a:pt x="1836" y="348"/>
                  </a:lnTo>
                  <a:lnTo>
                    <a:pt x="1832" y="349"/>
                  </a:lnTo>
                  <a:lnTo>
                    <a:pt x="1825" y="349"/>
                  </a:lnTo>
                  <a:lnTo>
                    <a:pt x="1828" y="359"/>
                  </a:lnTo>
                  <a:lnTo>
                    <a:pt x="1832" y="369"/>
                  </a:lnTo>
                  <a:lnTo>
                    <a:pt x="1836" y="379"/>
                  </a:lnTo>
                  <a:lnTo>
                    <a:pt x="1840" y="387"/>
                  </a:lnTo>
                  <a:lnTo>
                    <a:pt x="1846" y="400"/>
                  </a:lnTo>
                  <a:lnTo>
                    <a:pt x="1853" y="412"/>
                  </a:lnTo>
                  <a:lnTo>
                    <a:pt x="1862" y="423"/>
                  </a:lnTo>
                  <a:lnTo>
                    <a:pt x="1866" y="428"/>
                  </a:lnTo>
                  <a:lnTo>
                    <a:pt x="1871" y="433"/>
                  </a:lnTo>
                  <a:lnTo>
                    <a:pt x="1877" y="437"/>
                  </a:lnTo>
                  <a:lnTo>
                    <a:pt x="1882" y="442"/>
                  </a:lnTo>
                  <a:lnTo>
                    <a:pt x="1888" y="446"/>
                  </a:lnTo>
                  <a:lnTo>
                    <a:pt x="1895" y="450"/>
                  </a:lnTo>
                  <a:lnTo>
                    <a:pt x="1902" y="453"/>
                  </a:lnTo>
                  <a:lnTo>
                    <a:pt x="1909" y="456"/>
                  </a:lnTo>
                  <a:lnTo>
                    <a:pt x="1917" y="459"/>
                  </a:lnTo>
                  <a:lnTo>
                    <a:pt x="1925" y="461"/>
                  </a:lnTo>
                  <a:lnTo>
                    <a:pt x="1935" y="464"/>
                  </a:lnTo>
                  <a:lnTo>
                    <a:pt x="1945" y="466"/>
                  </a:lnTo>
                  <a:lnTo>
                    <a:pt x="1954" y="467"/>
                  </a:lnTo>
                  <a:lnTo>
                    <a:pt x="1964" y="467"/>
                  </a:lnTo>
                  <a:lnTo>
                    <a:pt x="1973" y="467"/>
                  </a:lnTo>
                  <a:lnTo>
                    <a:pt x="1982" y="466"/>
                  </a:lnTo>
                  <a:lnTo>
                    <a:pt x="1991" y="465"/>
                  </a:lnTo>
                  <a:lnTo>
                    <a:pt x="1999" y="462"/>
                  </a:lnTo>
                  <a:lnTo>
                    <a:pt x="2008" y="460"/>
                  </a:lnTo>
                  <a:lnTo>
                    <a:pt x="2016" y="456"/>
                  </a:lnTo>
                  <a:lnTo>
                    <a:pt x="2033" y="448"/>
                  </a:lnTo>
                  <a:lnTo>
                    <a:pt x="2041" y="443"/>
                  </a:lnTo>
                  <a:lnTo>
                    <a:pt x="2049" y="438"/>
                  </a:lnTo>
                  <a:lnTo>
                    <a:pt x="2065" y="426"/>
                  </a:lnTo>
                  <a:lnTo>
                    <a:pt x="2058" y="417"/>
                  </a:lnTo>
                  <a:lnTo>
                    <a:pt x="2052" y="409"/>
                  </a:lnTo>
                  <a:lnTo>
                    <a:pt x="2047" y="400"/>
                  </a:lnTo>
                  <a:lnTo>
                    <a:pt x="2044" y="395"/>
                  </a:lnTo>
                  <a:lnTo>
                    <a:pt x="2042" y="390"/>
                  </a:lnTo>
                  <a:lnTo>
                    <a:pt x="2039" y="381"/>
                  </a:lnTo>
                  <a:lnTo>
                    <a:pt x="2037" y="369"/>
                  </a:lnTo>
                  <a:lnTo>
                    <a:pt x="2037" y="364"/>
                  </a:lnTo>
                  <a:lnTo>
                    <a:pt x="2038" y="359"/>
                  </a:lnTo>
                  <a:lnTo>
                    <a:pt x="2038" y="353"/>
                  </a:lnTo>
                  <a:lnTo>
                    <a:pt x="2040" y="347"/>
                  </a:lnTo>
                  <a:lnTo>
                    <a:pt x="2043" y="339"/>
                  </a:lnTo>
                  <a:lnTo>
                    <a:pt x="2047" y="331"/>
                  </a:lnTo>
                  <a:lnTo>
                    <a:pt x="2049" y="328"/>
                  </a:lnTo>
                  <a:lnTo>
                    <a:pt x="2051" y="325"/>
                  </a:lnTo>
                  <a:lnTo>
                    <a:pt x="2056" y="319"/>
                  </a:lnTo>
                  <a:lnTo>
                    <a:pt x="2062" y="314"/>
                  </a:lnTo>
                  <a:lnTo>
                    <a:pt x="2068" y="310"/>
                  </a:lnTo>
                  <a:lnTo>
                    <a:pt x="2074" y="306"/>
                  </a:lnTo>
                  <a:lnTo>
                    <a:pt x="2078" y="305"/>
                  </a:lnTo>
                  <a:lnTo>
                    <a:pt x="2081" y="303"/>
                  </a:lnTo>
                  <a:lnTo>
                    <a:pt x="2088" y="301"/>
                  </a:lnTo>
                  <a:lnTo>
                    <a:pt x="2096" y="299"/>
                  </a:lnTo>
                  <a:lnTo>
                    <a:pt x="2100" y="298"/>
                  </a:lnTo>
                  <a:lnTo>
                    <a:pt x="2104" y="297"/>
                  </a:lnTo>
                  <a:lnTo>
                    <a:pt x="2111" y="296"/>
                  </a:lnTo>
                  <a:lnTo>
                    <a:pt x="2127" y="294"/>
                  </a:lnTo>
                  <a:lnTo>
                    <a:pt x="2144" y="294"/>
                  </a:lnTo>
                  <a:lnTo>
                    <a:pt x="2142" y="285"/>
                  </a:lnTo>
                  <a:lnTo>
                    <a:pt x="2142" y="276"/>
                  </a:lnTo>
                  <a:lnTo>
                    <a:pt x="2142" y="267"/>
                  </a:lnTo>
                  <a:lnTo>
                    <a:pt x="2143" y="263"/>
                  </a:lnTo>
                  <a:lnTo>
                    <a:pt x="2144" y="258"/>
                  </a:lnTo>
                  <a:lnTo>
                    <a:pt x="2145" y="254"/>
                  </a:lnTo>
                  <a:lnTo>
                    <a:pt x="2147" y="250"/>
                  </a:lnTo>
                  <a:lnTo>
                    <a:pt x="2152" y="242"/>
                  </a:lnTo>
                  <a:lnTo>
                    <a:pt x="2159" y="236"/>
                  </a:lnTo>
                  <a:lnTo>
                    <a:pt x="2162" y="233"/>
                  </a:lnTo>
                  <a:lnTo>
                    <a:pt x="2166" y="230"/>
                  </a:lnTo>
                  <a:lnTo>
                    <a:pt x="2170" y="228"/>
                  </a:lnTo>
                  <a:lnTo>
                    <a:pt x="2174" y="227"/>
                  </a:lnTo>
                  <a:lnTo>
                    <a:pt x="2178" y="226"/>
                  </a:lnTo>
                  <a:lnTo>
                    <a:pt x="2183" y="225"/>
                  </a:lnTo>
                  <a:lnTo>
                    <a:pt x="2187" y="225"/>
                  </a:lnTo>
                  <a:lnTo>
                    <a:pt x="2192" y="225"/>
                  </a:lnTo>
                  <a:lnTo>
                    <a:pt x="2196" y="225"/>
                  </a:lnTo>
                  <a:lnTo>
                    <a:pt x="2200" y="226"/>
                  </a:lnTo>
                  <a:lnTo>
                    <a:pt x="2175" y="264"/>
                  </a:lnTo>
                  <a:lnTo>
                    <a:pt x="2151" y="301"/>
                  </a:lnTo>
                  <a:lnTo>
                    <a:pt x="2139" y="320"/>
                  </a:lnTo>
                  <a:lnTo>
                    <a:pt x="2126" y="340"/>
                  </a:lnTo>
                  <a:lnTo>
                    <a:pt x="2104" y="379"/>
                  </a:lnTo>
                  <a:lnTo>
                    <a:pt x="2093" y="399"/>
                  </a:lnTo>
                  <a:lnTo>
                    <a:pt x="2083" y="419"/>
                  </a:lnTo>
                  <a:lnTo>
                    <a:pt x="2073" y="439"/>
                  </a:lnTo>
                  <a:lnTo>
                    <a:pt x="2063" y="459"/>
                  </a:lnTo>
                  <a:lnTo>
                    <a:pt x="2054" y="480"/>
                  </a:lnTo>
                  <a:lnTo>
                    <a:pt x="2045" y="500"/>
                  </a:lnTo>
                  <a:lnTo>
                    <a:pt x="2036" y="522"/>
                  </a:lnTo>
                  <a:lnTo>
                    <a:pt x="2027" y="543"/>
                  </a:lnTo>
                  <a:lnTo>
                    <a:pt x="1840" y="488"/>
                  </a:lnTo>
                  <a:lnTo>
                    <a:pt x="1763" y="467"/>
                  </a:lnTo>
                  <a:lnTo>
                    <a:pt x="1717" y="453"/>
                  </a:lnTo>
                  <a:close/>
                  <a:moveTo>
                    <a:pt x="1717" y="1416"/>
                  </a:moveTo>
                  <a:lnTo>
                    <a:pt x="1714" y="1411"/>
                  </a:lnTo>
                  <a:lnTo>
                    <a:pt x="1717" y="1359"/>
                  </a:lnTo>
                  <a:lnTo>
                    <a:pt x="1723" y="1294"/>
                  </a:lnTo>
                  <a:lnTo>
                    <a:pt x="1840" y="1480"/>
                  </a:lnTo>
                  <a:lnTo>
                    <a:pt x="1760" y="1483"/>
                  </a:lnTo>
                  <a:lnTo>
                    <a:pt x="1717" y="1416"/>
                  </a:lnTo>
                  <a:close/>
                  <a:moveTo>
                    <a:pt x="1840" y="1246"/>
                  </a:moveTo>
                  <a:lnTo>
                    <a:pt x="1827" y="1228"/>
                  </a:lnTo>
                  <a:lnTo>
                    <a:pt x="1840" y="1234"/>
                  </a:lnTo>
                  <a:lnTo>
                    <a:pt x="1935" y="1273"/>
                  </a:lnTo>
                  <a:lnTo>
                    <a:pt x="2066" y="1483"/>
                  </a:lnTo>
                  <a:lnTo>
                    <a:pt x="1987" y="1483"/>
                  </a:lnTo>
                  <a:lnTo>
                    <a:pt x="1840" y="1246"/>
                  </a:lnTo>
                  <a:close/>
                  <a:moveTo>
                    <a:pt x="1023" y="940"/>
                  </a:moveTo>
                  <a:lnTo>
                    <a:pt x="1013" y="943"/>
                  </a:lnTo>
                  <a:lnTo>
                    <a:pt x="1003" y="945"/>
                  </a:lnTo>
                  <a:lnTo>
                    <a:pt x="992" y="946"/>
                  </a:lnTo>
                  <a:lnTo>
                    <a:pt x="981" y="947"/>
                  </a:lnTo>
                  <a:lnTo>
                    <a:pt x="970" y="946"/>
                  </a:lnTo>
                  <a:lnTo>
                    <a:pt x="959" y="945"/>
                  </a:lnTo>
                  <a:lnTo>
                    <a:pt x="948" y="943"/>
                  </a:lnTo>
                  <a:lnTo>
                    <a:pt x="936" y="940"/>
                  </a:lnTo>
                  <a:lnTo>
                    <a:pt x="929" y="938"/>
                  </a:lnTo>
                  <a:lnTo>
                    <a:pt x="921" y="935"/>
                  </a:lnTo>
                  <a:lnTo>
                    <a:pt x="913" y="932"/>
                  </a:lnTo>
                  <a:lnTo>
                    <a:pt x="906" y="929"/>
                  </a:lnTo>
                  <a:lnTo>
                    <a:pt x="900" y="925"/>
                  </a:lnTo>
                  <a:lnTo>
                    <a:pt x="893" y="921"/>
                  </a:lnTo>
                  <a:lnTo>
                    <a:pt x="881" y="912"/>
                  </a:lnTo>
                  <a:lnTo>
                    <a:pt x="875" y="907"/>
                  </a:lnTo>
                  <a:lnTo>
                    <a:pt x="870" y="902"/>
                  </a:lnTo>
                  <a:lnTo>
                    <a:pt x="865" y="897"/>
                  </a:lnTo>
                  <a:lnTo>
                    <a:pt x="860" y="891"/>
                  </a:lnTo>
                  <a:lnTo>
                    <a:pt x="855" y="886"/>
                  </a:lnTo>
                  <a:lnTo>
                    <a:pt x="851" y="880"/>
                  </a:lnTo>
                  <a:lnTo>
                    <a:pt x="847" y="874"/>
                  </a:lnTo>
                  <a:lnTo>
                    <a:pt x="843" y="867"/>
                  </a:lnTo>
                  <a:lnTo>
                    <a:pt x="839" y="861"/>
                  </a:lnTo>
                  <a:lnTo>
                    <a:pt x="836" y="854"/>
                  </a:lnTo>
                  <a:lnTo>
                    <a:pt x="833" y="847"/>
                  </a:lnTo>
                  <a:lnTo>
                    <a:pt x="831" y="840"/>
                  </a:lnTo>
                  <a:lnTo>
                    <a:pt x="829" y="833"/>
                  </a:lnTo>
                  <a:lnTo>
                    <a:pt x="827" y="826"/>
                  </a:lnTo>
                  <a:lnTo>
                    <a:pt x="825" y="819"/>
                  </a:lnTo>
                  <a:lnTo>
                    <a:pt x="824" y="811"/>
                  </a:lnTo>
                  <a:lnTo>
                    <a:pt x="824" y="804"/>
                  </a:lnTo>
                  <a:lnTo>
                    <a:pt x="823" y="796"/>
                  </a:lnTo>
                  <a:lnTo>
                    <a:pt x="823" y="789"/>
                  </a:lnTo>
                  <a:lnTo>
                    <a:pt x="824" y="781"/>
                  </a:lnTo>
                  <a:lnTo>
                    <a:pt x="824" y="773"/>
                  </a:lnTo>
                  <a:lnTo>
                    <a:pt x="825" y="766"/>
                  </a:lnTo>
                  <a:lnTo>
                    <a:pt x="827" y="758"/>
                  </a:lnTo>
                  <a:lnTo>
                    <a:pt x="829" y="750"/>
                  </a:lnTo>
                  <a:lnTo>
                    <a:pt x="834" y="736"/>
                  </a:lnTo>
                  <a:lnTo>
                    <a:pt x="837" y="728"/>
                  </a:lnTo>
                  <a:lnTo>
                    <a:pt x="840" y="721"/>
                  </a:lnTo>
                  <a:lnTo>
                    <a:pt x="844" y="715"/>
                  </a:lnTo>
                  <a:lnTo>
                    <a:pt x="848" y="708"/>
                  </a:lnTo>
                  <a:lnTo>
                    <a:pt x="852" y="702"/>
                  </a:lnTo>
                  <a:lnTo>
                    <a:pt x="857" y="696"/>
                  </a:lnTo>
                  <a:lnTo>
                    <a:pt x="867" y="685"/>
                  </a:lnTo>
                  <a:lnTo>
                    <a:pt x="873" y="680"/>
                  </a:lnTo>
                  <a:lnTo>
                    <a:pt x="878" y="675"/>
                  </a:lnTo>
                  <a:lnTo>
                    <a:pt x="884" y="670"/>
                  </a:lnTo>
                  <a:lnTo>
                    <a:pt x="890" y="666"/>
                  </a:lnTo>
                  <a:lnTo>
                    <a:pt x="896" y="662"/>
                  </a:lnTo>
                  <a:lnTo>
                    <a:pt x="903" y="658"/>
                  </a:lnTo>
                  <a:lnTo>
                    <a:pt x="909" y="655"/>
                  </a:lnTo>
                  <a:lnTo>
                    <a:pt x="917" y="652"/>
                  </a:lnTo>
                  <a:lnTo>
                    <a:pt x="924" y="649"/>
                  </a:lnTo>
                  <a:lnTo>
                    <a:pt x="931" y="647"/>
                  </a:lnTo>
                  <a:lnTo>
                    <a:pt x="938" y="644"/>
                  </a:lnTo>
                  <a:lnTo>
                    <a:pt x="945" y="643"/>
                  </a:lnTo>
                  <a:lnTo>
                    <a:pt x="960" y="640"/>
                  </a:lnTo>
                  <a:lnTo>
                    <a:pt x="968" y="640"/>
                  </a:lnTo>
                  <a:lnTo>
                    <a:pt x="975" y="639"/>
                  </a:lnTo>
                  <a:lnTo>
                    <a:pt x="983" y="639"/>
                  </a:lnTo>
                  <a:lnTo>
                    <a:pt x="991" y="640"/>
                  </a:lnTo>
                  <a:lnTo>
                    <a:pt x="1006" y="642"/>
                  </a:lnTo>
                  <a:lnTo>
                    <a:pt x="1021" y="646"/>
                  </a:lnTo>
                  <a:lnTo>
                    <a:pt x="1029" y="648"/>
                  </a:lnTo>
                  <a:lnTo>
                    <a:pt x="1036" y="651"/>
                  </a:lnTo>
                  <a:lnTo>
                    <a:pt x="1050" y="658"/>
                  </a:lnTo>
                  <a:lnTo>
                    <a:pt x="1063" y="666"/>
                  </a:lnTo>
                  <a:lnTo>
                    <a:pt x="1069" y="670"/>
                  </a:lnTo>
                  <a:lnTo>
                    <a:pt x="1075" y="674"/>
                  </a:lnTo>
                  <a:lnTo>
                    <a:pt x="1086" y="684"/>
                  </a:lnTo>
                  <a:lnTo>
                    <a:pt x="1096" y="695"/>
                  </a:lnTo>
                  <a:lnTo>
                    <a:pt x="1101" y="701"/>
                  </a:lnTo>
                  <a:lnTo>
                    <a:pt x="1105" y="707"/>
                  </a:lnTo>
                  <a:lnTo>
                    <a:pt x="1113" y="719"/>
                  </a:lnTo>
                  <a:lnTo>
                    <a:pt x="1119" y="732"/>
                  </a:lnTo>
                  <a:lnTo>
                    <a:pt x="1122" y="739"/>
                  </a:lnTo>
                  <a:lnTo>
                    <a:pt x="1124" y="746"/>
                  </a:lnTo>
                  <a:lnTo>
                    <a:pt x="1128" y="760"/>
                  </a:lnTo>
                  <a:lnTo>
                    <a:pt x="1130" y="768"/>
                  </a:lnTo>
                  <a:lnTo>
                    <a:pt x="1131" y="775"/>
                  </a:lnTo>
                  <a:lnTo>
                    <a:pt x="1132" y="782"/>
                  </a:lnTo>
                  <a:lnTo>
                    <a:pt x="1132" y="790"/>
                  </a:lnTo>
                  <a:lnTo>
                    <a:pt x="1132" y="797"/>
                  </a:lnTo>
                  <a:lnTo>
                    <a:pt x="1131" y="805"/>
                  </a:lnTo>
                  <a:lnTo>
                    <a:pt x="1131" y="813"/>
                  </a:lnTo>
                  <a:lnTo>
                    <a:pt x="1129" y="820"/>
                  </a:lnTo>
                  <a:lnTo>
                    <a:pt x="1128" y="828"/>
                  </a:lnTo>
                  <a:lnTo>
                    <a:pt x="1126" y="835"/>
                  </a:lnTo>
                  <a:lnTo>
                    <a:pt x="1123" y="845"/>
                  </a:lnTo>
                  <a:lnTo>
                    <a:pt x="1119" y="854"/>
                  </a:lnTo>
                  <a:lnTo>
                    <a:pt x="1115" y="863"/>
                  </a:lnTo>
                  <a:lnTo>
                    <a:pt x="1111" y="871"/>
                  </a:lnTo>
                  <a:lnTo>
                    <a:pt x="1108" y="875"/>
                  </a:lnTo>
                  <a:lnTo>
                    <a:pt x="1105" y="879"/>
                  </a:lnTo>
                  <a:lnTo>
                    <a:pt x="1100" y="887"/>
                  </a:lnTo>
                  <a:lnTo>
                    <a:pt x="1094" y="894"/>
                  </a:lnTo>
                  <a:lnTo>
                    <a:pt x="1087" y="901"/>
                  </a:lnTo>
                  <a:lnTo>
                    <a:pt x="1080" y="908"/>
                  </a:lnTo>
                  <a:lnTo>
                    <a:pt x="1073" y="914"/>
                  </a:lnTo>
                  <a:lnTo>
                    <a:pt x="1065" y="919"/>
                  </a:lnTo>
                  <a:lnTo>
                    <a:pt x="1057" y="924"/>
                  </a:lnTo>
                  <a:lnTo>
                    <a:pt x="1049" y="929"/>
                  </a:lnTo>
                  <a:lnTo>
                    <a:pt x="1041" y="933"/>
                  </a:lnTo>
                  <a:lnTo>
                    <a:pt x="1032" y="937"/>
                  </a:lnTo>
                  <a:lnTo>
                    <a:pt x="1023" y="940"/>
                  </a:lnTo>
                  <a:close/>
                  <a:moveTo>
                    <a:pt x="2250" y="1313"/>
                  </a:moveTo>
                  <a:lnTo>
                    <a:pt x="2241" y="1313"/>
                  </a:lnTo>
                  <a:lnTo>
                    <a:pt x="2232" y="1312"/>
                  </a:lnTo>
                  <a:lnTo>
                    <a:pt x="2223" y="1310"/>
                  </a:lnTo>
                  <a:lnTo>
                    <a:pt x="2215" y="1308"/>
                  </a:lnTo>
                  <a:lnTo>
                    <a:pt x="2207" y="1306"/>
                  </a:lnTo>
                  <a:lnTo>
                    <a:pt x="2200" y="1303"/>
                  </a:lnTo>
                  <a:lnTo>
                    <a:pt x="2193" y="1300"/>
                  </a:lnTo>
                  <a:lnTo>
                    <a:pt x="2186" y="1297"/>
                  </a:lnTo>
                  <a:lnTo>
                    <a:pt x="2179" y="1293"/>
                  </a:lnTo>
                  <a:lnTo>
                    <a:pt x="2172" y="1289"/>
                  </a:lnTo>
                  <a:lnTo>
                    <a:pt x="2160" y="1280"/>
                  </a:lnTo>
                  <a:lnTo>
                    <a:pt x="2155" y="1275"/>
                  </a:lnTo>
                  <a:lnTo>
                    <a:pt x="2149" y="1270"/>
                  </a:lnTo>
                  <a:lnTo>
                    <a:pt x="2144" y="1265"/>
                  </a:lnTo>
                  <a:lnTo>
                    <a:pt x="2139" y="1259"/>
                  </a:lnTo>
                  <a:lnTo>
                    <a:pt x="2133" y="1253"/>
                  </a:lnTo>
                  <a:lnTo>
                    <a:pt x="2129" y="1247"/>
                  </a:lnTo>
                  <a:lnTo>
                    <a:pt x="2125" y="1241"/>
                  </a:lnTo>
                  <a:lnTo>
                    <a:pt x="2121" y="1235"/>
                  </a:lnTo>
                  <a:lnTo>
                    <a:pt x="2118" y="1228"/>
                  </a:lnTo>
                  <a:lnTo>
                    <a:pt x="2115" y="1222"/>
                  </a:lnTo>
                  <a:lnTo>
                    <a:pt x="2112" y="1215"/>
                  </a:lnTo>
                  <a:lnTo>
                    <a:pt x="2109" y="1208"/>
                  </a:lnTo>
                  <a:lnTo>
                    <a:pt x="2107" y="1201"/>
                  </a:lnTo>
                  <a:lnTo>
                    <a:pt x="2105" y="1193"/>
                  </a:lnTo>
                  <a:lnTo>
                    <a:pt x="2104" y="1186"/>
                  </a:lnTo>
                  <a:lnTo>
                    <a:pt x="2103" y="1178"/>
                  </a:lnTo>
                  <a:lnTo>
                    <a:pt x="2102" y="1171"/>
                  </a:lnTo>
                  <a:lnTo>
                    <a:pt x="2101" y="1163"/>
                  </a:lnTo>
                  <a:lnTo>
                    <a:pt x="2101" y="1155"/>
                  </a:lnTo>
                  <a:lnTo>
                    <a:pt x="2102" y="1148"/>
                  </a:lnTo>
                  <a:lnTo>
                    <a:pt x="2103" y="1140"/>
                  </a:lnTo>
                  <a:lnTo>
                    <a:pt x="2104" y="1132"/>
                  </a:lnTo>
                  <a:lnTo>
                    <a:pt x="2105" y="1124"/>
                  </a:lnTo>
                  <a:lnTo>
                    <a:pt x="2107" y="1116"/>
                  </a:lnTo>
                  <a:lnTo>
                    <a:pt x="2111" y="1104"/>
                  </a:lnTo>
                  <a:lnTo>
                    <a:pt x="2116" y="1093"/>
                  </a:lnTo>
                  <a:lnTo>
                    <a:pt x="2122" y="1082"/>
                  </a:lnTo>
                  <a:lnTo>
                    <a:pt x="2128" y="1072"/>
                  </a:lnTo>
                  <a:lnTo>
                    <a:pt x="2136" y="1063"/>
                  </a:lnTo>
                  <a:lnTo>
                    <a:pt x="2144" y="1054"/>
                  </a:lnTo>
                  <a:lnTo>
                    <a:pt x="2153" y="1046"/>
                  </a:lnTo>
                  <a:lnTo>
                    <a:pt x="2162" y="1038"/>
                  </a:lnTo>
                  <a:lnTo>
                    <a:pt x="2167" y="1035"/>
                  </a:lnTo>
                  <a:lnTo>
                    <a:pt x="2171" y="1031"/>
                  </a:lnTo>
                  <a:lnTo>
                    <a:pt x="2181" y="1025"/>
                  </a:lnTo>
                  <a:lnTo>
                    <a:pt x="2192" y="1020"/>
                  </a:lnTo>
                  <a:lnTo>
                    <a:pt x="2197" y="1018"/>
                  </a:lnTo>
                  <a:lnTo>
                    <a:pt x="2203" y="1015"/>
                  </a:lnTo>
                  <a:lnTo>
                    <a:pt x="2214" y="1012"/>
                  </a:lnTo>
                  <a:lnTo>
                    <a:pt x="2226" y="1009"/>
                  </a:lnTo>
                  <a:lnTo>
                    <a:pt x="2238" y="1007"/>
                  </a:lnTo>
                  <a:lnTo>
                    <a:pt x="2244" y="1006"/>
                  </a:lnTo>
                  <a:lnTo>
                    <a:pt x="2250" y="1006"/>
                  </a:lnTo>
                  <a:lnTo>
                    <a:pt x="2262" y="1005"/>
                  </a:lnTo>
                  <a:lnTo>
                    <a:pt x="2274" y="1006"/>
                  </a:lnTo>
                  <a:lnTo>
                    <a:pt x="2280" y="1006"/>
                  </a:lnTo>
                  <a:lnTo>
                    <a:pt x="2287" y="1008"/>
                  </a:lnTo>
                  <a:lnTo>
                    <a:pt x="2300" y="1011"/>
                  </a:lnTo>
                  <a:lnTo>
                    <a:pt x="2315" y="1016"/>
                  </a:lnTo>
                  <a:lnTo>
                    <a:pt x="2322" y="1019"/>
                  </a:lnTo>
                  <a:lnTo>
                    <a:pt x="2328" y="1022"/>
                  </a:lnTo>
                  <a:lnTo>
                    <a:pt x="2335" y="1026"/>
                  </a:lnTo>
                  <a:lnTo>
                    <a:pt x="2342" y="1030"/>
                  </a:lnTo>
                  <a:lnTo>
                    <a:pt x="2348" y="1035"/>
                  </a:lnTo>
                  <a:lnTo>
                    <a:pt x="2354" y="1039"/>
                  </a:lnTo>
                  <a:lnTo>
                    <a:pt x="2365" y="1049"/>
                  </a:lnTo>
                  <a:lnTo>
                    <a:pt x="2375" y="1060"/>
                  </a:lnTo>
                  <a:lnTo>
                    <a:pt x="2379" y="1066"/>
                  </a:lnTo>
                  <a:lnTo>
                    <a:pt x="2383" y="1072"/>
                  </a:lnTo>
                  <a:lnTo>
                    <a:pt x="2391" y="1085"/>
                  </a:lnTo>
                  <a:lnTo>
                    <a:pt x="2398" y="1098"/>
                  </a:lnTo>
                  <a:lnTo>
                    <a:pt x="2403" y="1112"/>
                  </a:lnTo>
                  <a:lnTo>
                    <a:pt x="2407" y="1127"/>
                  </a:lnTo>
                  <a:lnTo>
                    <a:pt x="2408" y="1134"/>
                  </a:lnTo>
                  <a:lnTo>
                    <a:pt x="2409" y="1142"/>
                  </a:lnTo>
                  <a:lnTo>
                    <a:pt x="2410" y="1149"/>
                  </a:lnTo>
                  <a:lnTo>
                    <a:pt x="2410" y="1156"/>
                  </a:lnTo>
                  <a:lnTo>
                    <a:pt x="2410" y="1164"/>
                  </a:lnTo>
                  <a:lnTo>
                    <a:pt x="2410" y="1172"/>
                  </a:lnTo>
                  <a:lnTo>
                    <a:pt x="2409" y="1179"/>
                  </a:lnTo>
                  <a:lnTo>
                    <a:pt x="2408" y="1187"/>
                  </a:lnTo>
                  <a:lnTo>
                    <a:pt x="2406" y="1194"/>
                  </a:lnTo>
                  <a:lnTo>
                    <a:pt x="2404" y="1202"/>
                  </a:lnTo>
                  <a:lnTo>
                    <a:pt x="2402" y="1208"/>
                  </a:lnTo>
                  <a:lnTo>
                    <a:pt x="2400" y="1215"/>
                  </a:lnTo>
                  <a:lnTo>
                    <a:pt x="2398" y="1221"/>
                  </a:lnTo>
                  <a:lnTo>
                    <a:pt x="2395" y="1227"/>
                  </a:lnTo>
                  <a:lnTo>
                    <a:pt x="2389" y="1239"/>
                  </a:lnTo>
                  <a:lnTo>
                    <a:pt x="2382" y="1250"/>
                  </a:lnTo>
                  <a:lnTo>
                    <a:pt x="2378" y="1255"/>
                  </a:lnTo>
                  <a:lnTo>
                    <a:pt x="2374" y="1260"/>
                  </a:lnTo>
                  <a:lnTo>
                    <a:pt x="2365" y="1269"/>
                  </a:lnTo>
                  <a:lnTo>
                    <a:pt x="2356" y="1278"/>
                  </a:lnTo>
                  <a:lnTo>
                    <a:pt x="2346" y="1285"/>
                  </a:lnTo>
                  <a:lnTo>
                    <a:pt x="2335" y="1292"/>
                  </a:lnTo>
                  <a:lnTo>
                    <a:pt x="2330" y="1295"/>
                  </a:lnTo>
                  <a:lnTo>
                    <a:pt x="2324" y="1298"/>
                  </a:lnTo>
                  <a:lnTo>
                    <a:pt x="2312" y="1303"/>
                  </a:lnTo>
                  <a:lnTo>
                    <a:pt x="2307" y="1305"/>
                  </a:lnTo>
                  <a:lnTo>
                    <a:pt x="2301" y="1307"/>
                  </a:lnTo>
                  <a:lnTo>
                    <a:pt x="2288" y="1310"/>
                  </a:lnTo>
                  <a:lnTo>
                    <a:pt x="2276" y="1312"/>
                  </a:lnTo>
                  <a:lnTo>
                    <a:pt x="2263" y="1313"/>
                  </a:lnTo>
                  <a:lnTo>
                    <a:pt x="2250" y="1313"/>
                  </a:lnTo>
                  <a:close/>
                  <a:moveTo>
                    <a:pt x="1023" y="612"/>
                  </a:moveTo>
                  <a:lnTo>
                    <a:pt x="1005" y="608"/>
                  </a:lnTo>
                  <a:lnTo>
                    <a:pt x="996" y="607"/>
                  </a:lnTo>
                  <a:lnTo>
                    <a:pt x="987" y="607"/>
                  </a:lnTo>
                  <a:lnTo>
                    <a:pt x="969" y="607"/>
                  </a:lnTo>
                  <a:lnTo>
                    <a:pt x="960" y="607"/>
                  </a:lnTo>
                  <a:lnTo>
                    <a:pt x="952" y="608"/>
                  </a:lnTo>
                  <a:lnTo>
                    <a:pt x="943" y="610"/>
                  </a:lnTo>
                  <a:lnTo>
                    <a:pt x="934" y="612"/>
                  </a:lnTo>
                  <a:lnTo>
                    <a:pt x="926" y="614"/>
                  </a:lnTo>
                  <a:lnTo>
                    <a:pt x="917" y="616"/>
                  </a:lnTo>
                  <a:lnTo>
                    <a:pt x="908" y="620"/>
                  </a:lnTo>
                  <a:lnTo>
                    <a:pt x="900" y="623"/>
                  </a:lnTo>
                  <a:lnTo>
                    <a:pt x="892" y="627"/>
                  </a:lnTo>
                  <a:lnTo>
                    <a:pt x="885" y="631"/>
                  </a:lnTo>
                  <a:lnTo>
                    <a:pt x="877" y="636"/>
                  </a:lnTo>
                  <a:lnTo>
                    <a:pt x="870" y="640"/>
                  </a:lnTo>
                  <a:lnTo>
                    <a:pt x="863" y="646"/>
                  </a:lnTo>
                  <a:lnTo>
                    <a:pt x="856" y="651"/>
                  </a:lnTo>
                  <a:lnTo>
                    <a:pt x="849" y="657"/>
                  </a:lnTo>
                  <a:lnTo>
                    <a:pt x="843" y="663"/>
                  </a:lnTo>
                  <a:lnTo>
                    <a:pt x="831" y="677"/>
                  </a:lnTo>
                  <a:lnTo>
                    <a:pt x="826" y="684"/>
                  </a:lnTo>
                  <a:lnTo>
                    <a:pt x="821" y="691"/>
                  </a:lnTo>
                  <a:lnTo>
                    <a:pt x="816" y="699"/>
                  </a:lnTo>
                  <a:lnTo>
                    <a:pt x="812" y="707"/>
                  </a:lnTo>
                  <a:lnTo>
                    <a:pt x="808" y="715"/>
                  </a:lnTo>
                  <a:lnTo>
                    <a:pt x="805" y="724"/>
                  </a:lnTo>
                  <a:lnTo>
                    <a:pt x="802" y="733"/>
                  </a:lnTo>
                  <a:lnTo>
                    <a:pt x="799" y="742"/>
                  </a:lnTo>
                  <a:lnTo>
                    <a:pt x="796" y="751"/>
                  </a:lnTo>
                  <a:lnTo>
                    <a:pt x="794" y="760"/>
                  </a:lnTo>
                  <a:lnTo>
                    <a:pt x="793" y="769"/>
                  </a:lnTo>
                  <a:lnTo>
                    <a:pt x="792" y="779"/>
                  </a:lnTo>
                  <a:lnTo>
                    <a:pt x="792" y="788"/>
                  </a:lnTo>
                  <a:lnTo>
                    <a:pt x="792" y="797"/>
                  </a:lnTo>
                  <a:lnTo>
                    <a:pt x="792" y="806"/>
                  </a:lnTo>
                  <a:lnTo>
                    <a:pt x="793" y="815"/>
                  </a:lnTo>
                  <a:lnTo>
                    <a:pt x="794" y="824"/>
                  </a:lnTo>
                  <a:lnTo>
                    <a:pt x="796" y="833"/>
                  </a:lnTo>
                  <a:lnTo>
                    <a:pt x="798" y="842"/>
                  </a:lnTo>
                  <a:lnTo>
                    <a:pt x="801" y="851"/>
                  </a:lnTo>
                  <a:lnTo>
                    <a:pt x="804" y="859"/>
                  </a:lnTo>
                  <a:lnTo>
                    <a:pt x="807" y="867"/>
                  </a:lnTo>
                  <a:lnTo>
                    <a:pt x="811" y="875"/>
                  </a:lnTo>
                  <a:lnTo>
                    <a:pt x="815" y="883"/>
                  </a:lnTo>
                  <a:lnTo>
                    <a:pt x="819" y="891"/>
                  </a:lnTo>
                  <a:lnTo>
                    <a:pt x="824" y="899"/>
                  </a:lnTo>
                  <a:lnTo>
                    <a:pt x="829" y="906"/>
                  </a:lnTo>
                  <a:lnTo>
                    <a:pt x="835" y="913"/>
                  </a:lnTo>
                  <a:lnTo>
                    <a:pt x="841" y="920"/>
                  </a:lnTo>
                  <a:lnTo>
                    <a:pt x="847" y="926"/>
                  </a:lnTo>
                  <a:lnTo>
                    <a:pt x="854" y="932"/>
                  </a:lnTo>
                  <a:lnTo>
                    <a:pt x="861" y="938"/>
                  </a:lnTo>
                  <a:lnTo>
                    <a:pt x="875" y="949"/>
                  </a:lnTo>
                  <a:lnTo>
                    <a:pt x="883" y="954"/>
                  </a:lnTo>
                  <a:lnTo>
                    <a:pt x="891" y="958"/>
                  </a:lnTo>
                  <a:lnTo>
                    <a:pt x="900" y="962"/>
                  </a:lnTo>
                  <a:lnTo>
                    <a:pt x="908" y="966"/>
                  </a:lnTo>
                  <a:lnTo>
                    <a:pt x="918" y="969"/>
                  </a:lnTo>
                  <a:lnTo>
                    <a:pt x="927" y="972"/>
                  </a:lnTo>
                  <a:lnTo>
                    <a:pt x="939" y="975"/>
                  </a:lnTo>
                  <a:lnTo>
                    <a:pt x="952" y="977"/>
                  </a:lnTo>
                  <a:lnTo>
                    <a:pt x="964" y="978"/>
                  </a:lnTo>
                  <a:lnTo>
                    <a:pt x="976" y="979"/>
                  </a:lnTo>
                  <a:lnTo>
                    <a:pt x="988" y="979"/>
                  </a:lnTo>
                  <a:lnTo>
                    <a:pt x="1000" y="978"/>
                  </a:lnTo>
                  <a:lnTo>
                    <a:pt x="1012" y="976"/>
                  </a:lnTo>
                  <a:lnTo>
                    <a:pt x="1023" y="974"/>
                  </a:lnTo>
                  <a:lnTo>
                    <a:pt x="1034" y="971"/>
                  </a:lnTo>
                  <a:lnTo>
                    <a:pt x="1045" y="967"/>
                  </a:lnTo>
                  <a:lnTo>
                    <a:pt x="1055" y="963"/>
                  </a:lnTo>
                  <a:lnTo>
                    <a:pt x="1065" y="958"/>
                  </a:lnTo>
                  <a:lnTo>
                    <a:pt x="1074" y="953"/>
                  </a:lnTo>
                  <a:lnTo>
                    <a:pt x="1084" y="946"/>
                  </a:lnTo>
                  <a:lnTo>
                    <a:pt x="1093" y="940"/>
                  </a:lnTo>
                  <a:lnTo>
                    <a:pt x="1101" y="933"/>
                  </a:lnTo>
                  <a:lnTo>
                    <a:pt x="1109" y="925"/>
                  </a:lnTo>
                  <a:lnTo>
                    <a:pt x="1117" y="917"/>
                  </a:lnTo>
                  <a:lnTo>
                    <a:pt x="1124" y="908"/>
                  </a:lnTo>
                  <a:lnTo>
                    <a:pt x="1131" y="899"/>
                  </a:lnTo>
                  <a:lnTo>
                    <a:pt x="1137" y="890"/>
                  </a:lnTo>
                  <a:lnTo>
                    <a:pt x="1143" y="880"/>
                  </a:lnTo>
                  <a:lnTo>
                    <a:pt x="1148" y="869"/>
                  </a:lnTo>
                  <a:lnTo>
                    <a:pt x="1150" y="864"/>
                  </a:lnTo>
                  <a:lnTo>
                    <a:pt x="1153" y="859"/>
                  </a:lnTo>
                  <a:lnTo>
                    <a:pt x="1155" y="852"/>
                  </a:lnTo>
                  <a:lnTo>
                    <a:pt x="1158" y="844"/>
                  </a:lnTo>
                  <a:lnTo>
                    <a:pt x="1161" y="829"/>
                  </a:lnTo>
                  <a:lnTo>
                    <a:pt x="1164" y="814"/>
                  </a:lnTo>
                  <a:lnTo>
                    <a:pt x="1164" y="806"/>
                  </a:lnTo>
                  <a:lnTo>
                    <a:pt x="1165" y="799"/>
                  </a:lnTo>
                  <a:lnTo>
                    <a:pt x="1165" y="784"/>
                  </a:lnTo>
                  <a:lnTo>
                    <a:pt x="1163" y="769"/>
                  </a:lnTo>
                  <a:lnTo>
                    <a:pt x="1162" y="762"/>
                  </a:lnTo>
                  <a:lnTo>
                    <a:pt x="1161" y="755"/>
                  </a:lnTo>
                  <a:lnTo>
                    <a:pt x="1157" y="741"/>
                  </a:lnTo>
                  <a:lnTo>
                    <a:pt x="1153" y="727"/>
                  </a:lnTo>
                  <a:lnTo>
                    <a:pt x="1148" y="717"/>
                  </a:lnTo>
                  <a:lnTo>
                    <a:pt x="1144" y="708"/>
                  </a:lnTo>
                  <a:lnTo>
                    <a:pt x="1138" y="699"/>
                  </a:lnTo>
                  <a:lnTo>
                    <a:pt x="1133" y="689"/>
                  </a:lnTo>
                  <a:lnTo>
                    <a:pt x="1127" y="681"/>
                  </a:lnTo>
                  <a:lnTo>
                    <a:pt x="1120" y="672"/>
                  </a:lnTo>
                  <a:lnTo>
                    <a:pt x="1113" y="664"/>
                  </a:lnTo>
                  <a:lnTo>
                    <a:pt x="1105" y="657"/>
                  </a:lnTo>
                  <a:lnTo>
                    <a:pt x="1097" y="650"/>
                  </a:lnTo>
                  <a:lnTo>
                    <a:pt x="1089" y="643"/>
                  </a:lnTo>
                  <a:lnTo>
                    <a:pt x="1080" y="637"/>
                  </a:lnTo>
                  <a:lnTo>
                    <a:pt x="1071" y="631"/>
                  </a:lnTo>
                  <a:lnTo>
                    <a:pt x="1061" y="626"/>
                  </a:lnTo>
                  <a:lnTo>
                    <a:pt x="1056" y="623"/>
                  </a:lnTo>
                  <a:lnTo>
                    <a:pt x="1051" y="621"/>
                  </a:lnTo>
                  <a:lnTo>
                    <a:pt x="1041" y="617"/>
                  </a:lnTo>
                  <a:lnTo>
                    <a:pt x="1030" y="614"/>
                  </a:lnTo>
                  <a:lnTo>
                    <a:pt x="1029" y="614"/>
                  </a:lnTo>
                  <a:lnTo>
                    <a:pt x="1027" y="613"/>
                  </a:lnTo>
                  <a:lnTo>
                    <a:pt x="1025" y="612"/>
                  </a:lnTo>
                  <a:lnTo>
                    <a:pt x="1023" y="612"/>
                  </a:lnTo>
                  <a:close/>
                  <a:moveTo>
                    <a:pt x="1023" y="1103"/>
                  </a:moveTo>
                  <a:lnTo>
                    <a:pt x="767" y="1230"/>
                  </a:lnTo>
                  <a:lnTo>
                    <a:pt x="882" y="1251"/>
                  </a:lnTo>
                  <a:lnTo>
                    <a:pt x="935" y="1260"/>
                  </a:lnTo>
                  <a:lnTo>
                    <a:pt x="808" y="1320"/>
                  </a:lnTo>
                  <a:lnTo>
                    <a:pt x="863" y="1432"/>
                  </a:lnTo>
                  <a:lnTo>
                    <a:pt x="995" y="1368"/>
                  </a:lnTo>
                  <a:lnTo>
                    <a:pt x="949" y="1483"/>
                  </a:lnTo>
                  <a:lnTo>
                    <a:pt x="793" y="1483"/>
                  </a:lnTo>
                  <a:lnTo>
                    <a:pt x="779" y="1461"/>
                  </a:lnTo>
                  <a:lnTo>
                    <a:pt x="765" y="1438"/>
                  </a:lnTo>
                  <a:lnTo>
                    <a:pt x="751" y="1415"/>
                  </a:lnTo>
                  <a:lnTo>
                    <a:pt x="745" y="1403"/>
                  </a:lnTo>
                  <a:lnTo>
                    <a:pt x="738" y="1391"/>
                  </a:lnTo>
                  <a:lnTo>
                    <a:pt x="726" y="1367"/>
                  </a:lnTo>
                  <a:lnTo>
                    <a:pt x="715" y="1342"/>
                  </a:lnTo>
                  <a:lnTo>
                    <a:pt x="704" y="1318"/>
                  </a:lnTo>
                  <a:lnTo>
                    <a:pt x="693" y="1293"/>
                  </a:lnTo>
                  <a:lnTo>
                    <a:pt x="684" y="1268"/>
                  </a:lnTo>
                  <a:lnTo>
                    <a:pt x="675" y="1242"/>
                  </a:lnTo>
                  <a:lnTo>
                    <a:pt x="671" y="1229"/>
                  </a:lnTo>
                  <a:lnTo>
                    <a:pt x="667" y="1216"/>
                  </a:lnTo>
                  <a:lnTo>
                    <a:pt x="659" y="1190"/>
                  </a:lnTo>
                  <a:lnTo>
                    <a:pt x="652" y="1164"/>
                  </a:lnTo>
                  <a:lnTo>
                    <a:pt x="646" y="1138"/>
                  </a:lnTo>
                  <a:lnTo>
                    <a:pt x="640" y="1110"/>
                  </a:lnTo>
                  <a:lnTo>
                    <a:pt x="635" y="1083"/>
                  </a:lnTo>
                  <a:lnTo>
                    <a:pt x="631" y="1056"/>
                  </a:lnTo>
                  <a:lnTo>
                    <a:pt x="628" y="1029"/>
                  </a:lnTo>
                  <a:lnTo>
                    <a:pt x="625" y="1002"/>
                  </a:lnTo>
                  <a:lnTo>
                    <a:pt x="623" y="975"/>
                  </a:lnTo>
                  <a:lnTo>
                    <a:pt x="622" y="947"/>
                  </a:lnTo>
                  <a:lnTo>
                    <a:pt x="622" y="920"/>
                  </a:lnTo>
                  <a:lnTo>
                    <a:pt x="622" y="892"/>
                  </a:lnTo>
                  <a:lnTo>
                    <a:pt x="623" y="864"/>
                  </a:lnTo>
                  <a:lnTo>
                    <a:pt x="625" y="836"/>
                  </a:lnTo>
                  <a:lnTo>
                    <a:pt x="628" y="808"/>
                  </a:lnTo>
                  <a:lnTo>
                    <a:pt x="631" y="780"/>
                  </a:lnTo>
                  <a:lnTo>
                    <a:pt x="635" y="752"/>
                  </a:lnTo>
                  <a:lnTo>
                    <a:pt x="640" y="724"/>
                  </a:lnTo>
                  <a:lnTo>
                    <a:pt x="646" y="696"/>
                  </a:lnTo>
                  <a:lnTo>
                    <a:pt x="653" y="668"/>
                  </a:lnTo>
                  <a:lnTo>
                    <a:pt x="661" y="640"/>
                  </a:lnTo>
                  <a:lnTo>
                    <a:pt x="667" y="620"/>
                  </a:lnTo>
                  <a:lnTo>
                    <a:pt x="673" y="600"/>
                  </a:lnTo>
                  <a:lnTo>
                    <a:pt x="680" y="580"/>
                  </a:lnTo>
                  <a:lnTo>
                    <a:pt x="687" y="561"/>
                  </a:lnTo>
                  <a:lnTo>
                    <a:pt x="695" y="541"/>
                  </a:lnTo>
                  <a:lnTo>
                    <a:pt x="703" y="522"/>
                  </a:lnTo>
                  <a:lnTo>
                    <a:pt x="720" y="484"/>
                  </a:lnTo>
                  <a:lnTo>
                    <a:pt x="729" y="466"/>
                  </a:lnTo>
                  <a:lnTo>
                    <a:pt x="739" y="447"/>
                  </a:lnTo>
                  <a:lnTo>
                    <a:pt x="759" y="412"/>
                  </a:lnTo>
                  <a:lnTo>
                    <a:pt x="769" y="394"/>
                  </a:lnTo>
                  <a:lnTo>
                    <a:pt x="780" y="377"/>
                  </a:lnTo>
                  <a:lnTo>
                    <a:pt x="791" y="359"/>
                  </a:lnTo>
                  <a:lnTo>
                    <a:pt x="802" y="342"/>
                  </a:lnTo>
                  <a:lnTo>
                    <a:pt x="814" y="326"/>
                  </a:lnTo>
                  <a:lnTo>
                    <a:pt x="826" y="310"/>
                  </a:lnTo>
                  <a:lnTo>
                    <a:pt x="838" y="294"/>
                  </a:lnTo>
                  <a:lnTo>
                    <a:pt x="851" y="278"/>
                  </a:lnTo>
                  <a:lnTo>
                    <a:pt x="863" y="263"/>
                  </a:lnTo>
                  <a:lnTo>
                    <a:pt x="877" y="248"/>
                  </a:lnTo>
                  <a:lnTo>
                    <a:pt x="890" y="233"/>
                  </a:lnTo>
                  <a:lnTo>
                    <a:pt x="904" y="218"/>
                  </a:lnTo>
                  <a:lnTo>
                    <a:pt x="919" y="204"/>
                  </a:lnTo>
                  <a:lnTo>
                    <a:pt x="933" y="190"/>
                  </a:lnTo>
                  <a:lnTo>
                    <a:pt x="947" y="177"/>
                  </a:lnTo>
                  <a:lnTo>
                    <a:pt x="962" y="163"/>
                  </a:lnTo>
                  <a:lnTo>
                    <a:pt x="977" y="150"/>
                  </a:lnTo>
                  <a:lnTo>
                    <a:pt x="992" y="138"/>
                  </a:lnTo>
                  <a:lnTo>
                    <a:pt x="1007" y="125"/>
                  </a:lnTo>
                  <a:lnTo>
                    <a:pt x="1023" y="113"/>
                  </a:lnTo>
                  <a:lnTo>
                    <a:pt x="1039" y="102"/>
                  </a:lnTo>
                  <a:lnTo>
                    <a:pt x="1054" y="91"/>
                  </a:lnTo>
                  <a:lnTo>
                    <a:pt x="1087" y="70"/>
                  </a:lnTo>
                  <a:lnTo>
                    <a:pt x="1119" y="50"/>
                  </a:lnTo>
                  <a:lnTo>
                    <a:pt x="1136" y="40"/>
                  </a:lnTo>
                  <a:lnTo>
                    <a:pt x="1153" y="31"/>
                  </a:lnTo>
                  <a:lnTo>
                    <a:pt x="1171" y="21"/>
                  </a:lnTo>
                  <a:lnTo>
                    <a:pt x="1192" y="10"/>
                  </a:lnTo>
                  <a:lnTo>
                    <a:pt x="1339" y="10"/>
                  </a:lnTo>
                  <a:lnTo>
                    <a:pt x="1356" y="10"/>
                  </a:lnTo>
                  <a:lnTo>
                    <a:pt x="1484" y="10"/>
                  </a:lnTo>
                  <a:lnTo>
                    <a:pt x="1486" y="37"/>
                  </a:lnTo>
                  <a:lnTo>
                    <a:pt x="1487" y="63"/>
                  </a:lnTo>
                  <a:lnTo>
                    <a:pt x="1488" y="89"/>
                  </a:lnTo>
                  <a:lnTo>
                    <a:pt x="1489" y="114"/>
                  </a:lnTo>
                  <a:lnTo>
                    <a:pt x="1489" y="139"/>
                  </a:lnTo>
                  <a:lnTo>
                    <a:pt x="1489" y="164"/>
                  </a:lnTo>
                  <a:lnTo>
                    <a:pt x="1489" y="188"/>
                  </a:lnTo>
                  <a:lnTo>
                    <a:pt x="1488" y="212"/>
                  </a:lnTo>
                  <a:lnTo>
                    <a:pt x="1486" y="236"/>
                  </a:lnTo>
                  <a:lnTo>
                    <a:pt x="1484" y="261"/>
                  </a:lnTo>
                  <a:lnTo>
                    <a:pt x="1482" y="285"/>
                  </a:lnTo>
                  <a:lnTo>
                    <a:pt x="1479" y="310"/>
                  </a:lnTo>
                  <a:lnTo>
                    <a:pt x="1475" y="335"/>
                  </a:lnTo>
                  <a:lnTo>
                    <a:pt x="1471" y="360"/>
                  </a:lnTo>
                  <a:lnTo>
                    <a:pt x="1466" y="387"/>
                  </a:lnTo>
                  <a:lnTo>
                    <a:pt x="1461" y="414"/>
                  </a:lnTo>
                  <a:lnTo>
                    <a:pt x="1717" y="488"/>
                  </a:lnTo>
                  <a:lnTo>
                    <a:pt x="1754" y="497"/>
                  </a:lnTo>
                  <a:lnTo>
                    <a:pt x="1840" y="522"/>
                  </a:lnTo>
                  <a:lnTo>
                    <a:pt x="2047" y="582"/>
                  </a:lnTo>
                  <a:lnTo>
                    <a:pt x="2067" y="531"/>
                  </a:lnTo>
                  <a:lnTo>
                    <a:pt x="2078" y="506"/>
                  </a:lnTo>
                  <a:lnTo>
                    <a:pt x="2088" y="482"/>
                  </a:lnTo>
                  <a:lnTo>
                    <a:pt x="2099" y="459"/>
                  </a:lnTo>
                  <a:lnTo>
                    <a:pt x="2110" y="436"/>
                  </a:lnTo>
                  <a:lnTo>
                    <a:pt x="2122" y="414"/>
                  </a:lnTo>
                  <a:lnTo>
                    <a:pt x="2134" y="392"/>
                  </a:lnTo>
                  <a:lnTo>
                    <a:pt x="2147" y="371"/>
                  </a:lnTo>
                  <a:lnTo>
                    <a:pt x="2160" y="348"/>
                  </a:lnTo>
                  <a:lnTo>
                    <a:pt x="2187" y="305"/>
                  </a:lnTo>
                  <a:lnTo>
                    <a:pt x="2216" y="262"/>
                  </a:lnTo>
                  <a:lnTo>
                    <a:pt x="2248" y="218"/>
                  </a:lnTo>
                  <a:lnTo>
                    <a:pt x="2239" y="211"/>
                  </a:lnTo>
                  <a:lnTo>
                    <a:pt x="2230" y="205"/>
                  </a:lnTo>
                  <a:lnTo>
                    <a:pt x="2225" y="202"/>
                  </a:lnTo>
                  <a:lnTo>
                    <a:pt x="2220" y="200"/>
                  </a:lnTo>
                  <a:lnTo>
                    <a:pt x="2215" y="198"/>
                  </a:lnTo>
                  <a:lnTo>
                    <a:pt x="2209" y="196"/>
                  </a:lnTo>
                  <a:lnTo>
                    <a:pt x="2202" y="194"/>
                  </a:lnTo>
                  <a:lnTo>
                    <a:pt x="2194" y="193"/>
                  </a:lnTo>
                  <a:lnTo>
                    <a:pt x="2186" y="193"/>
                  </a:lnTo>
                  <a:lnTo>
                    <a:pt x="2179" y="194"/>
                  </a:lnTo>
                  <a:lnTo>
                    <a:pt x="2171" y="195"/>
                  </a:lnTo>
                  <a:lnTo>
                    <a:pt x="2164" y="197"/>
                  </a:lnTo>
                  <a:lnTo>
                    <a:pt x="2157" y="200"/>
                  </a:lnTo>
                  <a:lnTo>
                    <a:pt x="2150" y="203"/>
                  </a:lnTo>
                  <a:lnTo>
                    <a:pt x="2143" y="207"/>
                  </a:lnTo>
                  <a:lnTo>
                    <a:pt x="2136" y="212"/>
                  </a:lnTo>
                  <a:lnTo>
                    <a:pt x="2131" y="217"/>
                  </a:lnTo>
                  <a:lnTo>
                    <a:pt x="2125" y="222"/>
                  </a:lnTo>
                  <a:lnTo>
                    <a:pt x="2123" y="225"/>
                  </a:lnTo>
                  <a:lnTo>
                    <a:pt x="2121" y="228"/>
                  </a:lnTo>
                  <a:lnTo>
                    <a:pt x="2117" y="235"/>
                  </a:lnTo>
                  <a:lnTo>
                    <a:pt x="2113" y="242"/>
                  </a:lnTo>
                  <a:lnTo>
                    <a:pt x="2111" y="250"/>
                  </a:lnTo>
                  <a:lnTo>
                    <a:pt x="2110" y="253"/>
                  </a:lnTo>
                  <a:lnTo>
                    <a:pt x="2110" y="256"/>
                  </a:lnTo>
                  <a:lnTo>
                    <a:pt x="2109" y="259"/>
                  </a:lnTo>
                  <a:lnTo>
                    <a:pt x="2109" y="262"/>
                  </a:lnTo>
                  <a:lnTo>
                    <a:pt x="2100" y="263"/>
                  </a:lnTo>
                  <a:lnTo>
                    <a:pt x="2092" y="265"/>
                  </a:lnTo>
                  <a:lnTo>
                    <a:pt x="2084" y="267"/>
                  </a:lnTo>
                  <a:lnTo>
                    <a:pt x="2076" y="270"/>
                  </a:lnTo>
                  <a:lnTo>
                    <a:pt x="2068" y="273"/>
                  </a:lnTo>
                  <a:lnTo>
                    <a:pt x="2060" y="277"/>
                  </a:lnTo>
                  <a:lnTo>
                    <a:pt x="2053" y="281"/>
                  </a:lnTo>
                  <a:lnTo>
                    <a:pt x="2046" y="286"/>
                  </a:lnTo>
                  <a:lnTo>
                    <a:pt x="2040" y="291"/>
                  </a:lnTo>
                  <a:lnTo>
                    <a:pt x="2034" y="297"/>
                  </a:lnTo>
                  <a:lnTo>
                    <a:pt x="2028" y="303"/>
                  </a:lnTo>
                  <a:lnTo>
                    <a:pt x="2023" y="309"/>
                  </a:lnTo>
                  <a:lnTo>
                    <a:pt x="2019" y="316"/>
                  </a:lnTo>
                  <a:lnTo>
                    <a:pt x="2014" y="323"/>
                  </a:lnTo>
                  <a:lnTo>
                    <a:pt x="2011" y="330"/>
                  </a:lnTo>
                  <a:lnTo>
                    <a:pt x="2008" y="338"/>
                  </a:lnTo>
                  <a:lnTo>
                    <a:pt x="2007" y="343"/>
                  </a:lnTo>
                  <a:lnTo>
                    <a:pt x="2006" y="349"/>
                  </a:lnTo>
                  <a:lnTo>
                    <a:pt x="2005" y="359"/>
                  </a:lnTo>
                  <a:lnTo>
                    <a:pt x="2005" y="369"/>
                  </a:lnTo>
                  <a:lnTo>
                    <a:pt x="2005" y="375"/>
                  </a:lnTo>
                  <a:lnTo>
                    <a:pt x="2006" y="380"/>
                  </a:lnTo>
                  <a:lnTo>
                    <a:pt x="2008" y="390"/>
                  </a:lnTo>
                  <a:lnTo>
                    <a:pt x="2011" y="400"/>
                  </a:lnTo>
                  <a:lnTo>
                    <a:pt x="2015" y="410"/>
                  </a:lnTo>
                  <a:lnTo>
                    <a:pt x="2020" y="419"/>
                  </a:lnTo>
                  <a:lnTo>
                    <a:pt x="2011" y="424"/>
                  </a:lnTo>
                  <a:lnTo>
                    <a:pt x="2006" y="427"/>
                  </a:lnTo>
                  <a:lnTo>
                    <a:pt x="2001" y="429"/>
                  </a:lnTo>
                  <a:lnTo>
                    <a:pt x="1996" y="431"/>
                  </a:lnTo>
                  <a:lnTo>
                    <a:pt x="1990" y="432"/>
                  </a:lnTo>
                  <a:lnTo>
                    <a:pt x="1980" y="434"/>
                  </a:lnTo>
                  <a:lnTo>
                    <a:pt x="1974" y="435"/>
                  </a:lnTo>
                  <a:lnTo>
                    <a:pt x="1968" y="436"/>
                  </a:lnTo>
                  <a:lnTo>
                    <a:pt x="1963" y="436"/>
                  </a:lnTo>
                  <a:lnTo>
                    <a:pt x="1957" y="435"/>
                  </a:lnTo>
                  <a:lnTo>
                    <a:pt x="1945" y="434"/>
                  </a:lnTo>
                  <a:lnTo>
                    <a:pt x="1939" y="433"/>
                  </a:lnTo>
                  <a:lnTo>
                    <a:pt x="1933" y="431"/>
                  </a:lnTo>
                  <a:lnTo>
                    <a:pt x="1923" y="428"/>
                  </a:lnTo>
                  <a:lnTo>
                    <a:pt x="1913" y="423"/>
                  </a:lnTo>
                  <a:lnTo>
                    <a:pt x="1903" y="417"/>
                  </a:lnTo>
                  <a:lnTo>
                    <a:pt x="1895" y="411"/>
                  </a:lnTo>
                  <a:lnTo>
                    <a:pt x="1887" y="404"/>
                  </a:lnTo>
                  <a:lnTo>
                    <a:pt x="1880" y="396"/>
                  </a:lnTo>
                  <a:lnTo>
                    <a:pt x="1874" y="387"/>
                  </a:lnTo>
                  <a:lnTo>
                    <a:pt x="1868" y="378"/>
                  </a:lnTo>
                  <a:lnTo>
                    <a:pt x="1875" y="377"/>
                  </a:lnTo>
                  <a:lnTo>
                    <a:pt x="1882" y="375"/>
                  </a:lnTo>
                  <a:lnTo>
                    <a:pt x="1896" y="369"/>
                  </a:lnTo>
                  <a:lnTo>
                    <a:pt x="1902" y="366"/>
                  </a:lnTo>
                  <a:lnTo>
                    <a:pt x="1909" y="363"/>
                  </a:lnTo>
                  <a:lnTo>
                    <a:pt x="1915" y="359"/>
                  </a:lnTo>
                  <a:lnTo>
                    <a:pt x="1920" y="355"/>
                  </a:lnTo>
                  <a:lnTo>
                    <a:pt x="1926" y="351"/>
                  </a:lnTo>
                  <a:lnTo>
                    <a:pt x="1930" y="346"/>
                  </a:lnTo>
                  <a:lnTo>
                    <a:pt x="1935" y="341"/>
                  </a:lnTo>
                  <a:lnTo>
                    <a:pt x="1939" y="336"/>
                  </a:lnTo>
                  <a:lnTo>
                    <a:pt x="1943" y="330"/>
                  </a:lnTo>
                  <a:lnTo>
                    <a:pt x="1946" y="324"/>
                  </a:lnTo>
                  <a:lnTo>
                    <a:pt x="1949" y="318"/>
                  </a:lnTo>
                  <a:lnTo>
                    <a:pt x="1951" y="312"/>
                  </a:lnTo>
                  <a:lnTo>
                    <a:pt x="1953" y="305"/>
                  </a:lnTo>
                  <a:lnTo>
                    <a:pt x="1954" y="298"/>
                  </a:lnTo>
                  <a:lnTo>
                    <a:pt x="1954" y="291"/>
                  </a:lnTo>
                  <a:lnTo>
                    <a:pt x="1954" y="284"/>
                  </a:lnTo>
                  <a:lnTo>
                    <a:pt x="1953" y="277"/>
                  </a:lnTo>
                  <a:lnTo>
                    <a:pt x="1952" y="270"/>
                  </a:lnTo>
                  <a:lnTo>
                    <a:pt x="1950" y="263"/>
                  </a:lnTo>
                  <a:lnTo>
                    <a:pt x="1948" y="256"/>
                  </a:lnTo>
                  <a:lnTo>
                    <a:pt x="1946" y="253"/>
                  </a:lnTo>
                  <a:lnTo>
                    <a:pt x="1945" y="250"/>
                  </a:lnTo>
                  <a:lnTo>
                    <a:pt x="1941" y="243"/>
                  </a:lnTo>
                  <a:lnTo>
                    <a:pt x="1938" y="237"/>
                  </a:lnTo>
                  <a:lnTo>
                    <a:pt x="1933" y="231"/>
                  </a:lnTo>
                  <a:lnTo>
                    <a:pt x="1929" y="225"/>
                  </a:lnTo>
                  <a:lnTo>
                    <a:pt x="1923" y="219"/>
                  </a:lnTo>
                  <a:lnTo>
                    <a:pt x="1918" y="214"/>
                  </a:lnTo>
                  <a:lnTo>
                    <a:pt x="1912" y="209"/>
                  </a:lnTo>
                  <a:lnTo>
                    <a:pt x="1919" y="201"/>
                  </a:lnTo>
                  <a:lnTo>
                    <a:pt x="1925" y="192"/>
                  </a:lnTo>
                  <a:lnTo>
                    <a:pt x="1928" y="188"/>
                  </a:lnTo>
                  <a:lnTo>
                    <a:pt x="1930" y="183"/>
                  </a:lnTo>
                  <a:lnTo>
                    <a:pt x="1932" y="178"/>
                  </a:lnTo>
                  <a:lnTo>
                    <a:pt x="1933" y="173"/>
                  </a:lnTo>
                  <a:lnTo>
                    <a:pt x="1935" y="165"/>
                  </a:lnTo>
                  <a:lnTo>
                    <a:pt x="1936" y="157"/>
                  </a:lnTo>
                  <a:lnTo>
                    <a:pt x="1937" y="148"/>
                  </a:lnTo>
                  <a:lnTo>
                    <a:pt x="1936" y="140"/>
                  </a:lnTo>
                  <a:lnTo>
                    <a:pt x="1934" y="132"/>
                  </a:lnTo>
                  <a:lnTo>
                    <a:pt x="1932" y="125"/>
                  </a:lnTo>
                  <a:lnTo>
                    <a:pt x="1929" y="117"/>
                  </a:lnTo>
                  <a:lnTo>
                    <a:pt x="1926" y="110"/>
                  </a:lnTo>
                  <a:lnTo>
                    <a:pt x="1922" y="103"/>
                  </a:lnTo>
                  <a:lnTo>
                    <a:pt x="1917" y="97"/>
                  </a:lnTo>
                  <a:lnTo>
                    <a:pt x="1911" y="91"/>
                  </a:lnTo>
                  <a:lnTo>
                    <a:pt x="1905" y="86"/>
                  </a:lnTo>
                  <a:lnTo>
                    <a:pt x="1899" y="81"/>
                  </a:lnTo>
                  <a:lnTo>
                    <a:pt x="1892" y="77"/>
                  </a:lnTo>
                  <a:lnTo>
                    <a:pt x="1885" y="73"/>
                  </a:lnTo>
                  <a:lnTo>
                    <a:pt x="1877" y="70"/>
                  </a:lnTo>
                  <a:lnTo>
                    <a:pt x="1872" y="69"/>
                  </a:lnTo>
                  <a:lnTo>
                    <a:pt x="1867" y="68"/>
                  </a:lnTo>
                  <a:lnTo>
                    <a:pt x="1857" y="68"/>
                  </a:lnTo>
                  <a:lnTo>
                    <a:pt x="1848" y="68"/>
                  </a:lnTo>
                  <a:lnTo>
                    <a:pt x="1840" y="69"/>
                  </a:lnTo>
                  <a:lnTo>
                    <a:pt x="1828" y="72"/>
                  </a:lnTo>
                  <a:lnTo>
                    <a:pt x="1823" y="74"/>
                  </a:lnTo>
                  <a:lnTo>
                    <a:pt x="1818" y="77"/>
                  </a:lnTo>
                  <a:lnTo>
                    <a:pt x="1808" y="82"/>
                  </a:lnTo>
                  <a:lnTo>
                    <a:pt x="1803" y="86"/>
                  </a:lnTo>
                  <a:lnTo>
                    <a:pt x="1799" y="89"/>
                  </a:lnTo>
                  <a:lnTo>
                    <a:pt x="1791" y="97"/>
                  </a:lnTo>
                  <a:lnTo>
                    <a:pt x="1788" y="102"/>
                  </a:lnTo>
                  <a:lnTo>
                    <a:pt x="1784" y="106"/>
                  </a:lnTo>
                  <a:lnTo>
                    <a:pt x="1782" y="111"/>
                  </a:lnTo>
                  <a:lnTo>
                    <a:pt x="1779" y="116"/>
                  </a:lnTo>
                  <a:lnTo>
                    <a:pt x="1777" y="122"/>
                  </a:lnTo>
                  <a:lnTo>
                    <a:pt x="1776" y="127"/>
                  </a:lnTo>
                  <a:lnTo>
                    <a:pt x="1773" y="138"/>
                  </a:lnTo>
                  <a:lnTo>
                    <a:pt x="1772" y="143"/>
                  </a:lnTo>
                  <a:lnTo>
                    <a:pt x="1772" y="148"/>
                  </a:lnTo>
                  <a:lnTo>
                    <a:pt x="1772" y="153"/>
                  </a:lnTo>
                  <a:lnTo>
                    <a:pt x="1772" y="158"/>
                  </a:lnTo>
                  <a:lnTo>
                    <a:pt x="1773" y="163"/>
                  </a:lnTo>
                  <a:lnTo>
                    <a:pt x="1774" y="168"/>
                  </a:lnTo>
                  <a:lnTo>
                    <a:pt x="1758" y="171"/>
                  </a:lnTo>
                  <a:lnTo>
                    <a:pt x="1751" y="174"/>
                  </a:lnTo>
                  <a:lnTo>
                    <a:pt x="1744" y="176"/>
                  </a:lnTo>
                  <a:lnTo>
                    <a:pt x="1737" y="179"/>
                  </a:lnTo>
                  <a:lnTo>
                    <a:pt x="1730" y="183"/>
                  </a:lnTo>
                  <a:lnTo>
                    <a:pt x="1723" y="187"/>
                  </a:lnTo>
                  <a:lnTo>
                    <a:pt x="1717" y="191"/>
                  </a:lnTo>
                  <a:lnTo>
                    <a:pt x="1712" y="195"/>
                  </a:lnTo>
                  <a:lnTo>
                    <a:pt x="1707" y="200"/>
                  </a:lnTo>
                  <a:lnTo>
                    <a:pt x="1702" y="205"/>
                  </a:lnTo>
                  <a:lnTo>
                    <a:pt x="1698" y="210"/>
                  </a:lnTo>
                  <a:lnTo>
                    <a:pt x="1694" y="216"/>
                  </a:lnTo>
                  <a:lnTo>
                    <a:pt x="1691" y="222"/>
                  </a:lnTo>
                  <a:lnTo>
                    <a:pt x="1688" y="228"/>
                  </a:lnTo>
                  <a:lnTo>
                    <a:pt x="1685" y="235"/>
                  </a:lnTo>
                  <a:lnTo>
                    <a:pt x="1683" y="249"/>
                  </a:lnTo>
                  <a:lnTo>
                    <a:pt x="1683" y="255"/>
                  </a:lnTo>
                  <a:lnTo>
                    <a:pt x="1683" y="262"/>
                  </a:lnTo>
                  <a:lnTo>
                    <a:pt x="1683" y="268"/>
                  </a:lnTo>
                  <a:lnTo>
                    <a:pt x="1685" y="275"/>
                  </a:lnTo>
                  <a:lnTo>
                    <a:pt x="1686" y="281"/>
                  </a:lnTo>
                  <a:lnTo>
                    <a:pt x="1688" y="287"/>
                  </a:lnTo>
                  <a:lnTo>
                    <a:pt x="1690" y="294"/>
                  </a:lnTo>
                  <a:lnTo>
                    <a:pt x="1693" y="300"/>
                  </a:lnTo>
                  <a:lnTo>
                    <a:pt x="1696" y="306"/>
                  </a:lnTo>
                  <a:lnTo>
                    <a:pt x="1700" y="311"/>
                  </a:lnTo>
                  <a:lnTo>
                    <a:pt x="1708" y="322"/>
                  </a:lnTo>
                  <a:lnTo>
                    <a:pt x="1717" y="333"/>
                  </a:lnTo>
                  <a:lnTo>
                    <a:pt x="1708" y="338"/>
                  </a:lnTo>
                  <a:lnTo>
                    <a:pt x="1699" y="343"/>
                  </a:lnTo>
                  <a:lnTo>
                    <a:pt x="1689" y="346"/>
                  </a:lnTo>
                  <a:lnTo>
                    <a:pt x="1679" y="348"/>
                  </a:lnTo>
                  <a:lnTo>
                    <a:pt x="1669" y="349"/>
                  </a:lnTo>
                  <a:lnTo>
                    <a:pt x="1659" y="349"/>
                  </a:lnTo>
                  <a:lnTo>
                    <a:pt x="1653" y="348"/>
                  </a:lnTo>
                  <a:lnTo>
                    <a:pt x="1648" y="347"/>
                  </a:lnTo>
                  <a:lnTo>
                    <a:pt x="1637" y="345"/>
                  </a:lnTo>
                  <a:lnTo>
                    <a:pt x="1632" y="343"/>
                  </a:lnTo>
                  <a:lnTo>
                    <a:pt x="1626" y="341"/>
                  </a:lnTo>
                  <a:lnTo>
                    <a:pt x="1616" y="336"/>
                  </a:lnTo>
                  <a:lnTo>
                    <a:pt x="1606" y="331"/>
                  </a:lnTo>
                  <a:lnTo>
                    <a:pt x="1597" y="324"/>
                  </a:lnTo>
                  <a:lnTo>
                    <a:pt x="1589" y="316"/>
                  </a:lnTo>
                  <a:lnTo>
                    <a:pt x="1586" y="312"/>
                  </a:lnTo>
                  <a:lnTo>
                    <a:pt x="1582" y="308"/>
                  </a:lnTo>
                  <a:lnTo>
                    <a:pt x="1579" y="304"/>
                  </a:lnTo>
                  <a:lnTo>
                    <a:pt x="1577" y="299"/>
                  </a:lnTo>
                  <a:lnTo>
                    <a:pt x="1572" y="290"/>
                  </a:lnTo>
                  <a:lnTo>
                    <a:pt x="1581" y="285"/>
                  </a:lnTo>
                  <a:lnTo>
                    <a:pt x="1585" y="282"/>
                  </a:lnTo>
                  <a:lnTo>
                    <a:pt x="1589" y="278"/>
                  </a:lnTo>
                  <a:lnTo>
                    <a:pt x="1593" y="275"/>
                  </a:lnTo>
                  <a:lnTo>
                    <a:pt x="1597" y="271"/>
                  </a:lnTo>
                  <a:lnTo>
                    <a:pt x="1604" y="264"/>
                  </a:lnTo>
                  <a:lnTo>
                    <a:pt x="1607" y="260"/>
                  </a:lnTo>
                  <a:lnTo>
                    <a:pt x="1610" y="256"/>
                  </a:lnTo>
                  <a:lnTo>
                    <a:pt x="1612" y="252"/>
                  </a:lnTo>
                  <a:lnTo>
                    <a:pt x="1615" y="247"/>
                  </a:lnTo>
                  <a:lnTo>
                    <a:pt x="1617" y="243"/>
                  </a:lnTo>
                  <a:lnTo>
                    <a:pt x="1620" y="238"/>
                  </a:lnTo>
                  <a:lnTo>
                    <a:pt x="1623" y="228"/>
                  </a:lnTo>
                  <a:lnTo>
                    <a:pt x="1625" y="220"/>
                  </a:lnTo>
                  <a:lnTo>
                    <a:pt x="1626" y="212"/>
                  </a:lnTo>
                  <a:lnTo>
                    <a:pt x="1627" y="203"/>
                  </a:lnTo>
                  <a:lnTo>
                    <a:pt x="1627" y="195"/>
                  </a:lnTo>
                  <a:lnTo>
                    <a:pt x="1626" y="187"/>
                  </a:lnTo>
                  <a:lnTo>
                    <a:pt x="1624" y="179"/>
                  </a:lnTo>
                  <a:lnTo>
                    <a:pt x="1622" y="171"/>
                  </a:lnTo>
                  <a:lnTo>
                    <a:pt x="1619" y="164"/>
                  </a:lnTo>
                  <a:lnTo>
                    <a:pt x="1616" y="156"/>
                  </a:lnTo>
                  <a:lnTo>
                    <a:pt x="1612" y="149"/>
                  </a:lnTo>
                  <a:lnTo>
                    <a:pt x="1607" y="141"/>
                  </a:lnTo>
                  <a:lnTo>
                    <a:pt x="1603" y="135"/>
                  </a:lnTo>
                  <a:lnTo>
                    <a:pt x="1597" y="128"/>
                  </a:lnTo>
                  <a:lnTo>
                    <a:pt x="1592" y="121"/>
                  </a:lnTo>
                  <a:lnTo>
                    <a:pt x="1585" y="115"/>
                  </a:lnTo>
                  <a:lnTo>
                    <a:pt x="1579" y="109"/>
                  </a:lnTo>
                  <a:lnTo>
                    <a:pt x="1581" y="104"/>
                  </a:lnTo>
                  <a:lnTo>
                    <a:pt x="1582" y="102"/>
                  </a:lnTo>
                  <a:lnTo>
                    <a:pt x="1583" y="99"/>
                  </a:lnTo>
                  <a:lnTo>
                    <a:pt x="1584" y="93"/>
                  </a:lnTo>
                  <a:lnTo>
                    <a:pt x="1585" y="86"/>
                  </a:lnTo>
                  <a:lnTo>
                    <a:pt x="1586" y="74"/>
                  </a:lnTo>
                  <a:lnTo>
                    <a:pt x="1586" y="67"/>
                  </a:lnTo>
                  <a:lnTo>
                    <a:pt x="1585" y="61"/>
                  </a:lnTo>
                  <a:lnTo>
                    <a:pt x="1583" y="55"/>
                  </a:lnTo>
                  <a:lnTo>
                    <a:pt x="1581" y="49"/>
                  </a:lnTo>
                  <a:lnTo>
                    <a:pt x="1579" y="43"/>
                  </a:lnTo>
                  <a:lnTo>
                    <a:pt x="1576" y="38"/>
                  </a:lnTo>
                  <a:lnTo>
                    <a:pt x="1573" y="33"/>
                  </a:lnTo>
                  <a:lnTo>
                    <a:pt x="1569" y="28"/>
                  </a:lnTo>
                  <a:lnTo>
                    <a:pt x="1565" y="23"/>
                  </a:lnTo>
                  <a:lnTo>
                    <a:pt x="1561" y="18"/>
                  </a:lnTo>
                  <a:lnTo>
                    <a:pt x="1556" y="14"/>
                  </a:lnTo>
                  <a:lnTo>
                    <a:pt x="1551" y="10"/>
                  </a:lnTo>
                  <a:lnTo>
                    <a:pt x="1717" y="10"/>
                  </a:lnTo>
                  <a:lnTo>
                    <a:pt x="1840" y="10"/>
                  </a:lnTo>
                  <a:lnTo>
                    <a:pt x="2075" y="10"/>
                  </a:lnTo>
                  <a:lnTo>
                    <a:pt x="2098" y="22"/>
                  </a:lnTo>
                  <a:lnTo>
                    <a:pt x="2121" y="34"/>
                  </a:lnTo>
                  <a:lnTo>
                    <a:pt x="2145" y="47"/>
                  </a:lnTo>
                  <a:lnTo>
                    <a:pt x="2166" y="60"/>
                  </a:lnTo>
                  <a:lnTo>
                    <a:pt x="2188" y="74"/>
                  </a:lnTo>
                  <a:lnTo>
                    <a:pt x="2209" y="88"/>
                  </a:lnTo>
                  <a:lnTo>
                    <a:pt x="2230" y="103"/>
                  </a:lnTo>
                  <a:lnTo>
                    <a:pt x="2250" y="118"/>
                  </a:lnTo>
                  <a:lnTo>
                    <a:pt x="2274" y="138"/>
                  </a:lnTo>
                  <a:lnTo>
                    <a:pt x="2298" y="158"/>
                  </a:lnTo>
                  <a:lnTo>
                    <a:pt x="2321" y="178"/>
                  </a:lnTo>
                  <a:lnTo>
                    <a:pt x="2343" y="200"/>
                  </a:lnTo>
                  <a:lnTo>
                    <a:pt x="2365" y="222"/>
                  </a:lnTo>
                  <a:lnTo>
                    <a:pt x="2385" y="244"/>
                  </a:lnTo>
                  <a:lnTo>
                    <a:pt x="2395" y="256"/>
                  </a:lnTo>
                  <a:lnTo>
                    <a:pt x="2405" y="267"/>
                  </a:lnTo>
                  <a:lnTo>
                    <a:pt x="2425" y="291"/>
                  </a:lnTo>
                  <a:lnTo>
                    <a:pt x="2444" y="315"/>
                  </a:lnTo>
                  <a:lnTo>
                    <a:pt x="2461" y="340"/>
                  </a:lnTo>
                  <a:lnTo>
                    <a:pt x="2479" y="365"/>
                  </a:lnTo>
                  <a:lnTo>
                    <a:pt x="2495" y="392"/>
                  </a:lnTo>
                  <a:lnTo>
                    <a:pt x="2511" y="419"/>
                  </a:lnTo>
                  <a:lnTo>
                    <a:pt x="2526" y="445"/>
                  </a:lnTo>
                  <a:lnTo>
                    <a:pt x="2540" y="473"/>
                  </a:lnTo>
                  <a:lnTo>
                    <a:pt x="2553" y="500"/>
                  </a:lnTo>
                  <a:lnTo>
                    <a:pt x="2553" y="1292"/>
                  </a:lnTo>
                  <a:lnTo>
                    <a:pt x="2553" y="1342"/>
                  </a:lnTo>
                  <a:lnTo>
                    <a:pt x="2553" y="1483"/>
                  </a:lnTo>
                  <a:lnTo>
                    <a:pt x="2473" y="1483"/>
                  </a:lnTo>
                  <a:lnTo>
                    <a:pt x="2447" y="1483"/>
                  </a:lnTo>
                  <a:lnTo>
                    <a:pt x="2250" y="1483"/>
                  </a:lnTo>
                  <a:lnTo>
                    <a:pt x="2105" y="1483"/>
                  </a:lnTo>
                  <a:lnTo>
                    <a:pt x="1957" y="1246"/>
                  </a:lnTo>
                  <a:lnTo>
                    <a:pt x="1840" y="1198"/>
                  </a:lnTo>
                  <a:lnTo>
                    <a:pt x="1799" y="1182"/>
                  </a:lnTo>
                  <a:lnTo>
                    <a:pt x="1717" y="1054"/>
                  </a:lnTo>
                  <a:lnTo>
                    <a:pt x="1700" y="1023"/>
                  </a:lnTo>
                  <a:lnTo>
                    <a:pt x="1708" y="1018"/>
                  </a:lnTo>
                  <a:lnTo>
                    <a:pt x="1713" y="1016"/>
                  </a:lnTo>
                  <a:lnTo>
                    <a:pt x="1717" y="1015"/>
                  </a:lnTo>
                  <a:lnTo>
                    <a:pt x="1748" y="999"/>
                  </a:lnTo>
                  <a:lnTo>
                    <a:pt x="1778" y="983"/>
                  </a:lnTo>
                  <a:lnTo>
                    <a:pt x="1840" y="952"/>
                  </a:lnTo>
                  <a:lnTo>
                    <a:pt x="1920" y="911"/>
                  </a:lnTo>
                  <a:lnTo>
                    <a:pt x="2001" y="869"/>
                  </a:lnTo>
                  <a:lnTo>
                    <a:pt x="2163" y="784"/>
                  </a:lnTo>
                  <a:lnTo>
                    <a:pt x="2158" y="803"/>
                  </a:lnTo>
                  <a:lnTo>
                    <a:pt x="2153" y="822"/>
                  </a:lnTo>
                  <a:lnTo>
                    <a:pt x="2142" y="860"/>
                  </a:lnTo>
                  <a:lnTo>
                    <a:pt x="2128" y="898"/>
                  </a:lnTo>
                  <a:lnTo>
                    <a:pt x="2121" y="917"/>
                  </a:lnTo>
                  <a:lnTo>
                    <a:pt x="2114" y="937"/>
                  </a:lnTo>
                  <a:lnTo>
                    <a:pt x="2149" y="916"/>
                  </a:lnTo>
                  <a:lnTo>
                    <a:pt x="2183" y="895"/>
                  </a:lnTo>
                  <a:lnTo>
                    <a:pt x="2217" y="874"/>
                  </a:lnTo>
                  <a:lnTo>
                    <a:pt x="2250" y="851"/>
                  </a:lnTo>
                  <a:lnTo>
                    <a:pt x="2270" y="837"/>
                  </a:lnTo>
                  <a:lnTo>
                    <a:pt x="2290" y="823"/>
                  </a:lnTo>
                  <a:lnTo>
                    <a:pt x="2309" y="808"/>
                  </a:lnTo>
                  <a:lnTo>
                    <a:pt x="2328" y="792"/>
                  </a:lnTo>
                  <a:lnTo>
                    <a:pt x="2347" y="776"/>
                  </a:lnTo>
                  <a:lnTo>
                    <a:pt x="2365" y="760"/>
                  </a:lnTo>
                  <a:lnTo>
                    <a:pt x="2383" y="743"/>
                  </a:lnTo>
                  <a:lnTo>
                    <a:pt x="2391" y="735"/>
                  </a:lnTo>
                  <a:lnTo>
                    <a:pt x="2400" y="726"/>
                  </a:lnTo>
                  <a:lnTo>
                    <a:pt x="2417" y="708"/>
                  </a:lnTo>
                  <a:lnTo>
                    <a:pt x="2433" y="689"/>
                  </a:lnTo>
                  <a:lnTo>
                    <a:pt x="2448" y="670"/>
                  </a:lnTo>
                  <a:lnTo>
                    <a:pt x="2463" y="650"/>
                  </a:lnTo>
                  <a:lnTo>
                    <a:pt x="2477" y="630"/>
                  </a:lnTo>
                  <a:lnTo>
                    <a:pt x="2490" y="609"/>
                  </a:lnTo>
                  <a:lnTo>
                    <a:pt x="2497" y="598"/>
                  </a:lnTo>
                  <a:lnTo>
                    <a:pt x="2503" y="587"/>
                  </a:lnTo>
                  <a:lnTo>
                    <a:pt x="2514" y="564"/>
                  </a:lnTo>
                  <a:lnTo>
                    <a:pt x="2497" y="561"/>
                  </a:lnTo>
                  <a:lnTo>
                    <a:pt x="2480" y="558"/>
                  </a:lnTo>
                  <a:lnTo>
                    <a:pt x="2463" y="556"/>
                  </a:lnTo>
                  <a:lnTo>
                    <a:pt x="2447" y="554"/>
                  </a:lnTo>
                  <a:lnTo>
                    <a:pt x="2430" y="553"/>
                  </a:lnTo>
                  <a:lnTo>
                    <a:pt x="2413" y="552"/>
                  </a:lnTo>
                  <a:lnTo>
                    <a:pt x="2397" y="552"/>
                  </a:lnTo>
                  <a:lnTo>
                    <a:pt x="2380" y="552"/>
                  </a:lnTo>
                  <a:lnTo>
                    <a:pt x="2347" y="553"/>
                  </a:lnTo>
                  <a:lnTo>
                    <a:pt x="2314" y="556"/>
                  </a:lnTo>
                  <a:lnTo>
                    <a:pt x="2282" y="561"/>
                  </a:lnTo>
                  <a:lnTo>
                    <a:pt x="2250" y="566"/>
                  </a:lnTo>
                  <a:lnTo>
                    <a:pt x="2232" y="570"/>
                  </a:lnTo>
                  <a:lnTo>
                    <a:pt x="2214" y="574"/>
                  </a:lnTo>
                  <a:lnTo>
                    <a:pt x="2179" y="583"/>
                  </a:lnTo>
                  <a:lnTo>
                    <a:pt x="2162" y="588"/>
                  </a:lnTo>
                  <a:lnTo>
                    <a:pt x="2145" y="594"/>
                  </a:lnTo>
                  <a:lnTo>
                    <a:pt x="2127" y="599"/>
                  </a:lnTo>
                  <a:lnTo>
                    <a:pt x="2110" y="605"/>
                  </a:lnTo>
                  <a:lnTo>
                    <a:pt x="2093" y="611"/>
                  </a:lnTo>
                  <a:lnTo>
                    <a:pt x="2076" y="617"/>
                  </a:lnTo>
                  <a:lnTo>
                    <a:pt x="2043" y="629"/>
                  </a:lnTo>
                  <a:lnTo>
                    <a:pt x="2011" y="642"/>
                  </a:lnTo>
                  <a:lnTo>
                    <a:pt x="1980" y="655"/>
                  </a:lnTo>
                  <a:lnTo>
                    <a:pt x="2020" y="660"/>
                  </a:lnTo>
                  <a:lnTo>
                    <a:pt x="2038" y="663"/>
                  </a:lnTo>
                  <a:lnTo>
                    <a:pt x="2055" y="666"/>
                  </a:lnTo>
                  <a:lnTo>
                    <a:pt x="2072" y="669"/>
                  </a:lnTo>
                  <a:lnTo>
                    <a:pt x="2080" y="670"/>
                  </a:lnTo>
                  <a:lnTo>
                    <a:pt x="2088" y="672"/>
                  </a:lnTo>
                  <a:lnTo>
                    <a:pt x="2103" y="677"/>
                  </a:lnTo>
                  <a:lnTo>
                    <a:pt x="2110" y="680"/>
                  </a:lnTo>
                  <a:lnTo>
                    <a:pt x="2118" y="683"/>
                  </a:lnTo>
                  <a:lnTo>
                    <a:pt x="1840" y="818"/>
                  </a:lnTo>
                  <a:lnTo>
                    <a:pt x="1717" y="878"/>
                  </a:lnTo>
                  <a:lnTo>
                    <a:pt x="1634" y="919"/>
                  </a:lnTo>
                  <a:lnTo>
                    <a:pt x="1356" y="474"/>
                  </a:lnTo>
                  <a:lnTo>
                    <a:pt x="1348" y="461"/>
                  </a:lnTo>
                  <a:lnTo>
                    <a:pt x="1350" y="462"/>
                  </a:lnTo>
                  <a:lnTo>
                    <a:pt x="1352" y="462"/>
                  </a:lnTo>
                  <a:lnTo>
                    <a:pt x="1354" y="463"/>
                  </a:lnTo>
                  <a:lnTo>
                    <a:pt x="1356" y="463"/>
                  </a:lnTo>
                  <a:lnTo>
                    <a:pt x="1371" y="466"/>
                  </a:lnTo>
                  <a:lnTo>
                    <a:pt x="1385" y="471"/>
                  </a:lnTo>
                  <a:lnTo>
                    <a:pt x="1399" y="476"/>
                  </a:lnTo>
                  <a:lnTo>
                    <a:pt x="1414" y="482"/>
                  </a:lnTo>
                  <a:lnTo>
                    <a:pt x="1444" y="496"/>
                  </a:lnTo>
                  <a:lnTo>
                    <a:pt x="1479" y="511"/>
                  </a:lnTo>
                  <a:lnTo>
                    <a:pt x="1450" y="472"/>
                  </a:lnTo>
                  <a:lnTo>
                    <a:pt x="1420" y="432"/>
                  </a:lnTo>
                  <a:lnTo>
                    <a:pt x="1389" y="392"/>
                  </a:lnTo>
                  <a:lnTo>
                    <a:pt x="1373" y="373"/>
                  </a:lnTo>
                  <a:lnTo>
                    <a:pt x="1356" y="352"/>
                  </a:lnTo>
                  <a:lnTo>
                    <a:pt x="1351" y="348"/>
                  </a:lnTo>
                  <a:lnTo>
                    <a:pt x="1347" y="343"/>
                  </a:lnTo>
                  <a:lnTo>
                    <a:pt x="1343" y="339"/>
                  </a:lnTo>
                  <a:lnTo>
                    <a:pt x="1339" y="335"/>
                  </a:lnTo>
                  <a:lnTo>
                    <a:pt x="1318" y="313"/>
                  </a:lnTo>
                  <a:lnTo>
                    <a:pt x="1297" y="292"/>
                  </a:lnTo>
                  <a:lnTo>
                    <a:pt x="1275" y="272"/>
                  </a:lnTo>
                  <a:lnTo>
                    <a:pt x="1252" y="253"/>
                  </a:lnTo>
                  <a:lnTo>
                    <a:pt x="1229" y="235"/>
                  </a:lnTo>
                  <a:lnTo>
                    <a:pt x="1216" y="226"/>
                  </a:lnTo>
                  <a:lnTo>
                    <a:pt x="1204" y="217"/>
                  </a:lnTo>
                  <a:lnTo>
                    <a:pt x="1179" y="201"/>
                  </a:lnTo>
                  <a:lnTo>
                    <a:pt x="1153" y="186"/>
                  </a:lnTo>
                  <a:lnTo>
                    <a:pt x="1134" y="176"/>
                  </a:lnTo>
                  <a:lnTo>
                    <a:pt x="1115" y="167"/>
                  </a:lnTo>
                  <a:lnTo>
                    <a:pt x="1106" y="162"/>
                  </a:lnTo>
                  <a:lnTo>
                    <a:pt x="1096" y="158"/>
                  </a:lnTo>
                  <a:lnTo>
                    <a:pt x="1076" y="150"/>
                  </a:lnTo>
                  <a:lnTo>
                    <a:pt x="1074" y="176"/>
                  </a:lnTo>
                  <a:lnTo>
                    <a:pt x="1072" y="202"/>
                  </a:lnTo>
                  <a:lnTo>
                    <a:pt x="1072" y="227"/>
                  </a:lnTo>
                  <a:lnTo>
                    <a:pt x="1073" y="253"/>
                  </a:lnTo>
                  <a:lnTo>
                    <a:pt x="1075" y="278"/>
                  </a:lnTo>
                  <a:lnTo>
                    <a:pt x="1078" y="303"/>
                  </a:lnTo>
                  <a:lnTo>
                    <a:pt x="1082" y="328"/>
                  </a:lnTo>
                  <a:lnTo>
                    <a:pt x="1087" y="353"/>
                  </a:lnTo>
                  <a:lnTo>
                    <a:pt x="1093" y="379"/>
                  </a:lnTo>
                  <a:lnTo>
                    <a:pt x="1100" y="403"/>
                  </a:lnTo>
                  <a:lnTo>
                    <a:pt x="1107" y="428"/>
                  </a:lnTo>
                  <a:lnTo>
                    <a:pt x="1115" y="452"/>
                  </a:lnTo>
                  <a:lnTo>
                    <a:pt x="1124" y="476"/>
                  </a:lnTo>
                  <a:lnTo>
                    <a:pt x="1133" y="500"/>
                  </a:lnTo>
                  <a:lnTo>
                    <a:pt x="1142" y="523"/>
                  </a:lnTo>
                  <a:lnTo>
                    <a:pt x="1153" y="547"/>
                  </a:lnTo>
                  <a:lnTo>
                    <a:pt x="1160" y="564"/>
                  </a:lnTo>
                  <a:lnTo>
                    <a:pt x="1168" y="581"/>
                  </a:lnTo>
                  <a:lnTo>
                    <a:pt x="1184" y="614"/>
                  </a:lnTo>
                  <a:lnTo>
                    <a:pt x="1200" y="647"/>
                  </a:lnTo>
                  <a:lnTo>
                    <a:pt x="1216" y="679"/>
                  </a:lnTo>
                  <a:lnTo>
                    <a:pt x="1225" y="640"/>
                  </a:lnTo>
                  <a:lnTo>
                    <a:pt x="1234" y="601"/>
                  </a:lnTo>
                  <a:lnTo>
                    <a:pt x="1239" y="582"/>
                  </a:lnTo>
                  <a:lnTo>
                    <a:pt x="1245" y="563"/>
                  </a:lnTo>
                  <a:lnTo>
                    <a:pt x="1251" y="544"/>
                  </a:lnTo>
                  <a:lnTo>
                    <a:pt x="1257" y="525"/>
                  </a:lnTo>
                  <a:lnTo>
                    <a:pt x="1297" y="596"/>
                  </a:lnTo>
                  <a:lnTo>
                    <a:pt x="1318" y="631"/>
                  </a:lnTo>
                  <a:lnTo>
                    <a:pt x="1339" y="667"/>
                  </a:lnTo>
                  <a:lnTo>
                    <a:pt x="1347" y="681"/>
                  </a:lnTo>
                  <a:lnTo>
                    <a:pt x="1351" y="689"/>
                  </a:lnTo>
                  <a:lnTo>
                    <a:pt x="1356" y="695"/>
                  </a:lnTo>
                  <a:lnTo>
                    <a:pt x="1397" y="766"/>
                  </a:lnTo>
                  <a:lnTo>
                    <a:pt x="1438" y="835"/>
                  </a:lnTo>
                  <a:lnTo>
                    <a:pt x="1481" y="904"/>
                  </a:lnTo>
                  <a:lnTo>
                    <a:pt x="1523" y="972"/>
                  </a:lnTo>
                  <a:lnTo>
                    <a:pt x="1356" y="1054"/>
                  </a:lnTo>
                  <a:lnTo>
                    <a:pt x="1339" y="1052"/>
                  </a:lnTo>
                  <a:lnTo>
                    <a:pt x="1186" y="1025"/>
                  </a:lnTo>
                  <a:lnTo>
                    <a:pt x="1153" y="1041"/>
                  </a:lnTo>
                  <a:lnTo>
                    <a:pt x="1023" y="1103"/>
                  </a:lnTo>
                  <a:close/>
                  <a:moveTo>
                    <a:pt x="2250" y="974"/>
                  </a:moveTo>
                  <a:lnTo>
                    <a:pt x="2243" y="974"/>
                  </a:lnTo>
                  <a:lnTo>
                    <a:pt x="2235" y="975"/>
                  </a:lnTo>
                  <a:lnTo>
                    <a:pt x="2221" y="977"/>
                  </a:lnTo>
                  <a:lnTo>
                    <a:pt x="2207" y="980"/>
                  </a:lnTo>
                  <a:lnTo>
                    <a:pt x="2193" y="984"/>
                  </a:lnTo>
                  <a:lnTo>
                    <a:pt x="2180" y="990"/>
                  </a:lnTo>
                  <a:lnTo>
                    <a:pt x="2167" y="996"/>
                  </a:lnTo>
                  <a:lnTo>
                    <a:pt x="2155" y="1003"/>
                  </a:lnTo>
                  <a:lnTo>
                    <a:pt x="2149" y="1007"/>
                  </a:lnTo>
                  <a:lnTo>
                    <a:pt x="2143" y="1012"/>
                  </a:lnTo>
                  <a:lnTo>
                    <a:pt x="2131" y="1021"/>
                  </a:lnTo>
                  <a:lnTo>
                    <a:pt x="2121" y="1031"/>
                  </a:lnTo>
                  <a:lnTo>
                    <a:pt x="2111" y="1042"/>
                  </a:lnTo>
                  <a:lnTo>
                    <a:pt x="2103" y="1053"/>
                  </a:lnTo>
                  <a:lnTo>
                    <a:pt x="2095" y="1066"/>
                  </a:lnTo>
                  <a:lnTo>
                    <a:pt x="2088" y="1079"/>
                  </a:lnTo>
                  <a:lnTo>
                    <a:pt x="2085" y="1085"/>
                  </a:lnTo>
                  <a:lnTo>
                    <a:pt x="2082" y="1092"/>
                  </a:lnTo>
                  <a:lnTo>
                    <a:pt x="2079" y="1099"/>
                  </a:lnTo>
                  <a:lnTo>
                    <a:pt x="2077" y="1107"/>
                  </a:lnTo>
                  <a:lnTo>
                    <a:pt x="2075" y="1116"/>
                  </a:lnTo>
                  <a:lnTo>
                    <a:pt x="2073" y="1126"/>
                  </a:lnTo>
                  <a:lnTo>
                    <a:pt x="2071" y="1136"/>
                  </a:lnTo>
                  <a:lnTo>
                    <a:pt x="2070" y="1145"/>
                  </a:lnTo>
                  <a:lnTo>
                    <a:pt x="2070" y="1154"/>
                  </a:lnTo>
                  <a:lnTo>
                    <a:pt x="2070" y="1164"/>
                  </a:lnTo>
                  <a:lnTo>
                    <a:pt x="2070" y="1173"/>
                  </a:lnTo>
                  <a:lnTo>
                    <a:pt x="2071" y="1182"/>
                  </a:lnTo>
                  <a:lnTo>
                    <a:pt x="2074" y="1200"/>
                  </a:lnTo>
                  <a:lnTo>
                    <a:pt x="2075" y="1204"/>
                  </a:lnTo>
                  <a:lnTo>
                    <a:pt x="2076" y="1209"/>
                  </a:lnTo>
                  <a:lnTo>
                    <a:pt x="2079" y="1217"/>
                  </a:lnTo>
                  <a:lnTo>
                    <a:pt x="2082" y="1226"/>
                  </a:lnTo>
                  <a:lnTo>
                    <a:pt x="2085" y="1234"/>
                  </a:lnTo>
                  <a:lnTo>
                    <a:pt x="2089" y="1242"/>
                  </a:lnTo>
                  <a:lnTo>
                    <a:pt x="2093" y="1250"/>
                  </a:lnTo>
                  <a:lnTo>
                    <a:pt x="2098" y="1258"/>
                  </a:lnTo>
                  <a:lnTo>
                    <a:pt x="2102" y="1266"/>
                  </a:lnTo>
                  <a:lnTo>
                    <a:pt x="2108" y="1273"/>
                  </a:lnTo>
                  <a:lnTo>
                    <a:pt x="2113" y="1280"/>
                  </a:lnTo>
                  <a:lnTo>
                    <a:pt x="2119" y="1287"/>
                  </a:lnTo>
                  <a:lnTo>
                    <a:pt x="2125" y="1293"/>
                  </a:lnTo>
                  <a:lnTo>
                    <a:pt x="2132" y="1300"/>
                  </a:lnTo>
                  <a:lnTo>
                    <a:pt x="2140" y="1306"/>
                  </a:lnTo>
                  <a:lnTo>
                    <a:pt x="2147" y="1311"/>
                  </a:lnTo>
                  <a:lnTo>
                    <a:pt x="2155" y="1316"/>
                  </a:lnTo>
                  <a:lnTo>
                    <a:pt x="2162" y="1321"/>
                  </a:lnTo>
                  <a:lnTo>
                    <a:pt x="2171" y="1326"/>
                  </a:lnTo>
                  <a:lnTo>
                    <a:pt x="2179" y="1330"/>
                  </a:lnTo>
                  <a:lnTo>
                    <a:pt x="2188" y="1334"/>
                  </a:lnTo>
                  <a:lnTo>
                    <a:pt x="2197" y="1337"/>
                  </a:lnTo>
                  <a:lnTo>
                    <a:pt x="2206" y="1340"/>
                  </a:lnTo>
                  <a:lnTo>
                    <a:pt x="2211" y="1341"/>
                  </a:lnTo>
                  <a:lnTo>
                    <a:pt x="2216" y="1342"/>
                  </a:lnTo>
                  <a:lnTo>
                    <a:pt x="2227" y="1344"/>
                  </a:lnTo>
                  <a:lnTo>
                    <a:pt x="2250" y="1347"/>
                  </a:lnTo>
                  <a:lnTo>
                    <a:pt x="2266" y="1347"/>
                  </a:lnTo>
                  <a:lnTo>
                    <a:pt x="2273" y="1346"/>
                  </a:lnTo>
                  <a:lnTo>
                    <a:pt x="2281" y="1345"/>
                  </a:lnTo>
                  <a:lnTo>
                    <a:pt x="2296" y="1342"/>
                  </a:lnTo>
                  <a:lnTo>
                    <a:pt x="2311" y="1338"/>
                  </a:lnTo>
                  <a:lnTo>
                    <a:pt x="2325" y="1333"/>
                  </a:lnTo>
                  <a:lnTo>
                    <a:pt x="2339" y="1327"/>
                  </a:lnTo>
                  <a:lnTo>
                    <a:pt x="2352" y="1320"/>
                  </a:lnTo>
                  <a:lnTo>
                    <a:pt x="2365" y="1311"/>
                  </a:lnTo>
                  <a:lnTo>
                    <a:pt x="2371" y="1307"/>
                  </a:lnTo>
                  <a:lnTo>
                    <a:pt x="2377" y="1302"/>
                  </a:lnTo>
                  <a:lnTo>
                    <a:pt x="2383" y="1297"/>
                  </a:lnTo>
                  <a:lnTo>
                    <a:pt x="2388" y="1292"/>
                  </a:lnTo>
                  <a:lnTo>
                    <a:pt x="2399" y="1280"/>
                  </a:lnTo>
                  <a:lnTo>
                    <a:pt x="2408" y="1268"/>
                  </a:lnTo>
                  <a:lnTo>
                    <a:pt x="2413" y="1262"/>
                  </a:lnTo>
                  <a:lnTo>
                    <a:pt x="2417" y="1255"/>
                  </a:lnTo>
                  <a:lnTo>
                    <a:pt x="2421" y="1248"/>
                  </a:lnTo>
                  <a:lnTo>
                    <a:pt x="2424" y="1241"/>
                  </a:lnTo>
                  <a:lnTo>
                    <a:pt x="2431" y="1226"/>
                  </a:lnTo>
                  <a:lnTo>
                    <a:pt x="2434" y="1218"/>
                  </a:lnTo>
                  <a:lnTo>
                    <a:pt x="2436" y="1211"/>
                  </a:lnTo>
                  <a:lnTo>
                    <a:pt x="2439" y="1201"/>
                  </a:lnTo>
                  <a:lnTo>
                    <a:pt x="2440" y="1192"/>
                  </a:lnTo>
                  <a:lnTo>
                    <a:pt x="2442" y="1183"/>
                  </a:lnTo>
                  <a:lnTo>
                    <a:pt x="2443" y="1174"/>
                  </a:lnTo>
                  <a:lnTo>
                    <a:pt x="2443" y="1165"/>
                  </a:lnTo>
                  <a:lnTo>
                    <a:pt x="2443" y="1155"/>
                  </a:lnTo>
                  <a:lnTo>
                    <a:pt x="2443" y="1146"/>
                  </a:lnTo>
                  <a:lnTo>
                    <a:pt x="2442" y="1137"/>
                  </a:lnTo>
                  <a:lnTo>
                    <a:pt x="2441" y="1128"/>
                  </a:lnTo>
                  <a:lnTo>
                    <a:pt x="2439" y="1120"/>
                  </a:lnTo>
                  <a:lnTo>
                    <a:pt x="2437" y="1110"/>
                  </a:lnTo>
                  <a:lnTo>
                    <a:pt x="2434" y="1101"/>
                  </a:lnTo>
                  <a:lnTo>
                    <a:pt x="2431" y="1093"/>
                  </a:lnTo>
                  <a:lnTo>
                    <a:pt x="2427" y="1084"/>
                  </a:lnTo>
                  <a:lnTo>
                    <a:pt x="2424" y="1076"/>
                  </a:lnTo>
                  <a:lnTo>
                    <a:pt x="2420" y="1068"/>
                  </a:lnTo>
                  <a:lnTo>
                    <a:pt x="2415" y="1061"/>
                  </a:lnTo>
                  <a:lnTo>
                    <a:pt x="2410" y="1053"/>
                  </a:lnTo>
                  <a:lnTo>
                    <a:pt x="2405" y="1046"/>
                  </a:lnTo>
                  <a:lnTo>
                    <a:pt x="2399" y="1039"/>
                  </a:lnTo>
                  <a:lnTo>
                    <a:pt x="2393" y="1032"/>
                  </a:lnTo>
                  <a:lnTo>
                    <a:pt x="2387" y="1025"/>
                  </a:lnTo>
                  <a:lnTo>
                    <a:pt x="2380" y="1019"/>
                  </a:lnTo>
                  <a:lnTo>
                    <a:pt x="2374" y="1013"/>
                  </a:lnTo>
                  <a:lnTo>
                    <a:pt x="2366" y="1008"/>
                  </a:lnTo>
                  <a:lnTo>
                    <a:pt x="2359" y="1003"/>
                  </a:lnTo>
                  <a:lnTo>
                    <a:pt x="2351" y="998"/>
                  </a:lnTo>
                  <a:lnTo>
                    <a:pt x="2343" y="993"/>
                  </a:lnTo>
                  <a:lnTo>
                    <a:pt x="2335" y="989"/>
                  </a:lnTo>
                  <a:lnTo>
                    <a:pt x="2326" y="985"/>
                  </a:lnTo>
                  <a:lnTo>
                    <a:pt x="2318" y="982"/>
                  </a:lnTo>
                  <a:lnTo>
                    <a:pt x="2309" y="979"/>
                  </a:lnTo>
                  <a:lnTo>
                    <a:pt x="2301" y="977"/>
                  </a:lnTo>
                  <a:lnTo>
                    <a:pt x="2294" y="976"/>
                  </a:lnTo>
                  <a:lnTo>
                    <a:pt x="2286" y="975"/>
                  </a:lnTo>
                  <a:lnTo>
                    <a:pt x="2279" y="974"/>
                  </a:lnTo>
                  <a:lnTo>
                    <a:pt x="2264" y="973"/>
                  </a:lnTo>
                  <a:lnTo>
                    <a:pt x="2250" y="974"/>
                  </a:lnTo>
                  <a:close/>
                  <a:moveTo>
                    <a:pt x="2250" y="812"/>
                  </a:moveTo>
                  <a:lnTo>
                    <a:pt x="2213" y="838"/>
                  </a:lnTo>
                  <a:lnTo>
                    <a:pt x="2176" y="862"/>
                  </a:lnTo>
                  <a:lnTo>
                    <a:pt x="2183" y="837"/>
                  </a:lnTo>
                  <a:lnTo>
                    <a:pt x="2189" y="813"/>
                  </a:lnTo>
                  <a:lnTo>
                    <a:pt x="2194" y="789"/>
                  </a:lnTo>
                  <a:lnTo>
                    <a:pt x="2199" y="765"/>
                  </a:lnTo>
                  <a:lnTo>
                    <a:pt x="2224" y="751"/>
                  </a:lnTo>
                  <a:lnTo>
                    <a:pt x="2250" y="738"/>
                  </a:lnTo>
                  <a:lnTo>
                    <a:pt x="2278" y="722"/>
                  </a:lnTo>
                  <a:lnTo>
                    <a:pt x="2307" y="706"/>
                  </a:lnTo>
                  <a:lnTo>
                    <a:pt x="2303" y="703"/>
                  </a:lnTo>
                  <a:lnTo>
                    <a:pt x="2300" y="700"/>
                  </a:lnTo>
                  <a:lnTo>
                    <a:pt x="2293" y="695"/>
                  </a:lnTo>
                  <a:lnTo>
                    <a:pt x="2278" y="687"/>
                  </a:lnTo>
                  <a:lnTo>
                    <a:pt x="2264" y="695"/>
                  </a:lnTo>
                  <a:lnTo>
                    <a:pt x="2250" y="703"/>
                  </a:lnTo>
                  <a:lnTo>
                    <a:pt x="2201" y="728"/>
                  </a:lnTo>
                  <a:lnTo>
                    <a:pt x="2153" y="753"/>
                  </a:lnTo>
                  <a:lnTo>
                    <a:pt x="2104" y="779"/>
                  </a:lnTo>
                  <a:lnTo>
                    <a:pt x="2056" y="805"/>
                  </a:lnTo>
                  <a:lnTo>
                    <a:pt x="2033" y="759"/>
                  </a:lnTo>
                  <a:lnTo>
                    <a:pt x="2154" y="701"/>
                  </a:lnTo>
                  <a:lnTo>
                    <a:pt x="2188" y="685"/>
                  </a:lnTo>
                  <a:lnTo>
                    <a:pt x="2177" y="677"/>
                  </a:lnTo>
                  <a:lnTo>
                    <a:pt x="2167" y="669"/>
                  </a:lnTo>
                  <a:lnTo>
                    <a:pt x="2156" y="663"/>
                  </a:lnTo>
                  <a:lnTo>
                    <a:pt x="2145" y="658"/>
                  </a:lnTo>
                  <a:lnTo>
                    <a:pt x="2133" y="653"/>
                  </a:lnTo>
                  <a:lnTo>
                    <a:pt x="2122" y="649"/>
                  </a:lnTo>
                  <a:lnTo>
                    <a:pt x="2110" y="645"/>
                  </a:lnTo>
                  <a:lnTo>
                    <a:pt x="2098" y="642"/>
                  </a:lnTo>
                  <a:lnTo>
                    <a:pt x="2116" y="636"/>
                  </a:lnTo>
                  <a:lnTo>
                    <a:pt x="2135" y="630"/>
                  </a:lnTo>
                  <a:lnTo>
                    <a:pt x="2154" y="624"/>
                  </a:lnTo>
                  <a:lnTo>
                    <a:pt x="2173" y="618"/>
                  </a:lnTo>
                  <a:lnTo>
                    <a:pt x="2212" y="608"/>
                  </a:lnTo>
                  <a:lnTo>
                    <a:pt x="2250" y="600"/>
                  </a:lnTo>
                  <a:lnTo>
                    <a:pt x="2277" y="595"/>
                  </a:lnTo>
                  <a:lnTo>
                    <a:pt x="2303" y="591"/>
                  </a:lnTo>
                  <a:lnTo>
                    <a:pt x="2317" y="589"/>
                  </a:lnTo>
                  <a:lnTo>
                    <a:pt x="2330" y="587"/>
                  </a:lnTo>
                  <a:lnTo>
                    <a:pt x="2357" y="585"/>
                  </a:lnTo>
                  <a:lnTo>
                    <a:pt x="2384" y="584"/>
                  </a:lnTo>
                  <a:lnTo>
                    <a:pt x="2411" y="584"/>
                  </a:lnTo>
                  <a:lnTo>
                    <a:pt x="2424" y="584"/>
                  </a:lnTo>
                  <a:lnTo>
                    <a:pt x="2438" y="585"/>
                  </a:lnTo>
                  <a:lnTo>
                    <a:pt x="2464" y="587"/>
                  </a:lnTo>
                  <a:lnTo>
                    <a:pt x="2455" y="604"/>
                  </a:lnTo>
                  <a:lnTo>
                    <a:pt x="2444" y="620"/>
                  </a:lnTo>
                  <a:lnTo>
                    <a:pt x="2433" y="636"/>
                  </a:lnTo>
                  <a:lnTo>
                    <a:pt x="2421" y="651"/>
                  </a:lnTo>
                  <a:lnTo>
                    <a:pt x="2409" y="666"/>
                  </a:lnTo>
                  <a:lnTo>
                    <a:pt x="2396" y="681"/>
                  </a:lnTo>
                  <a:lnTo>
                    <a:pt x="2383" y="696"/>
                  </a:lnTo>
                  <a:lnTo>
                    <a:pt x="2369" y="710"/>
                  </a:lnTo>
                  <a:lnTo>
                    <a:pt x="2341" y="737"/>
                  </a:lnTo>
                  <a:lnTo>
                    <a:pt x="2326" y="751"/>
                  </a:lnTo>
                  <a:lnTo>
                    <a:pt x="2311" y="764"/>
                  </a:lnTo>
                  <a:lnTo>
                    <a:pt x="2296" y="776"/>
                  </a:lnTo>
                  <a:lnTo>
                    <a:pt x="2281" y="789"/>
                  </a:lnTo>
                  <a:lnTo>
                    <a:pt x="2266" y="801"/>
                  </a:lnTo>
                  <a:lnTo>
                    <a:pt x="2250" y="812"/>
                  </a:lnTo>
                  <a:close/>
                  <a:moveTo>
                    <a:pt x="2250" y="31"/>
                  </a:moveTo>
                  <a:lnTo>
                    <a:pt x="2234" y="21"/>
                  </a:lnTo>
                  <a:lnTo>
                    <a:pt x="2227" y="16"/>
                  </a:lnTo>
                  <a:lnTo>
                    <a:pt x="2220" y="10"/>
                  </a:lnTo>
                  <a:lnTo>
                    <a:pt x="2250" y="10"/>
                  </a:lnTo>
                  <a:lnTo>
                    <a:pt x="2553" y="10"/>
                  </a:lnTo>
                  <a:lnTo>
                    <a:pt x="2553" y="351"/>
                  </a:lnTo>
                  <a:lnTo>
                    <a:pt x="2546" y="339"/>
                  </a:lnTo>
                  <a:lnTo>
                    <a:pt x="2538" y="327"/>
                  </a:lnTo>
                  <a:lnTo>
                    <a:pt x="2523" y="305"/>
                  </a:lnTo>
                  <a:lnTo>
                    <a:pt x="2507" y="282"/>
                  </a:lnTo>
                  <a:lnTo>
                    <a:pt x="2490" y="260"/>
                  </a:lnTo>
                  <a:lnTo>
                    <a:pt x="2482" y="249"/>
                  </a:lnTo>
                  <a:lnTo>
                    <a:pt x="2473" y="239"/>
                  </a:lnTo>
                  <a:lnTo>
                    <a:pt x="2455" y="218"/>
                  </a:lnTo>
                  <a:lnTo>
                    <a:pt x="2437" y="197"/>
                  </a:lnTo>
                  <a:lnTo>
                    <a:pt x="2418" y="176"/>
                  </a:lnTo>
                  <a:lnTo>
                    <a:pt x="2399" y="157"/>
                  </a:lnTo>
                  <a:lnTo>
                    <a:pt x="2379" y="137"/>
                  </a:lnTo>
                  <a:lnTo>
                    <a:pt x="2359" y="118"/>
                  </a:lnTo>
                  <a:lnTo>
                    <a:pt x="2338" y="100"/>
                  </a:lnTo>
                  <a:lnTo>
                    <a:pt x="2317" y="82"/>
                  </a:lnTo>
                  <a:lnTo>
                    <a:pt x="2295" y="65"/>
                  </a:lnTo>
                  <a:lnTo>
                    <a:pt x="2273" y="48"/>
                  </a:lnTo>
                  <a:lnTo>
                    <a:pt x="2250" y="31"/>
                  </a:lnTo>
                  <a:close/>
                  <a:moveTo>
                    <a:pt x="2730" y="1347"/>
                  </a:moveTo>
                  <a:lnTo>
                    <a:pt x="2776" y="1335"/>
                  </a:lnTo>
                  <a:lnTo>
                    <a:pt x="2780" y="1349"/>
                  </a:lnTo>
                  <a:lnTo>
                    <a:pt x="2785" y="1362"/>
                  </a:lnTo>
                  <a:lnTo>
                    <a:pt x="2791" y="1375"/>
                  </a:lnTo>
                  <a:lnTo>
                    <a:pt x="2797" y="1386"/>
                  </a:lnTo>
                  <a:lnTo>
                    <a:pt x="2804" y="1397"/>
                  </a:lnTo>
                  <a:lnTo>
                    <a:pt x="2812" y="1406"/>
                  </a:lnTo>
                  <a:lnTo>
                    <a:pt x="2821" y="1415"/>
                  </a:lnTo>
                  <a:lnTo>
                    <a:pt x="2825" y="1418"/>
                  </a:lnTo>
                  <a:lnTo>
                    <a:pt x="2830" y="1422"/>
                  </a:lnTo>
                  <a:lnTo>
                    <a:pt x="2840" y="1429"/>
                  </a:lnTo>
                  <a:lnTo>
                    <a:pt x="2851" y="1434"/>
                  </a:lnTo>
                  <a:lnTo>
                    <a:pt x="2862" y="1439"/>
                  </a:lnTo>
                  <a:lnTo>
                    <a:pt x="2868" y="1441"/>
                  </a:lnTo>
                  <a:lnTo>
                    <a:pt x="2874" y="1443"/>
                  </a:lnTo>
                  <a:lnTo>
                    <a:pt x="2881" y="1445"/>
                  </a:lnTo>
                  <a:lnTo>
                    <a:pt x="2888" y="1446"/>
                  </a:lnTo>
                  <a:lnTo>
                    <a:pt x="2901" y="1448"/>
                  </a:lnTo>
                  <a:lnTo>
                    <a:pt x="2916" y="1449"/>
                  </a:lnTo>
                  <a:lnTo>
                    <a:pt x="2932" y="1450"/>
                  </a:lnTo>
                  <a:lnTo>
                    <a:pt x="2944" y="1449"/>
                  </a:lnTo>
                  <a:lnTo>
                    <a:pt x="2956" y="1448"/>
                  </a:lnTo>
                  <a:lnTo>
                    <a:pt x="2962" y="1447"/>
                  </a:lnTo>
                  <a:lnTo>
                    <a:pt x="2968" y="1446"/>
                  </a:lnTo>
                  <a:lnTo>
                    <a:pt x="2978" y="1442"/>
                  </a:lnTo>
                  <a:lnTo>
                    <a:pt x="2988" y="1438"/>
                  </a:lnTo>
                  <a:lnTo>
                    <a:pt x="2997" y="1433"/>
                  </a:lnTo>
                  <a:lnTo>
                    <a:pt x="3006" y="1428"/>
                  </a:lnTo>
                  <a:lnTo>
                    <a:pt x="3013" y="1421"/>
                  </a:lnTo>
                  <a:lnTo>
                    <a:pt x="3017" y="1418"/>
                  </a:lnTo>
                  <a:lnTo>
                    <a:pt x="3020" y="1414"/>
                  </a:lnTo>
                  <a:lnTo>
                    <a:pt x="3023" y="1410"/>
                  </a:lnTo>
                  <a:lnTo>
                    <a:pt x="3026" y="1406"/>
                  </a:lnTo>
                  <a:lnTo>
                    <a:pt x="3031" y="1397"/>
                  </a:lnTo>
                  <a:lnTo>
                    <a:pt x="3036" y="1388"/>
                  </a:lnTo>
                  <a:lnTo>
                    <a:pt x="3037" y="1383"/>
                  </a:lnTo>
                  <a:lnTo>
                    <a:pt x="3039" y="1378"/>
                  </a:lnTo>
                  <a:lnTo>
                    <a:pt x="3041" y="1367"/>
                  </a:lnTo>
                  <a:lnTo>
                    <a:pt x="3042" y="1361"/>
                  </a:lnTo>
                  <a:lnTo>
                    <a:pt x="3043" y="1355"/>
                  </a:lnTo>
                  <a:lnTo>
                    <a:pt x="3043" y="1343"/>
                  </a:lnTo>
                  <a:lnTo>
                    <a:pt x="3043" y="1337"/>
                  </a:lnTo>
                  <a:lnTo>
                    <a:pt x="3043" y="1331"/>
                  </a:lnTo>
                  <a:lnTo>
                    <a:pt x="3041" y="1325"/>
                  </a:lnTo>
                  <a:lnTo>
                    <a:pt x="3040" y="1319"/>
                  </a:lnTo>
                  <a:lnTo>
                    <a:pt x="3038" y="1314"/>
                  </a:lnTo>
                  <a:lnTo>
                    <a:pt x="3036" y="1308"/>
                  </a:lnTo>
                  <a:lnTo>
                    <a:pt x="3033" y="1303"/>
                  </a:lnTo>
                  <a:lnTo>
                    <a:pt x="3031" y="1299"/>
                  </a:lnTo>
                  <a:lnTo>
                    <a:pt x="3024" y="1290"/>
                  </a:lnTo>
                  <a:lnTo>
                    <a:pt x="3016" y="1282"/>
                  </a:lnTo>
                  <a:lnTo>
                    <a:pt x="3007" y="1274"/>
                  </a:lnTo>
                  <a:lnTo>
                    <a:pt x="3002" y="1271"/>
                  </a:lnTo>
                  <a:lnTo>
                    <a:pt x="2997" y="1267"/>
                  </a:lnTo>
                  <a:lnTo>
                    <a:pt x="2986" y="1261"/>
                  </a:lnTo>
                  <a:lnTo>
                    <a:pt x="2974" y="1255"/>
                  </a:lnTo>
                  <a:lnTo>
                    <a:pt x="2962" y="1250"/>
                  </a:lnTo>
                  <a:lnTo>
                    <a:pt x="2949" y="1244"/>
                  </a:lnTo>
                  <a:lnTo>
                    <a:pt x="2936" y="1239"/>
                  </a:lnTo>
                  <a:lnTo>
                    <a:pt x="2922" y="1235"/>
                  </a:lnTo>
                  <a:lnTo>
                    <a:pt x="2894" y="1225"/>
                  </a:lnTo>
                  <a:lnTo>
                    <a:pt x="2867" y="1215"/>
                  </a:lnTo>
                  <a:lnTo>
                    <a:pt x="2853" y="1210"/>
                  </a:lnTo>
                  <a:lnTo>
                    <a:pt x="2840" y="1204"/>
                  </a:lnTo>
                  <a:lnTo>
                    <a:pt x="2827" y="1198"/>
                  </a:lnTo>
                  <a:lnTo>
                    <a:pt x="2815" y="1191"/>
                  </a:lnTo>
                  <a:lnTo>
                    <a:pt x="2803" y="1184"/>
                  </a:lnTo>
                  <a:lnTo>
                    <a:pt x="2792" y="1176"/>
                  </a:lnTo>
                  <a:lnTo>
                    <a:pt x="2782" y="1168"/>
                  </a:lnTo>
                  <a:lnTo>
                    <a:pt x="2777" y="1163"/>
                  </a:lnTo>
                  <a:lnTo>
                    <a:pt x="2773" y="1158"/>
                  </a:lnTo>
                  <a:lnTo>
                    <a:pt x="2765" y="1148"/>
                  </a:lnTo>
                  <a:lnTo>
                    <a:pt x="2762" y="1143"/>
                  </a:lnTo>
                  <a:lnTo>
                    <a:pt x="2758" y="1137"/>
                  </a:lnTo>
                  <a:lnTo>
                    <a:pt x="2753" y="1125"/>
                  </a:lnTo>
                  <a:lnTo>
                    <a:pt x="2751" y="1117"/>
                  </a:lnTo>
                  <a:lnTo>
                    <a:pt x="2748" y="1110"/>
                  </a:lnTo>
                  <a:lnTo>
                    <a:pt x="2746" y="1103"/>
                  </a:lnTo>
                  <a:lnTo>
                    <a:pt x="2745" y="1096"/>
                  </a:lnTo>
                  <a:lnTo>
                    <a:pt x="2745" y="1088"/>
                  </a:lnTo>
                  <a:lnTo>
                    <a:pt x="2745" y="1080"/>
                  </a:lnTo>
                  <a:lnTo>
                    <a:pt x="2745" y="1073"/>
                  </a:lnTo>
                  <a:lnTo>
                    <a:pt x="2745" y="1065"/>
                  </a:lnTo>
                  <a:lnTo>
                    <a:pt x="2746" y="1058"/>
                  </a:lnTo>
                  <a:lnTo>
                    <a:pt x="2747" y="1051"/>
                  </a:lnTo>
                  <a:lnTo>
                    <a:pt x="2750" y="1044"/>
                  </a:lnTo>
                  <a:lnTo>
                    <a:pt x="2751" y="1037"/>
                  </a:lnTo>
                  <a:lnTo>
                    <a:pt x="2753" y="1031"/>
                  </a:lnTo>
                  <a:lnTo>
                    <a:pt x="2756" y="1024"/>
                  </a:lnTo>
                  <a:lnTo>
                    <a:pt x="2758" y="1018"/>
                  </a:lnTo>
                  <a:lnTo>
                    <a:pt x="2761" y="1012"/>
                  </a:lnTo>
                  <a:lnTo>
                    <a:pt x="2765" y="1006"/>
                  </a:lnTo>
                  <a:lnTo>
                    <a:pt x="2768" y="1000"/>
                  </a:lnTo>
                  <a:lnTo>
                    <a:pt x="2772" y="995"/>
                  </a:lnTo>
                  <a:lnTo>
                    <a:pt x="2777" y="989"/>
                  </a:lnTo>
                  <a:lnTo>
                    <a:pt x="2786" y="979"/>
                  </a:lnTo>
                  <a:lnTo>
                    <a:pt x="2791" y="975"/>
                  </a:lnTo>
                  <a:lnTo>
                    <a:pt x="2796" y="970"/>
                  </a:lnTo>
                  <a:lnTo>
                    <a:pt x="2808" y="962"/>
                  </a:lnTo>
                  <a:lnTo>
                    <a:pt x="2815" y="958"/>
                  </a:lnTo>
                  <a:lnTo>
                    <a:pt x="2821" y="955"/>
                  </a:lnTo>
                  <a:lnTo>
                    <a:pt x="2828" y="952"/>
                  </a:lnTo>
                  <a:lnTo>
                    <a:pt x="2835" y="949"/>
                  </a:lnTo>
                  <a:lnTo>
                    <a:pt x="2851" y="945"/>
                  </a:lnTo>
                  <a:lnTo>
                    <a:pt x="2867" y="941"/>
                  </a:lnTo>
                  <a:lnTo>
                    <a:pt x="2876" y="940"/>
                  </a:lnTo>
                  <a:lnTo>
                    <a:pt x="2885" y="939"/>
                  </a:lnTo>
                  <a:lnTo>
                    <a:pt x="2894" y="938"/>
                  </a:lnTo>
                  <a:lnTo>
                    <a:pt x="2903" y="938"/>
                  </a:lnTo>
                  <a:lnTo>
                    <a:pt x="2919" y="939"/>
                  </a:lnTo>
                  <a:lnTo>
                    <a:pt x="2935" y="941"/>
                  </a:lnTo>
                  <a:lnTo>
                    <a:pt x="2949" y="943"/>
                  </a:lnTo>
                  <a:lnTo>
                    <a:pt x="2957" y="945"/>
                  </a:lnTo>
                  <a:lnTo>
                    <a:pt x="2964" y="947"/>
                  </a:lnTo>
                  <a:lnTo>
                    <a:pt x="2977" y="952"/>
                  </a:lnTo>
                  <a:lnTo>
                    <a:pt x="2984" y="955"/>
                  </a:lnTo>
                  <a:lnTo>
                    <a:pt x="2990" y="958"/>
                  </a:lnTo>
                  <a:lnTo>
                    <a:pt x="3002" y="965"/>
                  </a:lnTo>
                  <a:lnTo>
                    <a:pt x="3013" y="973"/>
                  </a:lnTo>
                  <a:lnTo>
                    <a:pt x="3019" y="978"/>
                  </a:lnTo>
                  <a:lnTo>
                    <a:pt x="3024" y="982"/>
                  </a:lnTo>
                  <a:lnTo>
                    <a:pt x="3034" y="992"/>
                  </a:lnTo>
                  <a:lnTo>
                    <a:pt x="3043" y="1003"/>
                  </a:lnTo>
                  <a:lnTo>
                    <a:pt x="3052" y="1015"/>
                  </a:lnTo>
                  <a:lnTo>
                    <a:pt x="3056" y="1021"/>
                  </a:lnTo>
                  <a:lnTo>
                    <a:pt x="3059" y="1027"/>
                  </a:lnTo>
                  <a:lnTo>
                    <a:pt x="3063" y="1034"/>
                  </a:lnTo>
                  <a:lnTo>
                    <a:pt x="3066" y="1040"/>
                  </a:lnTo>
                  <a:lnTo>
                    <a:pt x="3072" y="1055"/>
                  </a:lnTo>
                  <a:lnTo>
                    <a:pt x="3077" y="1069"/>
                  </a:lnTo>
                  <a:lnTo>
                    <a:pt x="3035" y="1082"/>
                  </a:lnTo>
                  <a:lnTo>
                    <a:pt x="3031" y="1071"/>
                  </a:lnTo>
                  <a:lnTo>
                    <a:pt x="3026" y="1061"/>
                  </a:lnTo>
                  <a:lnTo>
                    <a:pt x="3021" y="1051"/>
                  </a:lnTo>
                  <a:lnTo>
                    <a:pt x="3016" y="1041"/>
                  </a:lnTo>
                  <a:lnTo>
                    <a:pt x="3009" y="1033"/>
                  </a:lnTo>
                  <a:lnTo>
                    <a:pt x="3003" y="1024"/>
                  </a:lnTo>
                  <a:lnTo>
                    <a:pt x="2995" y="1016"/>
                  </a:lnTo>
                  <a:lnTo>
                    <a:pt x="2988" y="1009"/>
                  </a:lnTo>
                  <a:lnTo>
                    <a:pt x="2979" y="1003"/>
                  </a:lnTo>
                  <a:lnTo>
                    <a:pt x="2970" y="997"/>
                  </a:lnTo>
                  <a:lnTo>
                    <a:pt x="2960" y="992"/>
                  </a:lnTo>
                  <a:lnTo>
                    <a:pt x="2950" y="988"/>
                  </a:lnTo>
                  <a:lnTo>
                    <a:pt x="2939" y="985"/>
                  </a:lnTo>
                  <a:lnTo>
                    <a:pt x="2934" y="984"/>
                  </a:lnTo>
                  <a:lnTo>
                    <a:pt x="2928" y="983"/>
                  </a:lnTo>
                  <a:lnTo>
                    <a:pt x="2916" y="981"/>
                  </a:lnTo>
                  <a:lnTo>
                    <a:pt x="2903" y="981"/>
                  </a:lnTo>
                  <a:lnTo>
                    <a:pt x="2892" y="981"/>
                  </a:lnTo>
                  <a:lnTo>
                    <a:pt x="2880" y="982"/>
                  </a:lnTo>
                  <a:lnTo>
                    <a:pt x="2869" y="985"/>
                  </a:lnTo>
                  <a:lnTo>
                    <a:pt x="2859" y="987"/>
                  </a:lnTo>
                  <a:lnTo>
                    <a:pt x="2850" y="991"/>
                  </a:lnTo>
                  <a:lnTo>
                    <a:pt x="2845" y="993"/>
                  </a:lnTo>
                  <a:lnTo>
                    <a:pt x="2841" y="995"/>
                  </a:lnTo>
                  <a:lnTo>
                    <a:pt x="2836" y="998"/>
                  </a:lnTo>
                  <a:lnTo>
                    <a:pt x="2832" y="1001"/>
                  </a:lnTo>
                  <a:lnTo>
                    <a:pt x="2828" y="1003"/>
                  </a:lnTo>
                  <a:lnTo>
                    <a:pt x="2824" y="1007"/>
                  </a:lnTo>
                  <a:lnTo>
                    <a:pt x="2821" y="1010"/>
                  </a:lnTo>
                  <a:lnTo>
                    <a:pt x="2818" y="1013"/>
                  </a:lnTo>
                  <a:lnTo>
                    <a:pt x="2814" y="1017"/>
                  </a:lnTo>
                  <a:lnTo>
                    <a:pt x="2811" y="1021"/>
                  </a:lnTo>
                  <a:lnTo>
                    <a:pt x="2809" y="1025"/>
                  </a:lnTo>
                  <a:lnTo>
                    <a:pt x="2806" y="1029"/>
                  </a:lnTo>
                  <a:lnTo>
                    <a:pt x="2804" y="1033"/>
                  </a:lnTo>
                  <a:lnTo>
                    <a:pt x="2802" y="1038"/>
                  </a:lnTo>
                  <a:lnTo>
                    <a:pt x="2798" y="1047"/>
                  </a:lnTo>
                  <a:lnTo>
                    <a:pt x="2797" y="1052"/>
                  </a:lnTo>
                  <a:lnTo>
                    <a:pt x="2796" y="1058"/>
                  </a:lnTo>
                  <a:lnTo>
                    <a:pt x="2795" y="1063"/>
                  </a:lnTo>
                  <a:lnTo>
                    <a:pt x="2794" y="1068"/>
                  </a:lnTo>
                  <a:lnTo>
                    <a:pt x="2793" y="1080"/>
                  </a:lnTo>
                  <a:lnTo>
                    <a:pt x="2794" y="1087"/>
                  </a:lnTo>
                  <a:lnTo>
                    <a:pt x="2794" y="1093"/>
                  </a:lnTo>
                  <a:lnTo>
                    <a:pt x="2795" y="1099"/>
                  </a:lnTo>
                  <a:lnTo>
                    <a:pt x="2797" y="1105"/>
                  </a:lnTo>
                  <a:lnTo>
                    <a:pt x="2799" y="1111"/>
                  </a:lnTo>
                  <a:lnTo>
                    <a:pt x="2803" y="1117"/>
                  </a:lnTo>
                  <a:lnTo>
                    <a:pt x="2807" y="1124"/>
                  </a:lnTo>
                  <a:lnTo>
                    <a:pt x="2812" y="1130"/>
                  </a:lnTo>
                  <a:lnTo>
                    <a:pt x="2819" y="1136"/>
                  </a:lnTo>
                  <a:lnTo>
                    <a:pt x="2827" y="1142"/>
                  </a:lnTo>
                  <a:lnTo>
                    <a:pt x="2836" y="1148"/>
                  </a:lnTo>
                  <a:lnTo>
                    <a:pt x="2847" y="1154"/>
                  </a:lnTo>
                  <a:lnTo>
                    <a:pt x="2859" y="1160"/>
                  </a:lnTo>
                  <a:lnTo>
                    <a:pt x="2873" y="1167"/>
                  </a:lnTo>
                  <a:lnTo>
                    <a:pt x="2889" y="1174"/>
                  </a:lnTo>
                  <a:lnTo>
                    <a:pt x="2907" y="1180"/>
                  </a:lnTo>
                  <a:lnTo>
                    <a:pt x="2934" y="1190"/>
                  </a:lnTo>
                  <a:lnTo>
                    <a:pt x="2959" y="1200"/>
                  </a:lnTo>
                  <a:lnTo>
                    <a:pt x="2981" y="1210"/>
                  </a:lnTo>
                  <a:lnTo>
                    <a:pt x="3001" y="1219"/>
                  </a:lnTo>
                  <a:lnTo>
                    <a:pt x="3010" y="1224"/>
                  </a:lnTo>
                  <a:lnTo>
                    <a:pt x="3018" y="1228"/>
                  </a:lnTo>
                  <a:lnTo>
                    <a:pt x="3026" y="1233"/>
                  </a:lnTo>
                  <a:lnTo>
                    <a:pt x="3034" y="1238"/>
                  </a:lnTo>
                  <a:lnTo>
                    <a:pt x="3040" y="1242"/>
                  </a:lnTo>
                  <a:lnTo>
                    <a:pt x="3047" y="1247"/>
                  </a:lnTo>
                  <a:lnTo>
                    <a:pt x="3058" y="1257"/>
                  </a:lnTo>
                  <a:lnTo>
                    <a:pt x="3063" y="1261"/>
                  </a:lnTo>
                  <a:lnTo>
                    <a:pt x="3067" y="1266"/>
                  </a:lnTo>
                  <a:lnTo>
                    <a:pt x="3075" y="1276"/>
                  </a:lnTo>
                  <a:lnTo>
                    <a:pt x="3081" y="1287"/>
                  </a:lnTo>
                  <a:lnTo>
                    <a:pt x="3086" y="1298"/>
                  </a:lnTo>
                  <a:lnTo>
                    <a:pt x="3089" y="1310"/>
                  </a:lnTo>
                  <a:lnTo>
                    <a:pt x="3090" y="1316"/>
                  </a:lnTo>
                  <a:lnTo>
                    <a:pt x="3091" y="1322"/>
                  </a:lnTo>
                  <a:lnTo>
                    <a:pt x="3093" y="1335"/>
                  </a:lnTo>
                  <a:lnTo>
                    <a:pt x="3093" y="1349"/>
                  </a:lnTo>
                  <a:lnTo>
                    <a:pt x="3093" y="1357"/>
                  </a:lnTo>
                  <a:lnTo>
                    <a:pt x="3092" y="1366"/>
                  </a:lnTo>
                  <a:lnTo>
                    <a:pt x="3091" y="1374"/>
                  </a:lnTo>
                  <a:lnTo>
                    <a:pt x="3089" y="1381"/>
                  </a:lnTo>
                  <a:lnTo>
                    <a:pt x="3085" y="1396"/>
                  </a:lnTo>
                  <a:lnTo>
                    <a:pt x="3082" y="1404"/>
                  </a:lnTo>
                  <a:lnTo>
                    <a:pt x="3079" y="1410"/>
                  </a:lnTo>
                  <a:lnTo>
                    <a:pt x="3072" y="1423"/>
                  </a:lnTo>
                  <a:lnTo>
                    <a:pt x="3068" y="1429"/>
                  </a:lnTo>
                  <a:lnTo>
                    <a:pt x="3063" y="1435"/>
                  </a:lnTo>
                  <a:lnTo>
                    <a:pt x="3058" y="1441"/>
                  </a:lnTo>
                  <a:lnTo>
                    <a:pt x="3053" y="1446"/>
                  </a:lnTo>
                  <a:lnTo>
                    <a:pt x="3048" y="1451"/>
                  </a:lnTo>
                  <a:lnTo>
                    <a:pt x="3042" y="1456"/>
                  </a:lnTo>
                  <a:lnTo>
                    <a:pt x="3030" y="1465"/>
                  </a:lnTo>
                  <a:lnTo>
                    <a:pt x="3017" y="1472"/>
                  </a:lnTo>
                  <a:lnTo>
                    <a:pt x="3003" y="1479"/>
                  </a:lnTo>
                  <a:lnTo>
                    <a:pt x="2988" y="1484"/>
                  </a:lnTo>
                  <a:lnTo>
                    <a:pt x="2973" y="1489"/>
                  </a:lnTo>
                  <a:lnTo>
                    <a:pt x="2957" y="1492"/>
                  </a:lnTo>
                  <a:lnTo>
                    <a:pt x="2949" y="1493"/>
                  </a:lnTo>
                  <a:lnTo>
                    <a:pt x="2941" y="1494"/>
                  </a:lnTo>
                  <a:lnTo>
                    <a:pt x="2933" y="1494"/>
                  </a:lnTo>
                  <a:lnTo>
                    <a:pt x="2925" y="1494"/>
                  </a:lnTo>
                  <a:lnTo>
                    <a:pt x="2906" y="1494"/>
                  </a:lnTo>
                  <a:lnTo>
                    <a:pt x="2888" y="1492"/>
                  </a:lnTo>
                  <a:lnTo>
                    <a:pt x="2879" y="1490"/>
                  </a:lnTo>
                  <a:lnTo>
                    <a:pt x="2871" y="1489"/>
                  </a:lnTo>
                  <a:lnTo>
                    <a:pt x="2855" y="1485"/>
                  </a:lnTo>
                  <a:lnTo>
                    <a:pt x="2847" y="1482"/>
                  </a:lnTo>
                  <a:lnTo>
                    <a:pt x="2840" y="1480"/>
                  </a:lnTo>
                  <a:lnTo>
                    <a:pt x="2825" y="1473"/>
                  </a:lnTo>
                  <a:lnTo>
                    <a:pt x="2819" y="1470"/>
                  </a:lnTo>
                  <a:lnTo>
                    <a:pt x="2812" y="1466"/>
                  </a:lnTo>
                  <a:lnTo>
                    <a:pt x="2806" y="1462"/>
                  </a:lnTo>
                  <a:lnTo>
                    <a:pt x="2800" y="1457"/>
                  </a:lnTo>
                  <a:lnTo>
                    <a:pt x="2794" y="1452"/>
                  </a:lnTo>
                  <a:lnTo>
                    <a:pt x="2789" y="1447"/>
                  </a:lnTo>
                  <a:lnTo>
                    <a:pt x="2783" y="1442"/>
                  </a:lnTo>
                  <a:lnTo>
                    <a:pt x="2778" y="1436"/>
                  </a:lnTo>
                  <a:lnTo>
                    <a:pt x="2768" y="1424"/>
                  </a:lnTo>
                  <a:lnTo>
                    <a:pt x="2760" y="1411"/>
                  </a:lnTo>
                  <a:lnTo>
                    <a:pt x="2751" y="1397"/>
                  </a:lnTo>
                  <a:lnTo>
                    <a:pt x="2743" y="1381"/>
                  </a:lnTo>
                  <a:lnTo>
                    <a:pt x="2736" y="1365"/>
                  </a:lnTo>
                  <a:lnTo>
                    <a:pt x="2730" y="1347"/>
                  </a:lnTo>
                  <a:close/>
                  <a:moveTo>
                    <a:pt x="3844" y="1007"/>
                  </a:moveTo>
                  <a:lnTo>
                    <a:pt x="3837" y="1007"/>
                  </a:lnTo>
                  <a:lnTo>
                    <a:pt x="3752" y="1262"/>
                  </a:lnTo>
                  <a:lnTo>
                    <a:pt x="3844" y="1262"/>
                  </a:lnTo>
                  <a:lnTo>
                    <a:pt x="3936" y="1262"/>
                  </a:lnTo>
                  <a:lnTo>
                    <a:pt x="3851" y="1007"/>
                  </a:lnTo>
                  <a:lnTo>
                    <a:pt x="3844" y="1007"/>
                  </a:lnTo>
                  <a:close/>
                  <a:moveTo>
                    <a:pt x="3844" y="1308"/>
                  </a:moveTo>
                  <a:lnTo>
                    <a:pt x="3736" y="1308"/>
                  </a:lnTo>
                  <a:lnTo>
                    <a:pt x="3677" y="1483"/>
                  </a:lnTo>
                  <a:lnTo>
                    <a:pt x="3622" y="1483"/>
                  </a:lnTo>
                  <a:lnTo>
                    <a:pt x="3803" y="949"/>
                  </a:lnTo>
                  <a:lnTo>
                    <a:pt x="3844" y="949"/>
                  </a:lnTo>
                  <a:lnTo>
                    <a:pt x="3885" y="949"/>
                  </a:lnTo>
                  <a:lnTo>
                    <a:pt x="4065" y="1483"/>
                  </a:lnTo>
                  <a:lnTo>
                    <a:pt x="4010" y="1483"/>
                  </a:lnTo>
                  <a:lnTo>
                    <a:pt x="3950" y="1308"/>
                  </a:lnTo>
                  <a:lnTo>
                    <a:pt x="3844" y="1308"/>
                  </a:lnTo>
                  <a:close/>
                  <a:moveTo>
                    <a:pt x="4082" y="995"/>
                  </a:moveTo>
                  <a:lnTo>
                    <a:pt x="4072" y="995"/>
                  </a:lnTo>
                  <a:lnTo>
                    <a:pt x="4072" y="949"/>
                  </a:lnTo>
                  <a:lnTo>
                    <a:pt x="4082" y="949"/>
                  </a:lnTo>
                  <a:lnTo>
                    <a:pt x="4447" y="949"/>
                  </a:lnTo>
                  <a:lnTo>
                    <a:pt x="4447" y="995"/>
                  </a:lnTo>
                  <a:lnTo>
                    <a:pt x="4284" y="995"/>
                  </a:lnTo>
                  <a:lnTo>
                    <a:pt x="4284" y="1483"/>
                  </a:lnTo>
                  <a:lnTo>
                    <a:pt x="4235" y="1483"/>
                  </a:lnTo>
                  <a:lnTo>
                    <a:pt x="4235" y="995"/>
                  </a:lnTo>
                  <a:lnTo>
                    <a:pt x="4082" y="995"/>
                  </a:lnTo>
                  <a:close/>
                  <a:moveTo>
                    <a:pt x="4643" y="995"/>
                  </a:moveTo>
                  <a:lnTo>
                    <a:pt x="4515" y="995"/>
                  </a:lnTo>
                  <a:lnTo>
                    <a:pt x="4515" y="949"/>
                  </a:lnTo>
                  <a:lnTo>
                    <a:pt x="4643" y="949"/>
                  </a:lnTo>
                  <a:lnTo>
                    <a:pt x="4892" y="949"/>
                  </a:lnTo>
                  <a:lnTo>
                    <a:pt x="4892" y="995"/>
                  </a:lnTo>
                  <a:lnTo>
                    <a:pt x="4729" y="995"/>
                  </a:lnTo>
                  <a:lnTo>
                    <a:pt x="4729" y="1483"/>
                  </a:lnTo>
                  <a:lnTo>
                    <a:pt x="4677" y="1483"/>
                  </a:lnTo>
                  <a:lnTo>
                    <a:pt x="4677" y="995"/>
                  </a:lnTo>
                  <a:lnTo>
                    <a:pt x="4643" y="995"/>
                  </a:lnTo>
                  <a:close/>
                  <a:moveTo>
                    <a:pt x="3388" y="1168"/>
                  </a:moveTo>
                  <a:lnTo>
                    <a:pt x="3578" y="1483"/>
                  </a:lnTo>
                  <a:lnTo>
                    <a:pt x="3521" y="1483"/>
                  </a:lnTo>
                  <a:lnTo>
                    <a:pt x="3355" y="1203"/>
                  </a:lnTo>
                  <a:lnTo>
                    <a:pt x="3244" y="1333"/>
                  </a:lnTo>
                  <a:lnTo>
                    <a:pt x="3244" y="1483"/>
                  </a:lnTo>
                  <a:lnTo>
                    <a:pt x="3192" y="1483"/>
                  </a:lnTo>
                  <a:lnTo>
                    <a:pt x="3192" y="949"/>
                  </a:lnTo>
                  <a:lnTo>
                    <a:pt x="3244" y="949"/>
                  </a:lnTo>
                  <a:lnTo>
                    <a:pt x="3244" y="1262"/>
                  </a:lnTo>
                  <a:lnTo>
                    <a:pt x="3512" y="949"/>
                  </a:lnTo>
                  <a:lnTo>
                    <a:pt x="3578" y="949"/>
                  </a:lnTo>
                  <a:lnTo>
                    <a:pt x="3388" y="1168"/>
                  </a:lnTo>
                  <a:close/>
                  <a:moveTo>
                    <a:pt x="2905" y="789"/>
                  </a:moveTo>
                  <a:lnTo>
                    <a:pt x="2706" y="10"/>
                  </a:lnTo>
                  <a:lnTo>
                    <a:pt x="2852" y="10"/>
                  </a:lnTo>
                  <a:lnTo>
                    <a:pt x="2988" y="568"/>
                  </a:lnTo>
                  <a:lnTo>
                    <a:pt x="3127" y="10"/>
                  </a:lnTo>
                  <a:lnTo>
                    <a:pt x="3272" y="10"/>
                  </a:lnTo>
                  <a:lnTo>
                    <a:pt x="3074" y="789"/>
                  </a:lnTo>
                  <a:lnTo>
                    <a:pt x="2905" y="789"/>
                  </a:lnTo>
                  <a:close/>
                  <a:moveTo>
                    <a:pt x="3844" y="789"/>
                  </a:moveTo>
                  <a:lnTo>
                    <a:pt x="3842" y="10"/>
                  </a:lnTo>
                  <a:lnTo>
                    <a:pt x="4058" y="10"/>
                  </a:lnTo>
                  <a:lnTo>
                    <a:pt x="4071" y="10"/>
                  </a:lnTo>
                  <a:lnTo>
                    <a:pt x="4077" y="11"/>
                  </a:lnTo>
                  <a:lnTo>
                    <a:pt x="4082" y="12"/>
                  </a:lnTo>
                  <a:lnTo>
                    <a:pt x="4097" y="13"/>
                  </a:lnTo>
                  <a:lnTo>
                    <a:pt x="4112" y="14"/>
                  </a:lnTo>
                  <a:lnTo>
                    <a:pt x="4126" y="16"/>
                  </a:lnTo>
                  <a:lnTo>
                    <a:pt x="4139" y="18"/>
                  </a:lnTo>
                  <a:lnTo>
                    <a:pt x="4152" y="21"/>
                  </a:lnTo>
                  <a:lnTo>
                    <a:pt x="4165" y="24"/>
                  </a:lnTo>
                  <a:lnTo>
                    <a:pt x="4177" y="28"/>
                  </a:lnTo>
                  <a:lnTo>
                    <a:pt x="4189" y="32"/>
                  </a:lnTo>
                  <a:lnTo>
                    <a:pt x="4194" y="34"/>
                  </a:lnTo>
                  <a:lnTo>
                    <a:pt x="4200" y="36"/>
                  </a:lnTo>
                  <a:lnTo>
                    <a:pt x="4210" y="41"/>
                  </a:lnTo>
                  <a:lnTo>
                    <a:pt x="4220" y="46"/>
                  </a:lnTo>
                  <a:lnTo>
                    <a:pt x="4230" y="52"/>
                  </a:lnTo>
                  <a:lnTo>
                    <a:pt x="4239" y="58"/>
                  </a:lnTo>
                  <a:lnTo>
                    <a:pt x="4247" y="64"/>
                  </a:lnTo>
                  <a:lnTo>
                    <a:pt x="4256" y="71"/>
                  </a:lnTo>
                  <a:lnTo>
                    <a:pt x="4263" y="78"/>
                  </a:lnTo>
                  <a:lnTo>
                    <a:pt x="4270" y="86"/>
                  </a:lnTo>
                  <a:lnTo>
                    <a:pt x="4277" y="94"/>
                  </a:lnTo>
                  <a:lnTo>
                    <a:pt x="4283" y="102"/>
                  </a:lnTo>
                  <a:lnTo>
                    <a:pt x="4289" y="111"/>
                  </a:lnTo>
                  <a:lnTo>
                    <a:pt x="4294" y="120"/>
                  </a:lnTo>
                  <a:lnTo>
                    <a:pt x="4299" y="130"/>
                  </a:lnTo>
                  <a:lnTo>
                    <a:pt x="4303" y="140"/>
                  </a:lnTo>
                  <a:lnTo>
                    <a:pt x="4307" y="150"/>
                  </a:lnTo>
                  <a:lnTo>
                    <a:pt x="4311" y="160"/>
                  </a:lnTo>
                  <a:lnTo>
                    <a:pt x="4314" y="171"/>
                  </a:lnTo>
                  <a:lnTo>
                    <a:pt x="4316" y="183"/>
                  </a:lnTo>
                  <a:lnTo>
                    <a:pt x="4318" y="194"/>
                  </a:lnTo>
                  <a:lnTo>
                    <a:pt x="4320" y="206"/>
                  </a:lnTo>
                  <a:lnTo>
                    <a:pt x="4321" y="219"/>
                  </a:lnTo>
                  <a:lnTo>
                    <a:pt x="4321" y="231"/>
                  </a:lnTo>
                  <a:lnTo>
                    <a:pt x="4322" y="244"/>
                  </a:lnTo>
                  <a:lnTo>
                    <a:pt x="4321" y="262"/>
                  </a:lnTo>
                  <a:lnTo>
                    <a:pt x="4320" y="279"/>
                  </a:lnTo>
                  <a:lnTo>
                    <a:pt x="4318" y="295"/>
                  </a:lnTo>
                  <a:lnTo>
                    <a:pt x="4317" y="303"/>
                  </a:lnTo>
                  <a:lnTo>
                    <a:pt x="4315" y="311"/>
                  </a:lnTo>
                  <a:lnTo>
                    <a:pt x="4313" y="319"/>
                  </a:lnTo>
                  <a:lnTo>
                    <a:pt x="4311" y="326"/>
                  </a:lnTo>
                  <a:lnTo>
                    <a:pt x="4307" y="341"/>
                  </a:lnTo>
                  <a:lnTo>
                    <a:pt x="4304" y="348"/>
                  </a:lnTo>
                  <a:lnTo>
                    <a:pt x="4301" y="354"/>
                  </a:lnTo>
                  <a:lnTo>
                    <a:pt x="4294" y="367"/>
                  </a:lnTo>
                  <a:lnTo>
                    <a:pt x="4291" y="375"/>
                  </a:lnTo>
                  <a:lnTo>
                    <a:pt x="4287" y="381"/>
                  </a:lnTo>
                  <a:lnTo>
                    <a:pt x="4278" y="392"/>
                  </a:lnTo>
                  <a:lnTo>
                    <a:pt x="4269" y="403"/>
                  </a:lnTo>
                  <a:lnTo>
                    <a:pt x="4264" y="408"/>
                  </a:lnTo>
                  <a:lnTo>
                    <a:pt x="4258" y="413"/>
                  </a:lnTo>
                  <a:lnTo>
                    <a:pt x="4252" y="417"/>
                  </a:lnTo>
                  <a:lnTo>
                    <a:pt x="4246" y="422"/>
                  </a:lnTo>
                  <a:lnTo>
                    <a:pt x="4240" y="426"/>
                  </a:lnTo>
                  <a:lnTo>
                    <a:pt x="4234" y="430"/>
                  </a:lnTo>
                  <a:lnTo>
                    <a:pt x="4227" y="434"/>
                  </a:lnTo>
                  <a:lnTo>
                    <a:pt x="4220" y="437"/>
                  </a:lnTo>
                  <a:lnTo>
                    <a:pt x="4205" y="444"/>
                  </a:lnTo>
                  <a:lnTo>
                    <a:pt x="4352" y="789"/>
                  </a:lnTo>
                  <a:lnTo>
                    <a:pt x="4192" y="789"/>
                  </a:lnTo>
                  <a:lnTo>
                    <a:pt x="4082" y="522"/>
                  </a:lnTo>
                  <a:lnTo>
                    <a:pt x="4063" y="474"/>
                  </a:lnTo>
                  <a:lnTo>
                    <a:pt x="3992" y="474"/>
                  </a:lnTo>
                  <a:lnTo>
                    <a:pt x="3992" y="789"/>
                  </a:lnTo>
                  <a:lnTo>
                    <a:pt x="3844" y="789"/>
                  </a:lnTo>
                  <a:close/>
                  <a:moveTo>
                    <a:pt x="4082" y="134"/>
                  </a:moveTo>
                  <a:lnTo>
                    <a:pt x="4068" y="134"/>
                  </a:lnTo>
                  <a:lnTo>
                    <a:pt x="3992" y="134"/>
                  </a:lnTo>
                  <a:lnTo>
                    <a:pt x="3992" y="349"/>
                  </a:lnTo>
                  <a:lnTo>
                    <a:pt x="4068" y="349"/>
                  </a:lnTo>
                  <a:lnTo>
                    <a:pt x="4082" y="349"/>
                  </a:lnTo>
                  <a:lnTo>
                    <a:pt x="4093" y="347"/>
                  </a:lnTo>
                  <a:lnTo>
                    <a:pt x="4103" y="346"/>
                  </a:lnTo>
                  <a:lnTo>
                    <a:pt x="4112" y="343"/>
                  </a:lnTo>
                  <a:lnTo>
                    <a:pt x="4120" y="340"/>
                  </a:lnTo>
                  <a:lnTo>
                    <a:pt x="4128" y="336"/>
                  </a:lnTo>
                  <a:lnTo>
                    <a:pt x="4136" y="331"/>
                  </a:lnTo>
                  <a:lnTo>
                    <a:pt x="4139" y="328"/>
                  </a:lnTo>
                  <a:lnTo>
                    <a:pt x="4143" y="326"/>
                  </a:lnTo>
                  <a:lnTo>
                    <a:pt x="4149" y="319"/>
                  </a:lnTo>
                  <a:lnTo>
                    <a:pt x="4154" y="312"/>
                  </a:lnTo>
                  <a:lnTo>
                    <a:pt x="4159" y="305"/>
                  </a:lnTo>
                  <a:lnTo>
                    <a:pt x="4163" y="296"/>
                  </a:lnTo>
                  <a:lnTo>
                    <a:pt x="4167" y="287"/>
                  </a:lnTo>
                  <a:lnTo>
                    <a:pt x="4169" y="277"/>
                  </a:lnTo>
                  <a:lnTo>
                    <a:pt x="4171" y="265"/>
                  </a:lnTo>
                  <a:lnTo>
                    <a:pt x="4172" y="254"/>
                  </a:lnTo>
                  <a:lnTo>
                    <a:pt x="4173" y="241"/>
                  </a:lnTo>
                  <a:lnTo>
                    <a:pt x="4172" y="228"/>
                  </a:lnTo>
                  <a:lnTo>
                    <a:pt x="4171" y="216"/>
                  </a:lnTo>
                  <a:lnTo>
                    <a:pt x="4169" y="206"/>
                  </a:lnTo>
                  <a:lnTo>
                    <a:pt x="4167" y="196"/>
                  </a:lnTo>
                  <a:lnTo>
                    <a:pt x="4163" y="186"/>
                  </a:lnTo>
                  <a:lnTo>
                    <a:pt x="4159" y="178"/>
                  </a:lnTo>
                  <a:lnTo>
                    <a:pt x="4154" y="170"/>
                  </a:lnTo>
                  <a:lnTo>
                    <a:pt x="4152" y="167"/>
                  </a:lnTo>
                  <a:lnTo>
                    <a:pt x="4149" y="164"/>
                  </a:lnTo>
                  <a:lnTo>
                    <a:pt x="4146" y="160"/>
                  </a:lnTo>
                  <a:lnTo>
                    <a:pt x="4143" y="157"/>
                  </a:lnTo>
                  <a:lnTo>
                    <a:pt x="4136" y="152"/>
                  </a:lnTo>
                  <a:lnTo>
                    <a:pt x="4128" y="147"/>
                  </a:lnTo>
                  <a:lnTo>
                    <a:pt x="4120" y="143"/>
                  </a:lnTo>
                  <a:lnTo>
                    <a:pt x="4112" y="140"/>
                  </a:lnTo>
                  <a:lnTo>
                    <a:pt x="4103" y="138"/>
                  </a:lnTo>
                  <a:lnTo>
                    <a:pt x="4093" y="136"/>
                  </a:lnTo>
                  <a:lnTo>
                    <a:pt x="4082" y="134"/>
                  </a:lnTo>
                  <a:close/>
                  <a:moveTo>
                    <a:pt x="4643" y="131"/>
                  </a:moveTo>
                  <a:lnTo>
                    <a:pt x="4632" y="131"/>
                  </a:lnTo>
                  <a:lnTo>
                    <a:pt x="4622" y="132"/>
                  </a:lnTo>
                  <a:lnTo>
                    <a:pt x="4612" y="134"/>
                  </a:lnTo>
                  <a:lnTo>
                    <a:pt x="4603" y="136"/>
                  </a:lnTo>
                  <a:lnTo>
                    <a:pt x="4594" y="139"/>
                  </a:lnTo>
                  <a:lnTo>
                    <a:pt x="4586" y="143"/>
                  </a:lnTo>
                  <a:lnTo>
                    <a:pt x="4581" y="145"/>
                  </a:lnTo>
                  <a:lnTo>
                    <a:pt x="4578" y="148"/>
                  </a:lnTo>
                  <a:lnTo>
                    <a:pt x="4571" y="154"/>
                  </a:lnTo>
                  <a:lnTo>
                    <a:pt x="4565" y="161"/>
                  </a:lnTo>
                  <a:lnTo>
                    <a:pt x="4560" y="168"/>
                  </a:lnTo>
                  <a:lnTo>
                    <a:pt x="4555" y="177"/>
                  </a:lnTo>
                  <a:lnTo>
                    <a:pt x="4552" y="188"/>
                  </a:lnTo>
                  <a:lnTo>
                    <a:pt x="4549" y="199"/>
                  </a:lnTo>
                  <a:lnTo>
                    <a:pt x="4547" y="212"/>
                  </a:lnTo>
                  <a:lnTo>
                    <a:pt x="4545" y="225"/>
                  </a:lnTo>
                  <a:lnTo>
                    <a:pt x="4545" y="241"/>
                  </a:lnTo>
                  <a:lnTo>
                    <a:pt x="4545" y="559"/>
                  </a:lnTo>
                  <a:lnTo>
                    <a:pt x="4545" y="575"/>
                  </a:lnTo>
                  <a:lnTo>
                    <a:pt x="4547" y="589"/>
                  </a:lnTo>
                  <a:lnTo>
                    <a:pt x="4549" y="601"/>
                  </a:lnTo>
                  <a:lnTo>
                    <a:pt x="4550" y="607"/>
                  </a:lnTo>
                  <a:lnTo>
                    <a:pt x="4552" y="613"/>
                  </a:lnTo>
                  <a:lnTo>
                    <a:pt x="4554" y="618"/>
                  </a:lnTo>
                  <a:lnTo>
                    <a:pt x="4555" y="623"/>
                  </a:lnTo>
                  <a:lnTo>
                    <a:pt x="4558" y="628"/>
                  </a:lnTo>
                  <a:lnTo>
                    <a:pt x="4560" y="632"/>
                  </a:lnTo>
                  <a:lnTo>
                    <a:pt x="4562" y="636"/>
                  </a:lnTo>
                  <a:lnTo>
                    <a:pt x="4565" y="640"/>
                  </a:lnTo>
                  <a:lnTo>
                    <a:pt x="4568" y="643"/>
                  </a:lnTo>
                  <a:lnTo>
                    <a:pt x="4571" y="646"/>
                  </a:lnTo>
                  <a:lnTo>
                    <a:pt x="4574" y="649"/>
                  </a:lnTo>
                  <a:lnTo>
                    <a:pt x="4578" y="652"/>
                  </a:lnTo>
                  <a:lnTo>
                    <a:pt x="4586" y="657"/>
                  </a:lnTo>
                  <a:lnTo>
                    <a:pt x="4594" y="661"/>
                  </a:lnTo>
                  <a:lnTo>
                    <a:pt x="4598" y="662"/>
                  </a:lnTo>
                  <a:lnTo>
                    <a:pt x="4603" y="664"/>
                  </a:lnTo>
                  <a:lnTo>
                    <a:pt x="4607" y="665"/>
                  </a:lnTo>
                  <a:lnTo>
                    <a:pt x="4612" y="666"/>
                  </a:lnTo>
                  <a:lnTo>
                    <a:pt x="4617" y="667"/>
                  </a:lnTo>
                  <a:lnTo>
                    <a:pt x="4622" y="668"/>
                  </a:lnTo>
                  <a:lnTo>
                    <a:pt x="4632" y="669"/>
                  </a:lnTo>
                  <a:lnTo>
                    <a:pt x="4643" y="669"/>
                  </a:lnTo>
                  <a:lnTo>
                    <a:pt x="4654" y="669"/>
                  </a:lnTo>
                  <a:lnTo>
                    <a:pt x="4664" y="668"/>
                  </a:lnTo>
                  <a:lnTo>
                    <a:pt x="4674" y="666"/>
                  </a:lnTo>
                  <a:lnTo>
                    <a:pt x="4683" y="664"/>
                  </a:lnTo>
                  <a:lnTo>
                    <a:pt x="4692" y="661"/>
                  </a:lnTo>
                  <a:lnTo>
                    <a:pt x="4700" y="657"/>
                  </a:lnTo>
                  <a:lnTo>
                    <a:pt x="4707" y="652"/>
                  </a:lnTo>
                  <a:lnTo>
                    <a:pt x="4714" y="646"/>
                  </a:lnTo>
                  <a:lnTo>
                    <a:pt x="4717" y="643"/>
                  </a:lnTo>
                  <a:lnTo>
                    <a:pt x="4720" y="640"/>
                  </a:lnTo>
                  <a:lnTo>
                    <a:pt x="4723" y="636"/>
                  </a:lnTo>
                  <a:lnTo>
                    <a:pt x="4726" y="632"/>
                  </a:lnTo>
                  <a:lnTo>
                    <a:pt x="4728" y="628"/>
                  </a:lnTo>
                  <a:lnTo>
                    <a:pt x="4730" y="623"/>
                  </a:lnTo>
                  <a:lnTo>
                    <a:pt x="4732" y="618"/>
                  </a:lnTo>
                  <a:lnTo>
                    <a:pt x="4734" y="613"/>
                  </a:lnTo>
                  <a:lnTo>
                    <a:pt x="4736" y="607"/>
                  </a:lnTo>
                  <a:lnTo>
                    <a:pt x="4737" y="601"/>
                  </a:lnTo>
                  <a:lnTo>
                    <a:pt x="4739" y="589"/>
                  </a:lnTo>
                  <a:lnTo>
                    <a:pt x="4741" y="575"/>
                  </a:lnTo>
                  <a:lnTo>
                    <a:pt x="4741" y="559"/>
                  </a:lnTo>
                  <a:lnTo>
                    <a:pt x="4741" y="241"/>
                  </a:lnTo>
                  <a:lnTo>
                    <a:pt x="4741" y="225"/>
                  </a:lnTo>
                  <a:lnTo>
                    <a:pt x="4739" y="212"/>
                  </a:lnTo>
                  <a:lnTo>
                    <a:pt x="4738" y="205"/>
                  </a:lnTo>
                  <a:lnTo>
                    <a:pt x="4737" y="199"/>
                  </a:lnTo>
                  <a:lnTo>
                    <a:pt x="4736" y="193"/>
                  </a:lnTo>
                  <a:lnTo>
                    <a:pt x="4734" y="188"/>
                  </a:lnTo>
                  <a:lnTo>
                    <a:pt x="4730" y="177"/>
                  </a:lnTo>
                  <a:lnTo>
                    <a:pt x="4726" y="168"/>
                  </a:lnTo>
                  <a:lnTo>
                    <a:pt x="4720" y="161"/>
                  </a:lnTo>
                  <a:lnTo>
                    <a:pt x="4714" y="154"/>
                  </a:lnTo>
                  <a:lnTo>
                    <a:pt x="4707" y="148"/>
                  </a:lnTo>
                  <a:lnTo>
                    <a:pt x="4700" y="143"/>
                  </a:lnTo>
                  <a:lnTo>
                    <a:pt x="4692" y="139"/>
                  </a:lnTo>
                  <a:lnTo>
                    <a:pt x="4683" y="136"/>
                  </a:lnTo>
                  <a:lnTo>
                    <a:pt x="4679" y="135"/>
                  </a:lnTo>
                  <a:lnTo>
                    <a:pt x="4674" y="134"/>
                  </a:lnTo>
                  <a:lnTo>
                    <a:pt x="4664" y="132"/>
                  </a:lnTo>
                  <a:lnTo>
                    <a:pt x="4654" y="131"/>
                  </a:lnTo>
                  <a:lnTo>
                    <a:pt x="4643" y="131"/>
                  </a:lnTo>
                  <a:close/>
                  <a:moveTo>
                    <a:pt x="4643" y="800"/>
                  </a:moveTo>
                  <a:lnTo>
                    <a:pt x="4617" y="799"/>
                  </a:lnTo>
                  <a:lnTo>
                    <a:pt x="4604" y="798"/>
                  </a:lnTo>
                  <a:lnTo>
                    <a:pt x="4591" y="797"/>
                  </a:lnTo>
                  <a:lnTo>
                    <a:pt x="4578" y="795"/>
                  </a:lnTo>
                  <a:lnTo>
                    <a:pt x="4566" y="793"/>
                  </a:lnTo>
                  <a:lnTo>
                    <a:pt x="4554" y="790"/>
                  </a:lnTo>
                  <a:lnTo>
                    <a:pt x="4543" y="786"/>
                  </a:lnTo>
                  <a:lnTo>
                    <a:pt x="4532" y="783"/>
                  </a:lnTo>
                  <a:lnTo>
                    <a:pt x="4521" y="779"/>
                  </a:lnTo>
                  <a:lnTo>
                    <a:pt x="4511" y="774"/>
                  </a:lnTo>
                  <a:lnTo>
                    <a:pt x="4501" y="769"/>
                  </a:lnTo>
                  <a:lnTo>
                    <a:pt x="4491" y="763"/>
                  </a:lnTo>
                  <a:lnTo>
                    <a:pt x="4482" y="756"/>
                  </a:lnTo>
                  <a:lnTo>
                    <a:pt x="4473" y="750"/>
                  </a:lnTo>
                  <a:lnTo>
                    <a:pt x="4469" y="746"/>
                  </a:lnTo>
                  <a:lnTo>
                    <a:pt x="4465" y="742"/>
                  </a:lnTo>
                  <a:lnTo>
                    <a:pt x="4457" y="734"/>
                  </a:lnTo>
                  <a:lnTo>
                    <a:pt x="4449" y="726"/>
                  </a:lnTo>
                  <a:lnTo>
                    <a:pt x="4442" y="717"/>
                  </a:lnTo>
                  <a:lnTo>
                    <a:pt x="4436" y="707"/>
                  </a:lnTo>
                  <a:lnTo>
                    <a:pt x="4430" y="696"/>
                  </a:lnTo>
                  <a:lnTo>
                    <a:pt x="4424" y="686"/>
                  </a:lnTo>
                  <a:lnTo>
                    <a:pt x="4419" y="674"/>
                  </a:lnTo>
                  <a:lnTo>
                    <a:pt x="4414" y="662"/>
                  </a:lnTo>
                  <a:lnTo>
                    <a:pt x="4410" y="649"/>
                  </a:lnTo>
                  <a:lnTo>
                    <a:pt x="4406" y="635"/>
                  </a:lnTo>
                  <a:lnTo>
                    <a:pt x="4405" y="628"/>
                  </a:lnTo>
                  <a:lnTo>
                    <a:pt x="4403" y="621"/>
                  </a:lnTo>
                  <a:lnTo>
                    <a:pt x="4401" y="606"/>
                  </a:lnTo>
                  <a:lnTo>
                    <a:pt x="4399" y="591"/>
                  </a:lnTo>
                  <a:lnTo>
                    <a:pt x="4397" y="574"/>
                  </a:lnTo>
                  <a:lnTo>
                    <a:pt x="4396" y="557"/>
                  </a:lnTo>
                  <a:lnTo>
                    <a:pt x="4396" y="539"/>
                  </a:lnTo>
                  <a:lnTo>
                    <a:pt x="4396" y="260"/>
                  </a:lnTo>
                  <a:lnTo>
                    <a:pt x="4396" y="243"/>
                  </a:lnTo>
                  <a:lnTo>
                    <a:pt x="4397" y="226"/>
                  </a:lnTo>
                  <a:lnTo>
                    <a:pt x="4398" y="218"/>
                  </a:lnTo>
                  <a:lnTo>
                    <a:pt x="4399" y="209"/>
                  </a:lnTo>
                  <a:lnTo>
                    <a:pt x="4401" y="194"/>
                  </a:lnTo>
                  <a:lnTo>
                    <a:pt x="4403" y="179"/>
                  </a:lnTo>
                  <a:lnTo>
                    <a:pt x="4406" y="165"/>
                  </a:lnTo>
                  <a:lnTo>
                    <a:pt x="4410" y="152"/>
                  </a:lnTo>
                  <a:lnTo>
                    <a:pt x="4414" y="139"/>
                  </a:lnTo>
                  <a:lnTo>
                    <a:pt x="4419" y="126"/>
                  </a:lnTo>
                  <a:lnTo>
                    <a:pt x="4424" y="115"/>
                  </a:lnTo>
                  <a:lnTo>
                    <a:pt x="4430" y="104"/>
                  </a:lnTo>
                  <a:lnTo>
                    <a:pt x="4436" y="94"/>
                  </a:lnTo>
                  <a:lnTo>
                    <a:pt x="4442" y="84"/>
                  </a:lnTo>
                  <a:lnTo>
                    <a:pt x="4449" y="75"/>
                  </a:lnTo>
                  <a:lnTo>
                    <a:pt x="4457" y="66"/>
                  </a:lnTo>
                  <a:lnTo>
                    <a:pt x="4465" y="58"/>
                  </a:lnTo>
                  <a:lnTo>
                    <a:pt x="4473" y="51"/>
                  </a:lnTo>
                  <a:lnTo>
                    <a:pt x="4482" y="44"/>
                  </a:lnTo>
                  <a:lnTo>
                    <a:pt x="4491" y="37"/>
                  </a:lnTo>
                  <a:lnTo>
                    <a:pt x="4501" y="32"/>
                  </a:lnTo>
                  <a:lnTo>
                    <a:pt x="4511" y="26"/>
                  </a:lnTo>
                  <a:lnTo>
                    <a:pt x="4521" y="21"/>
                  </a:lnTo>
                  <a:lnTo>
                    <a:pt x="4532" y="17"/>
                  </a:lnTo>
                  <a:lnTo>
                    <a:pt x="4543" y="13"/>
                  </a:lnTo>
                  <a:lnTo>
                    <a:pt x="4554" y="10"/>
                  </a:lnTo>
                  <a:lnTo>
                    <a:pt x="4566" y="7"/>
                  </a:lnTo>
                  <a:lnTo>
                    <a:pt x="4578" y="5"/>
                  </a:lnTo>
                  <a:lnTo>
                    <a:pt x="4591" y="3"/>
                  </a:lnTo>
                  <a:lnTo>
                    <a:pt x="4604" y="1"/>
                  </a:lnTo>
                  <a:lnTo>
                    <a:pt x="4617" y="0"/>
                  </a:lnTo>
                  <a:lnTo>
                    <a:pt x="4643" y="0"/>
                  </a:lnTo>
                  <a:lnTo>
                    <a:pt x="4670" y="0"/>
                  </a:lnTo>
                  <a:lnTo>
                    <a:pt x="4683" y="1"/>
                  </a:lnTo>
                  <a:lnTo>
                    <a:pt x="4695" y="3"/>
                  </a:lnTo>
                  <a:lnTo>
                    <a:pt x="4708" y="5"/>
                  </a:lnTo>
                  <a:lnTo>
                    <a:pt x="4720" y="7"/>
                  </a:lnTo>
                  <a:lnTo>
                    <a:pt x="4731" y="10"/>
                  </a:lnTo>
                  <a:lnTo>
                    <a:pt x="4743" y="13"/>
                  </a:lnTo>
                  <a:lnTo>
                    <a:pt x="4754" y="17"/>
                  </a:lnTo>
                  <a:lnTo>
                    <a:pt x="4764" y="21"/>
                  </a:lnTo>
                  <a:lnTo>
                    <a:pt x="4775" y="26"/>
                  </a:lnTo>
                  <a:lnTo>
                    <a:pt x="4785" y="32"/>
                  </a:lnTo>
                  <a:lnTo>
                    <a:pt x="4794" y="37"/>
                  </a:lnTo>
                  <a:lnTo>
                    <a:pt x="4803" y="44"/>
                  </a:lnTo>
                  <a:lnTo>
                    <a:pt x="4812" y="51"/>
                  </a:lnTo>
                  <a:lnTo>
                    <a:pt x="4821" y="58"/>
                  </a:lnTo>
                  <a:lnTo>
                    <a:pt x="4828" y="66"/>
                  </a:lnTo>
                  <a:lnTo>
                    <a:pt x="4836" y="75"/>
                  </a:lnTo>
                  <a:lnTo>
                    <a:pt x="4843" y="84"/>
                  </a:lnTo>
                  <a:lnTo>
                    <a:pt x="4850" y="94"/>
                  </a:lnTo>
                  <a:lnTo>
                    <a:pt x="4856" y="104"/>
                  </a:lnTo>
                  <a:lnTo>
                    <a:pt x="4862" y="115"/>
                  </a:lnTo>
                  <a:lnTo>
                    <a:pt x="4867" y="126"/>
                  </a:lnTo>
                  <a:lnTo>
                    <a:pt x="4872" y="139"/>
                  </a:lnTo>
                  <a:lnTo>
                    <a:pt x="4876" y="152"/>
                  </a:lnTo>
                  <a:lnTo>
                    <a:pt x="4879" y="165"/>
                  </a:lnTo>
                  <a:lnTo>
                    <a:pt x="4883" y="179"/>
                  </a:lnTo>
                  <a:lnTo>
                    <a:pt x="4885" y="194"/>
                  </a:lnTo>
                  <a:lnTo>
                    <a:pt x="4887" y="209"/>
                  </a:lnTo>
                  <a:lnTo>
                    <a:pt x="4889" y="226"/>
                  </a:lnTo>
                  <a:lnTo>
                    <a:pt x="4890" y="243"/>
                  </a:lnTo>
                  <a:lnTo>
                    <a:pt x="4890" y="260"/>
                  </a:lnTo>
                  <a:lnTo>
                    <a:pt x="4890" y="539"/>
                  </a:lnTo>
                  <a:lnTo>
                    <a:pt x="4890" y="557"/>
                  </a:lnTo>
                  <a:lnTo>
                    <a:pt x="4889" y="574"/>
                  </a:lnTo>
                  <a:lnTo>
                    <a:pt x="4887" y="591"/>
                  </a:lnTo>
                  <a:lnTo>
                    <a:pt x="4885" y="606"/>
                  </a:lnTo>
                  <a:lnTo>
                    <a:pt x="4883" y="621"/>
                  </a:lnTo>
                  <a:lnTo>
                    <a:pt x="4879" y="635"/>
                  </a:lnTo>
                  <a:lnTo>
                    <a:pt x="4878" y="642"/>
                  </a:lnTo>
                  <a:lnTo>
                    <a:pt x="4876" y="649"/>
                  </a:lnTo>
                  <a:lnTo>
                    <a:pt x="4872" y="662"/>
                  </a:lnTo>
                  <a:lnTo>
                    <a:pt x="4867" y="674"/>
                  </a:lnTo>
                  <a:lnTo>
                    <a:pt x="4862" y="686"/>
                  </a:lnTo>
                  <a:lnTo>
                    <a:pt x="4856" y="696"/>
                  </a:lnTo>
                  <a:lnTo>
                    <a:pt x="4850" y="707"/>
                  </a:lnTo>
                  <a:lnTo>
                    <a:pt x="4843" y="717"/>
                  </a:lnTo>
                  <a:lnTo>
                    <a:pt x="4836" y="726"/>
                  </a:lnTo>
                  <a:lnTo>
                    <a:pt x="4828" y="734"/>
                  </a:lnTo>
                  <a:lnTo>
                    <a:pt x="4821" y="742"/>
                  </a:lnTo>
                  <a:lnTo>
                    <a:pt x="4812" y="750"/>
                  </a:lnTo>
                  <a:lnTo>
                    <a:pt x="4808" y="753"/>
                  </a:lnTo>
                  <a:lnTo>
                    <a:pt x="4803" y="756"/>
                  </a:lnTo>
                  <a:lnTo>
                    <a:pt x="4794" y="763"/>
                  </a:lnTo>
                  <a:lnTo>
                    <a:pt x="4785" y="769"/>
                  </a:lnTo>
                  <a:lnTo>
                    <a:pt x="4775" y="774"/>
                  </a:lnTo>
                  <a:lnTo>
                    <a:pt x="4764" y="779"/>
                  </a:lnTo>
                  <a:lnTo>
                    <a:pt x="4754" y="783"/>
                  </a:lnTo>
                  <a:lnTo>
                    <a:pt x="4743" y="786"/>
                  </a:lnTo>
                  <a:lnTo>
                    <a:pt x="4731" y="790"/>
                  </a:lnTo>
                  <a:lnTo>
                    <a:pt x="4720" y="793"/>
                  </a:lnTo>
                  <a:lnTo>
                    <a:pt x="4708" y="795"/>
                  </a:lnTo>
                  <a:lnTo>
                    <a:pt x="4695" y="797"/>
                  </a:lnTo>
                  <a:lnTo>
                    <a:pt x="4683" y="798"/>
                  </a:lnTo>
                  <a:lnTo>
                    <a:pt x="4670" y="799"/>
                  </a:lnTo>
                  <a:lnTo>
                    <a:pt x="4643" y="800"/>
                  </a:lnTo>
                  <a:close/>
                  <a:moveTo>
                    <a:pt x="3753" y="789"/>
                  </a:moveTo>
                  <a:lnTo>
                    <a:pt x="3334" y="789"/>
                  </a:lnTo>
                  <a:lnTo>
                    <a:pt x="3334" y="10"/>
                  </a:lnTo>
                  <a:lnTo>
                    <a:pt x="3743" y="10"/>
                  </a:lnTo>
                  <a:lnTo>
                    <a:pt x="3743" y="143"/>
                  </a:lnTo>
                  <a:lnTo>
                    <a:pt x="3484" y="143"/>
                  </a:lnTo>
                  <a:lnTo>
                    <a:pt x="3484" y="320"/>
                  </a:lnTo>
                  <a:lnTo>
                    <a:pt x="3681" y="320"/>
                  </a:lnTo>
                  <a:lnTo>
                    <a:pt x="3681" y="454"/>
                  </a:lnTo>
                  <a:lnTo>
                    <a:pt x="3484" y="454"/>
                  </a:lnTo>
                  <a:lnTo>
                    <a:pt x="3484" y="658"/>
                  </a:lnTo>
                  <a:lnTo>
                    <a:pt x="3753" y="658"/>
                  </a:lnTo>
                  <a:lnTo>
                    <a:pt x="3753" y="789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fi-FI" sz="1800"/>
            </a:p>
          </p:txBody>
        </p:sp>
        <p:sp>
          <p:nvSpPr>
            <p:cNvPr id="4" name="Freeform 6"/>
            <p:cNvSpPr>
              <a:spLocks noChangeAspect="1" noEditPoints="1"/>
            </p:cNvSpPr>
            <p:nvPr userDrawn="1"/>
          </p:nvSpPr>
          <p:spPr bwMode="auto">
            <a:xfrm>
              <a:off x="3840163" y="2278046"/>
              <a:ext cx="4463045" cy="1601439"/>
            </a:xfrm>
            <a:custGeom>
              <a:avLst/>
              <a:gdLst>
                <a:gd name="T0" fmla="*/ 2509 w 2844"/>
                <a:gd name="T1" fmla="*/ 871 h 1021"/>
                <a:gd name="T2" fmla="*/ 2477 w 2844"/>
                <a:gd name="T3" fmla="*/ 921 h 1021"/>
                <a:gd name="T4" fmla="*/ 2316 w 2844"/>
                <a:gd name="T5" fmla="*/ 920 h 1021"/>
                <a:gd name="T6" fmla="*/ 2289 w 2844"/>
                <a:gd name="T7" fmla="*/ 866 h 1021"/>
                <a:gd name="T8" fmla="*/ 2582 w 2844"/>
                <a:gd name="T9" fmla="*/ 232 h 1021"/>
                <a:gd name="T10" fmla="*/ 2479 w 2844"/>
                <a:gd name="T11" fmla="*/ 242 h 1021"/>
                <a:gd name="T12" fmla="*/ 2323 w 2844"/>
                <a:gd name="T13" fmla="*/ 219 h 1021"/>
                <a:gd name="T14" fmla="*/ 2212 w 2844"/>
                <a:gd name="T15" fmla="*/ 285 h 1021"/>
                <a:gd name="T16" fmla="*/ 2174 w 2844"/>
                <a:gd name="T17" fmla="*/ 424 h 1021"/>
                <a:gd name="T18" fmla="*/ 2225 w 2844"/>
                <a:gd name="T19" fmla="*/ 609 h 1021"/>
                <a:gd name="T20" fmla="*/ 2185 w 2844"/>
                <a:gd name="T21" fmla="*/ 714 h 1021"/>
                <a:gd name="T22" fmla="*/ 2209 w 2844"/>
                <a:gd name="T23" fmla="*/ 801 h 1021"/>
                <a:gd name="T24" fmla="*/ 2159 w 2844"/>
                <a:gd name="T25" fmla="*/ 891 h 1021"/>
                <a:gd name="T26" fmla="*/ 2177 w 2844"/>
                <a:gd name="T27" fmla="*/ 968 h 1021"/>
                <a:gd name="T28" fmla="*/ 2353 w 2844"/>
                <a:gd name="T29" fmla="*/ 1021 h 1021"/>
                <a:gd name="T30" fmla="*/ 2593 w 2844"/>
                <a:gd name="T31" fmla="*/ 970 h 1021"/>
                <a:gd name="T32" fmla="*/ 2640 w 2844"/>
                <a:gd name="T33" fmla="*/ 863 h 1021"/>
                <a:gd name="T34" fmla="*/ 2593 w 2844"/>
                <a:gd name="T35" fmla="*/ 770 h 1021"/>
                <a:gd name="T36" fmla="*/ 2378 w 2844"/>
                <a:gd name="T37" fmla="*/ 729 h 1021"/>
                <a:gd name="T38" fmla="*/ 2299 w 2844"/>
                <a:gd name="T39" fmla="*/ 699 h 1021"/>
                <a:gd name="T40" fmla="*/ 2365 w 2844"/>
                <a:gd name="T41" fmla="*/ 672 h 1021"/>
                <a:gd name="T42" fmla="*/ 2508 w 2844"/>
                <a:gd name="T43" fmla="*/ 632 h 1021"/>
                <a:gd name="T44" fmla="*/ 2571 w 2844"/>
                <a:gd name="T45" fmla="*/ 505 h 1021"/>
                <a:gd name="T46" fmla="*/ 2583 w 2844"/>
                <a:gd name="T47" fmla="*/ 329 h 1021"/>
                <a:gd name="T48" fmla="*/ 2440 w 2844"/>
                <a:gd name="T49" fmla="*/ 512 h 1021"/>
                <a:gd name="T50" fmla="*/ 2379 w 2844"/>
                <a:gd name="T51" fmla="*/ 562 h 1021"/>
                <a:gd name="T52" fmla="*/ 2308 w 2844"/>
                <a:gd name="T53" fmla="*/ 500 h 1021"/>
                <a:gd name="T54" fmla="*/ 2327 w 2844"/>
                <a:gd name="T55" fmla="*/ 344 h 1021"/>
                <a:gd name="T56" fmla="*/ 2412 w 2844"/>
                <a:gd name="T57" fmla="*/ 336 h 1021"/>
                <a:gd name="T58" fmla="*/ 2446 w 2844"/>
                <a:gd name="T59" fmla="*/ 438 h 1021"/>
                <a:gd name="T60" fmla="*/ 1737 w 2844"/>
                <a:gd name="T61" fmla="*/ 279 h 1021"/>
                <a:gd name="T62" fmla="*/ 1572 w 2844"/>
                <a:gd name="T63" fmla="*/ 216 h 1021"/>
                <a:gd name="T64" fmla="*/ 1478 w 2844"/>
                <a:gd name="T65" fmla="*/ 290 h 1021"/>
                <a:gd name="T66" fmla="*/ 1452 w 2844"/>
                <a:gd name="T67" fmla="*/ 590 h 1021"/>
                <a:gd name="T68" fmla="*/ 1491 w 2844"/>
                <a:gd name="T69" fmla="*/ 771 h 1021"/>
                <a:gd name="T70" fmla="*/ 1591 w 2844"/>
                <a:gd name="T71" fmla="*/ 824 h 1021"/>
                <a:gd name="T72" fmla="*/ 1728 w 2844"/>
                <a:gd name="T73" fmla="*/ 763 h 1021"/>
                <a:gd name="T74" fmla="*/ 1697 w 2844"/>
                <a:gd name="T75" fmla="*/ 712 h 1021"/>
                <a:gd name="T76" fmla="*/ 1612 w 2844"/>
                <a:gd name="T77" fmla="*/ 703 h 1021"/>
                <a:gd name="T78" fmla="*/ 1589 w 2844"/>
                <a:gd name="T79" fmla="*/ 417 h 1021"/>
                <a:gd name="T80" fmla="*/ 1648 w 2844"/>
                <a:gd name="T81" fmla="*/ 316 h 1021"/>
                <a:gd name="T82" fmla="*/ 1047 w 2844"/>
                <a:gd name="T83" fmla="*/ 813 h 1021"/>
                <a:gd name="T84" fmla="*/ 1091 w 2844"/>
                <a:gd name="T85" fmla="*/ 349 h 1021"/>
                <a:gd name="T86" fmla="*/ 1129 w 2844"/>
                <a:gd name="T87" fmla="*/ 223 h 1021"/>
                <a:gd name="T88" fmla="*/ 1043 w 2844"/>
                <a:gd name="T89" fmla="*/ 225 h 1021"/>
                <a:gd name="T90" fmla="*/ 576 w 2844"/>
                <a:gd name="T91" fmla="*/ 347 h 1021"/>
                <a:gd name="T92" fmla="*/ 681 w 2844"/>
                <a:gd name="T93" fmla="*/ 347 h 1021"/>
                <a:gd name="T94" fmla="*/ 703 w 2844"/>
                <a:gd name="T95" fmla="*/ 665 h 1021"/>
                <a:gd name="T96" fmla="*/ 620 w 2844"/>
                <a:gd name="T97" fmla="*/ 704 h 1021"/>
                <a:gd name="T98" fmla="*/ 549 w 2844"/>
                <a:gd name="T99" fmla="*/ 644 h 1021"/>
                <a:gd name="T100" fmla="*/ 440 w 2844"/>
                <a:gd name="T101" fmla="*/ 731 h 1021"/>
                <a:gd name="T102" fmla="*/ 548 w 2844"/>
                <a:gd name="T103" fmla="*/ 814 h 1021"/>
                <a:gd name="T104" fmla="*/ 721 w 2844"/>
                <a:gd name="T105" fmla="*/ 811 h 1021"/>
                <a:gd name="T106" fmla="*/ 823 w 2844"/>
                <a:gd name="T107" fmla="*/ 721 h 1021"/>
                <a:gd name="T108" fmla="*/ 844 w 2844"/>
                <a:gd name="T109" fmla="*/ 395 h 1021"/>
                <a:gd name="T110" fmla="*/ 782 w 2844"/>
                <a:gd name="T111" fmla="*/ 261 h 1021"/>
                <a:gd name="T112" fmla="*/ 629 w 2844"/>
                <a:gd name="T113" fmla="*/ 214 h 1021"/>
                <a:gd name="T114" fmla="*/ 484 w 2844"/>
                <a:gd name="T115" fmla="*/ 255 h 1021"/>
                <a:gd name="T116" fmla="*/ 416 w 2844"/>
                <a:gd name="T117" fmla="*/ 383 h 1021"/>
                <a:gd name="T118" fmla="*/ 461 w 2844"/>
                <a:gd name="T119" fmla="*/ 22 h 10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2844" h="1021">
                  <a:moveTo>
                    <a:pt x="2844" y="659"/>
                  </a:moveTo>
                  <a:lnTo>
                    <a:pt x="2690" y="659"/>
                  </a:lnTo>
                  <a:lnTo>
                    <a:pt x="2690" y="813"/>
                  </a:lnTo>
                  <a:lnTo>
                    <a:pt x="2844" y="813"/>
                  </a:lnTo>
                  <a:lnTo>
                    <a:pt x="2844" y="659"/>
                  </a:lnTo>
                  <a:close/>
                  <a:moveTo>
                    <a:pt x="2461" y="853"/>
                  </a:moveTo>
                  <a:lnTo>
                    <a:pt x="2475" y="854"/>
                  </a:lnTo>
                  <a:lnTo>
                    <a:pt x="2486" y="856"/>
                  </a:lnTo>
                  <a:lnTo>
                    <a:pt x="2495" y="859"/>
                  </a:lnTo>
                  <a:lnTo>
                    <a:pt x="2502" y="862"/>
                  </a:lnTo>
                  <a:lnTo>
                    <a:pt x="2504" y="864"/>
                  </a:lnTo>
                  <a:lnTo>
                    <a:pt x="2506" y="866"/>
                  </a:lnTo>
                  <a:lnTo>
                    <a:pt x="2508" y="869"/>
                  </a:lnTo>
                  <a:lnTo>
                    <a:pt x="2509" y="871"/>
                  </a:lnTo>
                  <a:lnTo>
                    <a:pt x="2510" y="874"/>
                  </a:lnTo>
                  <a:lnTo>
                    <a:pt x="2511" y="877"/>
                  </a:lnTo>
                  <a:lnTo>
                    <a:pt x="2511" y="884"/>
                  </a:lnTo>
                  <a:lnTo>
                    <a:pt x="2511" y="889"/>
                  </a:lnTo>
                  <a:lnTo>
                    <a:pt x="2509" y="895"/>
                  </a:lnTo>
                  <a:lnTo>
                    <a:pt x="2508" y="897"/>
                  </a:lnTo>
                  <a:lnTo>
                    <a:pt x="2507" y="899"/>
                  </a:lnTo>
                  <a:lnTo>
                    <a:pt x="2504" y="904"/>
                  </a:lnTo>
                  <a:lnTo>
                    <a:pt x="2500" y="908"/>
                  </a:lnTo>
                  <a:lnTo>
                    <a:pt x="2496" y="912"/>
                  </a:lnTo>
                  <a:lnTo>
                    <a:pt x="2490" y="915"/>
                  </a:lnTo>
                  <a:lnTo>
                    <a:pt x="2487" y="917"/>
                  </a:lnTo>
                  <a:lnTo>
                    <a:pt x="2484" y="918"/>
                  </a:lnTo>
                  <a:lnTo>
                    <a:pt x="2477" y="921"/>
                  </a:lnTo>
                  <a:lnTo>
                    <a:pt x="2469" y="924"/>
                  </a:lnTo>
                  <a:lnTo>
                    <a:pt x="2461" y="926"/>
                  </a:lnTo>
                  <a:lnTo>
                    <a:pt x="2452" y="927"/>
                  </a:lnTo>
                  <a:lnTo>
                    <a:pt x="2442" y="929"/>
                  </a:lnTo>
                  <a:lnTo>
                    <a:pt x="2431" y="930"/>
                  </a:lnTo>
                  <a:lnTo>
                    <a:pt x="2420" y="930"/>
                  </a:lnTo>
                  <a:lnTo>
                    <a:pt x="2408" y="930"/>
                  </a:lnTo>
                  <a:lnTo>
                    <a:pt x="2380" y="930"/>
                  </a:lnTo>
                  <a:lnTo>
                    <a:pt x="2367" y="929"/>
                  </a:lnTo>
                  <a:lnTo>
                    <a:pt x="2355" y="928"/>
                  </a:lnTo>
                  <a:lnTo>
                    <a:pt x="2344" y="926"/>
                  </a:lnTo>
                  <a:lnTo>
                    <a:pt x="2334" y="925"/>
                  </a:lnTo>
                  <a:lnTo>
                    <a:pt x="2325" y="922"/>
                  </a:lnTo>
                  <a:lnTo>
                    <a:pt x="2316" y="920"/>
                  </a:lnTo>
                  <a:lnTo>
                    <a:pt x="2309" y="917"/>
                  </a:lnTo>
                  <a:lnTo>
                    <a:pt x="2302" y="914"/>
                  </a:lnTo>
                  <a:lnTo>
                    <a:pt x="2297" y="911"/>
                  </a:lnTo>
                  <a:lnTo>
                    <a:pt x="2294" y="909"/>
                  </a:lnTo>
                  <a:lnTo>
                    <a:pt x="2292" y="907"/>
                  </a:lnTo>
                  <a:lnTo>
                    <a:pt x="2289" y="902"/>
                  </a:lnTo>
                  <a:lnTo>
                    <a:pt x="2286" y="898"/>
                  </a:lnTo>
                  <a:lnTo>
                    <a:pt x="2285" y="895"/>
                  </a:lnTo>
                  <a:lnTo>
                    <a:pt x="2285" y="893"/>
                  </a:lnTo>
                  <a:lnTo>
                    <a:pt x="2284" y="887"/>
                  </a:lnTo>
                  <a:lnTo>
                    <a:pt x="2284" y="883"/>
                  </a:lnTo>
                  <a:lnTo>
                    <a:pt x="2285" y="879"/>
                  </a:lnTo>
                  <a:lnTo>
                    <a:pt x="2287" y="873"/>
                  </a:lnTo>
                  <a:lnTo>
                    <a:pt x="2289" y="866"/>
                  </a:lnTo>
                  <a:lnTo>
                    <a:pt x="2293" y="861"/>
                  </a:lnTo>
                  <a:lnTo>
                    <a:pt x="2297" y="855"/>
                  </a:lnTo>
                  <a:lnTo>
                    <a:pt x="2302" y="850"/>
                  </a:lnTo>
                  <a:lnTo>
                    <a:pt x="2312" y="840"/>
                  </a:lnTo>
                  <a:lnTo>
                    <a:pt x="2461" y="853"/>
                  </a:lnTo>
                  <a:close/>
                  <a:moveTo>
                    <a:pt x="2647" y="214"/>
                  </a:moveTo>
                  <a:lnTo>
                    <a:pt x="2638" y="215"/>
                  </a:lnTo>
                  <a:lnTo>
                    <a:pt x="2629" y="215"/>
                  </a:lnTo>
                  <a:lnTo>
                    <a:pt x="2620" y="217"/>
                  </a:lnTo>
                  <a:lnTo>
                    <a:pt x="2612" y="219"/>
                  </a:lnTo>
                  <a:lnTo>
                    <a:pt x="2604" y="221"/>
                  </a:lnTo>
                  <a:lnTo>
                    <a:pt x="2596" y="224"/>
                  </a:lnTo>
                  <a:lnTo>
                    <a:pt x="2589" y="228"/>
                  </a:lnTo>
                  <a:lnTo>
                    <a:pt x="2582" y="232"/>
                  </a:lnTo>
                  <a:lnTo>
                    <a:pt x="2575" y="237"/>
                  </a:lnTo>
                  <a:lnTo>
                    <a:pt x="2568" y="242"/>
                  </a:lnTo>
                  <a:lnTo>
                    <a:pt x="2561" y="247"/>
                  </a:lnTo>
                  <a:lnTo>
                    <a:pt x="2554" y="254"/>
                  </a:lnTo>
                  <a:lnTo>
                    <a:pt x="2548" y="260"/>
                  </a:lnTo>
                  <a:lnTo>
                    <a:pt x="2541" y="267"/>
                  </a:lnTo>
                  <a:lnTo>
                    <a:pt x="2528" y="282"/>
                  </a:lnTo>
                  <a:lnTo>
                    <a:pt x="2521" y="275"/>
                  </a:lnTo>
                  <a:lnTo>
                    <a:pt x="2518" y="271"/>
                  </a:lnTo>
                  <a:lnTo>
                    <a:pt x="2514" y="267"/>
                  </a:lnTo>
                  <a:lnTo>
                    <a:pt x="2506" y="260"/>
                  </a:lnTo>
                  <a:lnTo>
                    <a:pt x="2498" y="254"/>
                  </a:lnTo>
                  <a:lnTo>
                    <a:pt x="2489" y="248"/>
                  </a:lnTo>
                  <a:lnTo>
                    <a:pt x="2479" y="242"/>
                  </a:lnTo>
                  <a:lnTo>
                    <a:pt x="2470" y="237"/>
                  </a:lnTo>
                  <a:lnTo>
                    <a:pt x="2460" y="233"/>
                  </a:lnTo>
                  <a:lnTo>
                    <a:pt x="2449" y="228"/>
                  </a:lnTo>
                  <a:lnTo>
                    <a:pt x="2439" y="225"/>
                  </a:lnTo>
                  <a:lnTo>
                    <a:pt x="2428" y="222"/>
                  </a:lnTo>
                  <a:lnTo>
                    <a:pt x="2418" y="219"/>
                  </a:lnTo>
                  <a:lnTo>
                    <a:pt x="2407" y="217"/>
                  </a:lnTo>
                  <a:lnTo>
                    <a:pt x="2396" y="216"/>
                  </a:lnTo>
                  <a:lnTo>
                    <a:pt x="2385" y="215"/>
                  </a:lnTo>
                  <a:lnTo>
                    <a:pt x="2375" y="214"/>
                  </a:lnTo>
                  <a:lnTo>
                    <a:pt x="2361" y="215"/>
                  </a:lnTo>
                  <a:lnTo>
                    <a:pt x="2347" y="215"/>
                  </a:lnTo>
                  <a:lnTo>
                    <a:pt x="2335" y="217"/>
                  </a:lnTo>
                  <a:lnTo>
                    <a:pt x="2323" y="219"/>
                  </a:lnTo>
                  <a:lnTo>
                    <a:pt x="2311" y="221"/>
                  </a:lnTo>
                  <a:lnTo>
                    <a:pt x="2305" y="222"/>
                  </a:lnTo>
                  <a:lnTo>
                    <a:pt x="2300" y="224"/>
                  </a:lnTo>
                  <a:lnTo>
                    <a:pt x="2289" y="227"/>
                  </a:lnTo>
                  <a:lnTo>
                    <a:pt x="2279" y="231"/>
                  </a:lnTo>
                  <a:lnTo>
                    <a:pt x="2270" y="235"/>
                  </a:lnTo>
                  <a:lnTo>
                    <a:pt x="2261" y="240"/>
                  </a:lnTo>
                  <a:lnTo>
                    <a:pt x="2252" y="245"/>
                  </a:lnTo>
                  <a:lnTo>
                    <a:pt x="2244" y="251"/>
                  </a:lnTo>
                  <a:lnTo>
                    <a:pt x="2237" y="257"/>
                  </a:lnTo>
                  <a:lnTo>
                    <a:pt x="2230" y="264"/>
                  </a:lnTo>
                  <a:lnTo>
                    <a:pt x="2223" y="270"/>
                  </a:lnTo>
                  <a:lnTo>
                    <a:pt x="2217" y="278"/>
                  </a:lnTo>
                  <a:lnTo>
                    <a:pt x="2212" y="285"/>
                  </a:lnTo>
                  <a:lnTo>
                    <a:pt x="2207" y="293"/>
                  </a:lnTo>
                  <a:lnTo>
                    <a:pt x="2202" y="302"/>
                  </a:lnTo>
                  <a:lnTo>
                    <a:pt x="2197" y="310"/>
                  </a:lnTo>
                  <a:lnTo>
                    <a:pt x="2193" y="319"/>
                  </a:lnTo>
                  <a:lnTo>
                    <a:pt x="2190" y="328"/>
                  </a:lnTo>
                  <a:lnTo>
                    <a:pt x="2187" y="338"/>
                  </a:lnTo>
                  <a:lnTo>
                    <a:pt x="2184" y="348"/>
                  </a:lnTo>
                  <a:lnTo>
                    <a:pt x="2182" y="358"/>
                  </a:lnTo>
                  <a:lnTo>
                    <a:pt x="2179" y="368"/>
                  </a:lnTo>
                  <a:lnTo>
                    <a:pt x="2178" y="379"/>
                  </a:lnTo>
                  <a:lnTo>
                    <a:pt x="2176" y="390"/>
                  </a:lnTo>
                  <a:lnTo>
                    <a:pt x="2175" y="401"/>
                  </a:lnTo>
                  <a:lnTo>
                    <a:pt x="2175" y="412"/>
                  </a:lnTo>
                  <a:lnTo>
                    <a:pt x="2174" y="424"/>
                  </a:lnTo>
                  <a:lnTo>
                    <a:pt x="2174" y="436"/>
                  </a:lnTo>
                  <a:lnTo>
                    <a:pt x="2174" y="454"/>
                  </a:lnTo>
                  <a:lnTo>
                    <a:pt x="2175" y="471"/>
                  </a:lnTo>
                  <a:lnTo>
                    <a:pt x="2177" y="487"/>
                  </a:lnTo>
                  <a:lnTo>
                    <a:pt x="2179" y="503"/>
                  </a:lnTo>
                  <a:lnTo>
                    <a:pt x="2181" y="518"/>
                  </a:lnTo>
                  <a:lnTo>
                    <a:pt x="2185" y="532"/>
                  </a:lnTo>
                  <a:lnTo>
                    <a:pt x="2189" y="546"/>
                  </a:lnTo>
                  <a:lnTo>
                    <a:pt x="2194" y="558"/>
                  </a:lnTo>
                  <a:lnTo>
                    <a:pt x="2199" y="571"/>
                  </a:lnTo>
                  <a:lnTo>
                    <a:pt x="2206" y="582"/>
                  </a:lnTo>
                  <a:lnTo>
                    <a:pt x="2213" y="593"/>
                  </a:lnTo>
                  <a:lnTo>
                    <a:pt x="2221" y="604"/>
                  </a:lnTo>
                  <a:lnTo>
                    <a:pt x="2225" y="609"/>
                  </a:lnTo>
                  <a:lnTo>
                    <a:pt x="2230" y="613"/>
                  </a:lnTo>
                  <a:lnTo>
                    <a:pt x="2240" y="623"/>
                  </a:lnTo>
                  <a:lnTo>
                    <a:pt x="2251" y="632"/>
                  </a:lnTo>
                  <a:lnTo>
                    <a:pt x="2263" y="640"/>
                  </a:lnTo>
                  <a:lnTo>
                    <a:pt x="2249" y="648"/>
                  </a:lnTo>
                  <a:lnTo>
                    <a:pt x="2236" y="657"/>
                  </a:lnTo>
                  <a:lnTo>
                    <a:pt x="2229" y="662"/>
                  </a:lnTo>
                  <a:lnTo>
                    <a:pt x="2222" y="668"/>
                  </a:lnTo>
                  <a:lnTo>
                    <a:pt x="2209" y="679"/>
                  </a:lnTo>
                  <a:lnTo>
                    <a:pt x="2203" y="686"/>
                  </a:lnTo>
                  <a:lnTo>
                    <a:pt x="2198" y="692"/>
                  </a:lnTo>
                  <a:lnTo>
                    <a:pt x="2193" y="699"/>
                  </a:lnTo>
                  <a:lnTo>
                    <a:pt x="2189" y="706"/>
                  </a:lnTo>
                  <a:lnTo>
                    <a:pt x="2185" y="714"/>
                  </a:lnTo>
                  <a:lnTo>
                    <a:pt x="2183" y="721"/>
                  </a:lnTo>
                  <a:lnTo>
                    <a:pt x="2181" y="730"/>
                  </a:lnTo>
                  <a:lnTo>
                    <a:pt x="2180" y="738"/>
                  </a:lnTo>
                  <a:lnTo>
                    <a:pt x="2181" y="745"/>
                  </a:lnTo>
                  <a:lnTo>
                    <a:pt x="2182" y="752"/>
                  </a:lnTo>
                  <a:lnTo>
                    <a:pt x="2183" y="758"/>
                  </a:lnTo>
                  <a:lnTo>
                    <a:pt x="2185" y="764"/>
                  </a:lnTo>
                  <a:lnTo>
                    <a:pt x="2187" y="770"/>
                  </a:lnTo>
                  <a:lnTo>
                    <a:pt x="2190" y="776"/>
                  </a:lnTo>
                  <a:lnTo>
                    <a:pt x="2193" y="781"/>
                  </a:lnTo>
                  <a:lnTo>
                    <a:pt x="2196" y="787"/>
                  </a:lnTo>
                  <a:lnTo>
                    <a:pt x="2200" y="792"/>
                  </a:lnTo>
                  <a:lnTo>
                    <a:pt x="2205" y="796"/>
                  </a:lnTo>
                  <a:lnTo>
                    <a:pt x="2209" y="801"/>
                  </a:lnTo>
                  <a:lnTo>
                    <a:pt x="2214" y="805"/>
                  </a:lnTo>
                  <a:lnTo>
                    <a:pt x="2219" y="810"/>
                  </a:lnTo>
                  <a:lnTo>
                    <a:pt x="2225" y="814"/>
                  </a:lnTo>
                  <a:lnTo>
                    <a:pt x="2231" y="818"/>
                  </a:lnTo>
                  <a:lnTo>
                    <a:pt x="2237" y="822"/>
                  </a:lnTo>
                  <a:lnTo>
                    <a:pt x="2210" y="839"/>
                  </a:lnTo>
                  <a:lnTo>
                    <a:pt x="2196" y="849"/>
                  </a:lnTo>
                  <a:lnTo>
                    <a:pt x="2190" y="854"/>
                  </a:lnTo>
                  <a:lnTo>
                    <a:pt x="2183" y="859"/>
                  </a:lnTo>
                  <a:lnTo>
                    <a:pt x="2177" y="865"/>
                  </a:lnTo>
                  <a:lnTo>
                    <a:pt x="2172" y="871"/>
                  </a:lnTo>
                  <a:lnTo>
                    <a:pt x="2167" y="877"/>
                  </a:lnTo>
                  <a:lnTo>
                    <a:pt x="2163" y="884"/>
                  </a:lnTo>
                  <a:lnTo>
                    <a:pt x="2159" y="891"/>
                  </a:lnTo>
                  <a:lnTo>
                    <a:pt x="2158" y="895"/>
                  </a:lnTo>
                  <a:lnTo>
                    <a:pt x="2157" y="898"/>
                  </a:lnTo>
                  <a:lnTo>
                    <a:pt x="2155" y="906"/>
                  </a:lnTo>
                  <a:lnTo>
                    <a:pt x="2155" y="914"/>
                  </a:lnTo>
                  <a:lnTo>
                    <a:pt x="2155" y="920"/>
                  </a:lnTo>
                  <a:lnTo>
                    <a:pt x="2155" y="926"/>
                  </a:lnTo>
                  <a:lnTo>
                    <a:pt x="2157" y="932"/>
                  </a:lnTo>
                  <a:lnTo>
                    <a:pt x="2158" y="938"/>
                  </a:lnTo>
                  <a:lnTo>
                    <a:pt x="2160" y="943"/>
                  </a:lnTo>
                  <a:lnTo>
                    <a:pt x="2163" y="948"/>
                  </a:lnTo>
                  <a:lnTo>
                    <a:pt x="2166" y="954"/>
                  </a:lnTo>
                  <a:lnTo>
                    <a:pt x="2169" y="959"/>
                  </a:lnTo>
                  <a:lnTo>
                    <a:pt x="2173" y="963"/>
                  </a:lnTo>
                  <a:lnTo>
                    <a:pt x="2177" y="968"/>
                  </a:lnTo>
                  <a:lnTo>
                    <a:pt x="2182" y="973"/>
                  </a:lnTo>
                  <a:lnTo>
                    <a:pt x="2187" y="977"/>
                  </a:lnTo>
                  <a:lnTo>
                    <a:pt x="2193" y="981"/>
                  </a:lnTo>
                  <a:lnTo>
                    <a:pt x="2199" y="985"/>
                  </a:lnTo>
                  <a:lnTo>
                    <a:pt x="2213" y="992"/>
                  </a:lnTo>
                  <a:lnTo>
                    <a:pt x="2228" y="999"/>
                  </a:lnTo>
                  <a:lnTo>
                    <a:pt x="2245" y="1005"/>
                  </a:lnTo>
                  <a:lnTo>
                    <a:pt x="2263" y="1009"/>
                  </a:lnTo>
                  <a:lnTo>
                    <a:pt x="2283" y="1014"/>
                  </a:lnTo>
                  <a:lnTo>
                    <a:pt x="2305" y="1017"/>
                  </a:lnTo>
                  <a:lnTo>
                    <a:pt x="2316" y="1018"/>
                  </a:lnTo>
                  <a:lnTo>
                    <a:pt x="2328" y="1019"/>
                  </a:lnTo>
                  <a:lnTo>
                    <a:pt x="2340" y="1020"/>
                  </a:lnTo>
                  <a:lnTo>
                    <a:pt x="2353" y="1021"/>
                  </a:lnTo>
                  <a:lnTo>
                    <a:pt x="2379" y="1021"/>
                  </a:lnTo>
                  <a:lnTo>
                    <a:pt x="2408" y="1020"/>
                  </a:lnTo>
                  <a:lnTo>
                    <a:pt x="2422" y="1020"/>
                  </a:lnTo>
                  <a:lnTo>
                    <a:pt x="2436" y="1019"/>
                  </a:lnTo>
                  <a:lnTo>
                    <a:pt x="2462" y="1016"/>
                  </a:lnTo>
                  <a:lnTo>
                    <a:pt x="2487" y="1012"/>
                  </a:lnTo>
                  <a:lnTo>
                    <a:pt x="2510" y="1007"/>
                  </a:lnTo>
                  <a:lnTo>
                    <a:pt x="2531" y="1001"/>
                  </a:lnTo>
                  <a:lnTo>
                    <a:pt x="2541" y="997"/>
                  </a:lnTo>
                  <a:lnTo>
                    <a:pt x="2551" y="993"/>
                  </a:lnTo>
                  <a:lnTo>
                    <a:pt x="2569" y="985"/>
                  </a:lnTo>
                  <a:lnTo>
                    <a:pt x="2577" y="980"/>
                  </a:lnTo>
                  <a:lnTo>
                    <a:pt x="2585" y="975"/>
                  </a:lnTo>
                  <a:lnTo>
                    <a:pt x="2593" y="970"/>
                  </a:lnTo>
                  <a:lnTo>
                    <a:pt x="2599" y="964"/>
                  </a:lnTo>
                  <a:lnTo>
                    <a:pt x="2606" y="958"/>
                  </a:lnTo>
                  <a:lnTo>
                    <a:pt x="2612" y="952"/>
                  </a:lnTo>
                  <a:lnTo>
                    <a:pt x="2617" y="945"/>
                  </a:lnTo>
                  <a:lnTo>
                    <a:pt x="2622" y="939"/>
                  </a:lnTo>
                  <a:lnTo>
                    <a:pt x="2626" y="931"/>
                  </a:lnTo>
                  <a:lnTo>
                    <a:pt x="2630" y="924"/>
                  </a:lnTo>
                  <a:lnTo>
                    <a:pt x="2633" y="916"/>
                  </a:lnTo>
                  <a:lnTo>
                    <a:pt x="2636" y="908"/>
                  </a:lnTo>
                  <a:lnTo>
                    <a:pt x="2638" y="900"/>
                  </a:lnTo>
                  <a:lnTo>
                    <a:pt x="2639" y="891"/>
                  </a:lnTo>
                  <a:lnTo>
                    <a:pt x="2640" y="882"/>
                  </a:lnTo>
                  <a:lnTo>
                    <a:pt x="2641" y="873"/>
                  </a:lnTo>
                  <a:lnTo>
                    <a:pt x="2640" y="863"/>
                  </a:lnTo>
                  <a:lnTo>
                    <a:pt x="2640" y="854"/>
                  </a:lnTo>
                  <a:lnTo>
                    <a:pt x="2638" y="845"/>
                  </a:lnTo>
                  <a:lnTo>
                    <a:pt x="2637" y="837"/>
                  </a:lnTo>
                  <a:lnTo>
                    <a:pt x="2635" y="829"/>
                  </a:lnTo>
                  <a:lnTo>
                    <a:pt x="2632" y="820"/>
                  </a:lnTo>
                  <a:lnTo>
                    <a:pt x="2629" y="813"/>
                  </a:lnTo>
                  <a:lnTo>
                    <a:pt x="2626" y="807"/>
                  </a:lnTo>
                  <a:lnTo>
                    <a:pt x="2622" y="800"/>
                  </a:lnTo>
                  <a:lnTo>
                    <a:pt x="2618" y="794"/>
                  </a:lnTo>
                  <a:lnTo>
                    <a:pt x="2614" y="789"/>
                  </a:lnTo>
                  <a:lnTo>
                    <a:pt x="2609" y="783"/>
                  </a:lnTo>
                  <a:lnTo>
                    <a:pt x="2604" y="778"/>
                  </a:lnTo>
                  <a:lnTo>
                    <a:pt x="2599" y="774"/>
                  </a:lnTo>
                  <a:lnTo>
                    <a:pt x="2593" y="770"/>
                  </a:lnTo>
                  <a:lnTo>
                    <a:pt x="2587" y="766"/>
                  </a:lnTo>
                  <a:lnTo>
                    <a:pt x="2581" y="762"/>
                  </a:lnTo>
                  <a:lnTo>
                    <a:pt x="2575" y="759"/>
                  </a:lnTo>
                  <a:lnTo>
                    <a:pt x="2568" y="755"/>
                  </a:lnTo>
                  <a:lnTo>
                    <a:pt x="2561" y="753"/>
                  </a:lnTo>
                  <a:lnTo>
                    <a:pt x="2547" y="747"/>
                  </a:lnTo>
                  <a:lnTo>
                    <a:pt x="2533" y="743"/>
                  </a:lnTo>
                  <a:lnTo>
                    <a:pt x="2517" y="740"/>
                  </a:lnTo>
                  <a:lnTo>
                    <a:pt x="2502" y="737"/>
                  </a:lnTo>
                  <a:lnTo>
                    <a:pt x="2470" y="733"/>
                  </a:lnTo>
                  <a:lnTo>
                    <a:pt x="2454" y="732"/>
                  </a:lnTo>
                  <a:lnTo>
                    <a:pt x="2438" y="731"/>
                  </a:lnTo>
                  <a:lnTo>
                    <a:pt x="2407" y="730"/>
                  </a:lnTo>
                  <a:lnTo>
                    <a:pt x="2378" y="729"/>
                  </a:lnTo>
                  <a:lnTo>
                    <a:pt x="2353" y="727"/>
                  </a:lnTo>
                  <a:lnTo>
                    <a:pt x="2341" y="726"/>
                  </a:lnTo>
                  <a:lnTo>
                    <a:pt x="2331" y="724"/>
                  </a:lnTo>
                  <a:lnTo>
                    <a:pt x="2322" y="722"/>
                  </a:lnTo>
                  <a:lnTo>
                    <a:pt x="2318" y="721"/>
                  </a:lnTo>
                  <a:lnTo>
                    <a:pt x="2314" y="719"/>
                  </a:lnTo>
                  <a:lnTo>
                    <a:pt x="2311" y="717"/>
                  </a:lnTo>
                  <a:lnTo>
                    <a:pt x="2308" y="715"/>
                  </a:lnTo>
                  <a:lnTo>
                    <a:pt x="2305" y="713"/>
                  </a:lnTo>
                  <a:lnTo>
                    <a:pt x="2303" y="711"/>
                  </a:lnTo>
                  <a:lnTo>
                    <a:pt x="2301" y="708"/>
                  </a:lnTo>
                  <a:lnTo>
                    <a:pt x="2300" y="706"/>
                  </a:lnTo>
                  <a:lnTo>
                    <a:pt x="2300" y="703"/>
                  </a:lnTo>
                  <a:lnTo>
                    <a:pt x="2299" y="699"/>
                  </a:lnTo>
                  <a:lnTo>
                    <a:pt x="2299" y="697"/>
                  </a:lnTo>
                  <a:lnTo>
                    <a:pt x="2300" y="694"/>
                  </a:lnTo>
                  <a:lnTo>
                    <a:pt x="2301" y="692"/>
                  </a:lnTo>
                  <a:lnTo>
                    <a:pt x="2302" y="689"/>
                  </a:lnTo>
                  <a:lnTo>
                    <a:pt x="2305" y="685"/>
                  </a:lnTo>
                  <a:lnTo>
                    <a:pt x="2308" y="681"/>
                  </a:lnTo>
                  <a:lnTo>
                    <a:pt x="2316" y="673"/>
                  </a:lnTo>
                  <a:lnTo>
                    <a:pt x="2320" y="669"/>
                  </a:lnTo>
                  <a:lnTo>
                    <a:pt x="2323" y="665"/>
                  </a:lnTo>
                  <a:lnTo>
                    <a:pt x="2331" y="667"/>
                  </a:lnTo>
                  <a:lnTo>
                    <a:pt x="2338" y="669"/>
                  </a:lnTo>
                  <a:lnTo>
                    <a:pt x="2352" y="671"/>
                  </a:lnTo>
                  <a:lnTo>
                    <a:pt x="2358" y="672"/>
                  </a:lnTo>
                  <a:lnTo>
                    <a:pt x="2365" y="672"/>
                  </a:lnTo>
                  <a:lnTo>
                    <a:pt x="2379" y="672"/>
                  </a:lnTo>
                  <a:lnTo>
                    <a:pt x="2392" y="672"/>
                  </a:lnTo>
                  <a:lnTo>
                    <a:pt x="2403" y="671"/>
                  </a:lnTo>
                  <a:lnTo>
                    <a:pt x="2415" y="670"/>
                  </a:lnTo>
                  <a:lnTo>
                    <a:pt x="2426" y="668"/>
                  </a:lnTo>
                  <a:lnTo>
                    <a:pt x="2437" y="666"/>
                  </a:lnTo>
                  <a:lnTo>
                    <a:pt x="2447" y="664"/>
                  </a:lnTo>
                  <a:lnTo>
                    <a:pt x="2457" y="660"/>
                  </a:lnTo>
                  <a:lnTo>
                    <a:pt x="2466" y="657"/>
                  </a:lnTo>
                  <a:lnTo>
                    <a:pt x="2475" y="653"/>
                  </a:lnTo>
                  <a:lnTo>
                    <a:pt x="2484" y="648"/>
                  </a:lnTo>
                  <a:lnTo>
                    <a:pt x="2492" y="643"/>
                  </a:lnTo>
                  <a:lnTo>
                    <a:pt x="2500" y="638"/>
                  </a:lnTo>
                  <a:lnTo>
                    <a:pt x="2508" y="632"/>
                  </a:lnTo>
                  <a:lnTo>
                    <a:pt x="2515" y="626"/>
                  </a:lnTo>
                  <a:lnTo>
                    <a:pt x="2521" y="619"/>
                  </a:lnTo>
                  <a:lnTo>
                    <a:pt x="2528" y="612"/>
                  </a:lnTo>
                  <a:lnTo>
                    <a:pt x="2534" y="604"/>
                  </a:lnTo>
                  <a:lnTo>
                    <a:pt x="2539" y="596"/>
                  </a:lnTo>
                  <a:lnTo>
                    <a:pt x="2544" y="588"/>
                  </a:lnTo>
                  <a:lnTo>
                    <a:pt x="2549" y="579"/>
                  </a:lnTo>
                  <a:lnTo>
                    <a:pt x="2553" y="570"/>
                  </a:lnTo>
                  <a:lnTo>
                    <a:pt x="2557" y="560"/>
                  </a:lnTo>
                  <a:lnTo>
                    <a:pt x="2561" y="550"/>
                  </a:lnTo>
                  <a:lnTo>
                    <a:pt x="2564" y="539"/>
                  </a:lnTo>
                  <a:lnTo>
                    <a:pt x="2567" y="528"/>
                  </a:lnTo>
                  <a:lnTo>
                    <a:pt x="2569" y="517"/>
                  </a:lnTo>
                  <a:lnTo>
                    <a:pt x="2571" y="505"/>
                  </a:lnTo>
                  <a:lnTo>
                    <a:pt x="2573" y="493"/>
                  </a:lnTo>
                  <a:lnTo>
                    <a:pt x="2574" y="481"/>
                  </a:lnTo>
                  <a:lnTo>
                    <a:pt x="2575" y="468"/>
                  </a:lnTo>
                  <a:lnTo>
                    <a:pt x="2576" y="455"/>
                  </a:lnTo>
                  <a:lnTo>
                    <a:pt x="2576" y="441"/>
                  </a:lnTo>
                  <a:lnTo>
                    <a:pt x="2575" y="428"/>
                  </a:lnTo>
                  <a:lnTo>
                    <a:pt x="2574" y="415"/>
                  </a:lnTo>
                  <a:lnTo>
                    <a:pt x="2573" y="403"/>
                  </a:lnTo>
                  <a:lnTo>
                    <a:pt x="2570" y="391"/>
                  </a:lnTo>
                  <a:lnTo>
                    <a:pt x="2568" y="378"/>
                  </a:lnTo>
                  <a:lnTo>
                    <a:pt x="2565" y="365"/>
                  </a:lnTo>
                  <a:lnTo>
                    <a:pt x="2558" y="337"/>
                  </a:lnTo>
                  <a:lnTo>
                    <a:pt x="2571" y="333"/>
                  </a:lnTo>
                  <a:lnTo>
                    <a:pt x="2583" y="329"/>
                  </a:lnTo>
                  <a:lnTo>
                    <a:pt x="2594" y="326"/>
                  </a:lnTo>
                  <a:lnTo>
                    <a:pt x="2600" y="325"/>
                  </a:lnTo>
                  <a:lnTo>
                    <a:pt x="2605" y="324"/>
                  </a:lnTo>
                  <a:lnTo>
                    <a:pt x="2609" y="325"/>
                  </a:lnTo>
                  <a:lnTo>
                    <a:pt x="2615" y="326"/>
                  </a:lnTo>
                  <a:lnTo>
                    <a:pt x="2626" y="328"/>
                  </a:lnTo>
                  <a:lnTo>
                    <a:pt x="2647" y="333"/>
                  </a:lnTo>
                  <a:lnTo>
                    <a:pt x="2647" y="214"/>
                  </a:lnTo>
                  <a:close/>
                  <a:moveTo>
                    <a:pt x="2446" y="438"/>
                  </a:moveTo>
                  <a:lnTo>
                    <a:pt x="2446" y="456"/>
                  </a:lnTo>
                  <a:lnTo>
                    <a:pt x="2445" y="473"/>
                  </a:lnTo>
                  <a:lnTo>
                    <a:pt x="2444" y="487"/>
                  </a:lnTo>
                  <a:lnTo>
                    <a:pt x="2442" y="501"/>
                  </a:lnTo>
                  <a:lnTo>
                    <a:pt x="2440" y="512"/>
                  </a:lnTo>
                  <a:lnTo>
                    <a:pt x="2438" y="517"/>
                  </a:lnTo>
                  <a:lnTo>
                    <a:pt x="2437" y="522"/>
                  </a:lnTo>
                  <a:lnTo>
                    <a:pt x="2433" y="531"/>
                  </a:lnTo>
                  <a:lnTo>
                    <a:pt x="2429" y="538"/>
                  </a:lnTo>
                  <a:lnTo>
                    <a:pt x="2424" y="545"/>
                  </a:lnTo>
                  <a:lnTo>
                    <a:pt x="2419" y="550"/>
                  </a:lnTo>
                  <a:lnTo>
                    <a:pt x="2416" y="552"/>
                  </a:lnTo>
                  <a:lnTo>
                    <a:pt x="2412" y="554"/>
                  </a:lnTo>
                  <a:lnTo>
                    <a:pt x="2405" y="557"/>
                  </a:lnTo>
                  <a:lnTo>
                    <a:pt x="2401" y="558"/>
                  </a:lnTo>
                  <a:lnTo>
                    <a:pt x="2397" y="559"/>
                  </a:lnTo>
                  <a:lnTo>
                    <a:pt x="2393" y="560"/>
                  </a:lnTo>
                  <a:lnTo>
                    <a:pt x="2388" y="561"/>
                  </a:lnTo>
                  <a:lnTo>
                    <a:pt x="2379" y="562"/>
                  </a:lnTo>
                  <a:lnTo>
                    <a:pt x="2368" y="562"/>
                  </a:lnTo>
                  <a:lnTo>
                    <a:pt x="2361" y="562"/>
                  </a:lnTo>
                  <a:lnTo>
                    <a:pt x="2354" y="560"/>
                  </a:lnTo>
                  <a:lnTo>
                    <a:pt x="2347" y="558"/>
                  </a:lnTo>
                  <a:lnTo>
                    <a:pt x="2344" y="557"/>
                  </a:lnTo>
                  <a:lnTo>
                    <a:pt x="2341" y="555"/>
                  </a:lnTo>
                  <a:lnTo>
                    <a:pt x="2335" y="551"/>
                  </a:lnTo>
                  <a:lnTo>
                    <a:pt x="2330" y="547"/>
                  </a:lnTo>
                  <a:lnTo>
                    <a:pt x="2325" y="541"/>
                  </a:lnTo>
                  <a:lnTo>
                    <a:pt x="2321" y="535"/>
                  </a:lnTo>
                  <a:lnTo>
                    <a:pt x="2317" y="527"/>
                  </a:lnTo>
                  <a:lnTo>
                    <a:pt x="2313" y="519"/>
                  </a:lnTo>
                  <a:lnTo>
                    <a:pt x="2310" y="510"/>
                  </a:lnTo>
                  <a:lnTo>
                    <a:pt x="2308" y="500"/>
                  </a:lnTo>
                  <a:lnTo>
                    <a:pt x="2306" y="489"/>
                  </a:lnTo>
                  <a:lnTo>
                    <a:pt x="2305" y="478"/>
                  </a:lnTo>
                  <a:lnTo>
                    <a:pt x="2304" y="465"/>
                  </a:lnTo>
                  <a:lnTo>
                    <a:pt x="2304" y="452"/>
                  </a:lnTo>
                  <a:lnTo>
                    <a:pt x="2304" y="435"/>
                  </a:lnTo>
                  <a:lnTo>
                    <a:pt x="2305" y="420"/>
                  </a:lnTo>
                  <a:lnTo>
                    <a:pt x="2306" y="406"/>
                  </a:lnTo>
                  <a:lnTo>
                    <a:pt x="2307" y="393"/>
                  </a:lnTo>
                  <a:lnTo>
                    <a:pt x="2310" y="382"/>
                  </a:lnTo>
                  <a:lnTo>
                    <a:pt x="2312" y="371"/>
                  </a:lnTo>
                  <a:lnTo>
                    <a:pt x="2316" y="362"/>
                  </a:lnTo>
                  <a:lnTo>
                    <a:pt x="2320" y="354"/>
                  </a:lnTo>
                  <a:lnTo>
                    <a:pt x="2324" y="347"/>
                  </a:lnTo>
                  <a:lnTo>
                    <a:pt x="2327" y="344"/>
                  </a:lnTo>
                  <a:lnTo>
                    <a:pt x="2330" y="341"/>
                  </a:lnTo>
                  <a:lnTo>
                    <a:pt x="2335" y="336"/>
                  </a:lnTo>
                  <a:lnTo>
                    <a:pt x="2342" y="331"/>
                  </a:lnTo>
                  <a:lnTo>
                    <a:pt x="2345" y="330"/>
                  </a:lnTo>
                  <a:lnTo>
                    <a:pt x="2349" y="328"/>
                  </a:lnTo>
                  <a:lnTo>
                    <a:pt x="2353" y="327"/>
                  </a:lnTo>
                  <a:lnTo>
                    <a:pt x="2357" y="326"/>
                  </a:lnTo>
                  <a:lnTo>
                    <a:pt x="2366" y="325"/>
                  </a:lnTo>
                  <a:lnTo>
                    <a:pt x="2375" y="324"/>
                  </a:lnTo>
                  <a:lnTo>
                    <a:pt x="2383" y="325"/>
                  </a:lnTo>
                  <a:lnTo>
                    <a:pt x="2392" y="326"/>
                  </a:lnTo>
                  <a:lnTo>
                    <a:pt x="2399" y="328"/>
                  </a:lnTo>
                  <a:lnTo>
                    <a:pt x="2406" y="332"/>
                  </a:lnTo>
                  <a:lnTo>
                    <a:pt x="2412" y="336"/>
                  </a:lnTo>
                  <a:lnTo>
                    <a:pt x="2415" y="338"/>
                  </a:lnTo>
                  <a:lnTo>
                    <a:pt x="2418" y="340"/>
                  </a:lnTo>
                  <a:lnTo>
                    <a:pt x="2424" y="346"/>
                  </a:lnTo>
                  <a:lnTo>
                    <a:pt x="2426" y="349"/>
                  </a:lnTo>
                  <a:lnTo>
                    <a:pt x="2428" y="353"/>
                  </a:lnTo>
                  <a:lnTo>
                    <a:pt x="2432" y="360"/>
                  </a:lnTo>
                  <a:lnTo>
                    <a:pt x="2436" y="369"/>
                  </a:lnTo>
                  <a:lnTo>
                    <a:pt x="2438" y="373"/>
                  </a:lnTo>
                  <a:lnTo>
                    <a:pt x="2439" y="378"/>
                  </a:lnTo>
                  <a:lnTo>
                    <a:pt x="2442" y="388"/>
                  </a:lnTo>
                  <a:lnTo>
                    <a:pt x="2444" y="399"/>
                  </a:lnTo>
                  <a:lnTo>
                    <a:pt x="2445" y="411"/>
                  </a:lnTo>
                  <a:lnTo>
                    <a:pt x="2446" y="424"/>
                  </a:lnTo>
                  <a:lnTo>
                    <a:pt x="2446" y="438"/>
                  </a:lnTo>
                  <a:close/>
                  <a:moveTo>
                    <a:pt x="2102" y="0"/>
                  </a:moveTo>
                  <a:lnTo>
                    <a:pt x="1966" y="0"/>
                  </a:lnTo>
                  <a:lnTo>
                    <a:pt x="1966" y="124"/>
                  </a:lnTo>
                  <a:lnTo>
                    <a:pt x="2102" y="124"/>
                  </a:lnTo>
                  <a:lnTo>
                    <a:pt x="2102" y="0"/>
                  </a:lnTo>
                  <a:close/>
                  <a:moveTo>
                    <a:pt x="1966" y="813"/>
                  </a:moveTo>
                  <a:lnTo>
                    <a:pt x="2102" y="813"/>
                  </a:lnTo>
                  <a:lnTo>
                    <a:pt x="2102" y="225"/>
                  </a:lnTo>
                  <a:lnTo>
                    <a:pt x="1966" y="225"/>
                  </a:lnTo>
                  <a:lnTo>
                    <a:pt x="1966" y="813"/>
                  </a:lnTo>
                  <a:close/>
                  <a:moveTo>
                    <a:pt x="1873" y="813"/>
                  </a:moveTo>
                  <a:lnTo>
                    <a:pt x="1873" y="33"/>
                  </a:lnTo>
                  <a:lnTo>
                    <a:pt x="1737" y="33"/>
                  </a:lnTo>
                  <a:lnTo>
                    <a:pt x="1737" y="279"/>
                  </a:lnTo>
                  <a:lnTo>
                    <a:pt x="1714" y="263"/>
                  </a:lnTo>
                  <a:lnTo>
                    <a:pt x="1693" y="249"/>
                  </a:lnTo>
                  <a:lnTo>
                    <a:pt x="1684" y="243"/>
                  </a:lnTo>
                  <a:lnTo>
                    <a:pt x="1675" y="238"/>
                  </a:lnTo>
                  <a:lnTo>
                    <a:pt x="1658" y="229"/>
                  </a:lnTo>
                  <a:lnTo>
                    <a:pt x="1650" y="225"/>
                  </a:lnTo>
                  <a:lnTo>
                    <a:pt x="1643" y="222"/>
                  </a:lnTo>
                  <a:lnTo>
                    <a:pt x="1628" y="218"/>
                  </a:lnTo>
                  <a:lnTo>
                    <a:pt x="1621" y="216"/>
                  </a:lnTo>
                  <a:lnTo>
                    <a:pt x="1614" y="215"/>
                  </a:lnTo>
                  <a:lnTo>
                    <a:pt x="1601" y="214"/>
                  </a:lnTo>
                  <a:lnTo>
                    <a:pt x="1591" y="215"/>
                  </a:lnTo>
                  <a:lnTo>
                    <a:pt x="1581" y="215"/>
                  </a:lnTo>
                  <a:lnTo>
                    <a:pt x="1572" y="216"/>
                  </a:lnTo>
                  <a:lnTo>
                    <a:pt x="1564" y="218"/>
                  </a:lnTo>
                  <a:lnTo>
                    <a:pt x="1555" y="220"/>
                  </a:lnTo>
                  <a:lnTo>
                    <a:pt x="1548" y="223"/>
                  </a:lnTo>
                  <a:lnTo>
                    <a:pt x="1540" y="226"/>
                  </a:lnTo>
                  <a:lnTo>
                    <a:pt x="1533" y="230"/>
                  </a:lnTo>
                  <a:lnTo>
                    <a:pt x="1526" y="234"/>
                  </a:lnTo>
                  <a:lnTo>
                    <a:pt x="1519" y="238"/>
                  </a:lnTo>
                  <a:lnTo>
                    <a:pt x="1513" y="243"/>
                  </a:lnTo>
                  <a:lnTo>
                    <a:pt x="1507" y="248"/>
                  </a:lnTo>
                  <a:lnTo>
                    <a:pt x="1501" y="254"/>
                  </a:lnTo>
                  <a:lnTo>
                    <a:pt x="1496" y="260"/>
                  </a:lnTo>
                  <a:lnTo>
                    <a:pt x="1491" y="267"/>
                  </a:lnTo>
                  <a:lnTo>
                    <a:pt x="1486" y="274"/>
                  </a:lnTo>
                  <a:lnTo>
                    <a:pt x="1478" y="290"/>
                  </a:lnTo>
                  <a:lnTo>
                    <a:pt x="1474" y="298"/>
                  </a:lnTo>
                  <a:lnTo>
                    <a:pt x="1471" y="307"/>
                  </a:lnTo>
                  <a:lnTo>
                    <a:pt x="1468" y="317"/>
                  </a:lnTo>
                  <a:lnTo>
                    <a:pt x="1465" y="327"/>
                  </a:lnTo>
                  <a:lnTo>
                    <a:pt x="1462" y="337"/>
                  </a:lnTo>
                  <a:lnTo>
                    <a:pt x="1460" y="347"/>
                  </a:lnTo>
                  <a:lnTo>
                    <a:pt x="1458" y="358"/>
                  </a:lnTo>
                  <a:lnTo>
                    <a:pt x="1456" y="370"/>
                  </a:lnTo>
                  <a:lnTo>
                    <a:pt x="1455" y="382"/>
                  </a:lnTo>
                  <a:lnTo>
                    <a:pt x="1454" y="394"/>
                  </a:lnTo>
                  <a:lnTo>
                    <a:pt x="1453" y="407"/>
                  </a:lnTo>
                  <a:lnTo>
                    <a:pt x="1452" y="420"/>
                  </a:lnTo>
                  <a:lnTo>
                    <a:pt x="1452" y="448"/>
                  </a:lnTo>
                  <a:lnTo>
                    <a:pt x="1452" y="590"/>
                  </a:lnTo>
                  <a:lnTo>
                    <a:pt x="1452" y="618"/>
                  </a:lnTo>
                  <a:lnTo>
                    <a:pt x="1453" y="631"/>
                  </a:lnTo>
                  <a:lnTo>
                    <a:pt x="1454" y="644"/>
                  </a:lnTo>
                  <a:lnTo>
                    <a:pt x="1456" y="668"/>
                  </a:lnTo>
                  <a:lnTo>
                    <a:pt x="1458" y="679"/>
                  </a:lnTo>
                  <a:lnTo>
                    <a:pt x="1460" y="690"/>
                  </a:lnTo>
                  <a:lnTo>
                    <a:pt x="1465" y="711"/>
                  </a:lnTo>
                  <a:lnTo>
                    <a:pt x="1468" y="721"/>
                  </a:lnTo>
                  <a:lnTo>
                    <a:pt x="1471" y="730"/>
                  </a:lnTo>
                  <a:lnTo>
                    <a:pt x="1474" y="739"/>
                  </a:lnTo>
                  <a:lnTo>
                    <a:pt x="1478" y="748"/>
                  </a:lnTo>
                  <a:lnTo>
                    <a:pt x="1482" y="756"/>
                  </a:lnTo>
                  <a:lnTo>
                    <a:pt x="1486" y="764"/>
                  </a:lnTo>
                  <a:lnTo>
                    <a:pt x="1491" y="771"/>
                  </a:lnTo>
                  <a:lnTo>
                    <a:pt x="1496" y="777"/>
                  </a:lnTo>
                  <a:lnTo>
                    <a:pt x="1501" y="784"/>
                  </a:lnTo>
                  <a:lnTo>
                    <a:pt x="1507" y="790"/>
                  </a:lnTo>
                  <a:lnTo>
                    <a:pt x="1513" y="795"/>
                  </a:lnTo>
                  <a:lnTo>
                    <a:pt x="1519" y="800"/>
                  </a:lnTo>
                  <a:lnTo>
                    <a:pt x="1526" y="804"/>
                  </a:lnTo>
                  <a:lnTo>
                    <a:pt x="1533" y="808"/>
                  </a:lnTo>
                  <a:lnTo>
                    <a:pt x="1540" y="812"/>
                  </a:lnTo>
                  <a:lnTo>
                    <a:pt x="1548" y="815"/>
                  </a:lnTo>
                  <a:lnTo>
                    <a:pt x="1555" y="818"/>
                  </a:lnTo>
                  <a:lnTo>
                    <a:pt x="1564" y="820"/>
                  </a:lnTo>
                  <a:lnTo>
                    <a:pt x="1572" y="822"/>
                  </a:lnTo>
                  <a:lnTo>
                    <a:pt x="1581" y="824"/>
                  </a:lnTo>
                  <a:lnTo>
                    <a:pt x="1591" y="824"/>
                  </a:lnTo>
                  <a:lnTo>
                    <a:pt x="1601" y="824"/>
                  </a:lnTo>
                  <a:lnTo>
                    <a:pt x="1612" y="824"/>
                  </a:lnTo>
                  <a:lnTo>
                    <a:pt x="1623" y="822"/>
                  </a:lnTo>
                  <a:lnTo>
                    <a:pt x="1634" y="819"/>
                  </a:lnTo>
                  <a:lnTo>
                    <a:pt x="1645" y="816"/>
                  </a:lnTo>
                  <a:lnTo>
                    <a:pt x="1656" y="812"/>
                  </a:lnTo>
                  <a:lnTo>
                    <a:pt x="1667" y="807"/>
                  </a:lnTo>
                  <a:lnTo>
                    <a:pt x="1677" y="802"/>
                  </a:lnTo>
                  <a:lnTo>
                    <a:pt x="1687" y="796"/>
                  </a:lnTo>
                  <a:lnTo>
                    <a:pt x="1696" y="790"/>
                  </a:lnTo>
                  <a:lnTo>
                    <a:pt x="1705" y="783"/>
                  </a:lnTo>
                  <a:lnTo>
                    <a:pt x="1713" y="777"/>
                  </a:lnTo>
                  <a:lnTo>
                    <a:pt x="1721" y="770"/>
                  </a:lnTo>
                  <a:lnTo>
                    <a:pt x="1728" y="763"/>
                  </a:lnTo>
                  <a:lnTo>
                    <a:pt x="1735" y="755"/>
                  </a:lnTo>
                  <a:lnTo>
                    <a:pt x="1740" y="748"/>
                  </a:lnTo>
                  <a:lnTo>
                    <a:pt x="1745" y="741"/>
                  </a:lnTo>
                  <a:lnTo>
                    <a:pt x="1747" y="741"/>
                  </a:lnTo>
                  <a:lnTo>
                    <a:pt x="1747" y="813"/>
                  </a:lnTo>
                  <a:lnTo>
                    <a:pt x="1873" y="813"/>
                  </a:lnTo>
                  <a:close/>
                  <a:moveTo>
                    <a:pt x="1737" y="680"/>
                  </a:moveTo>
                  <a:lnTo>
                    <a:pt x="1727" y="690"/>
                  </a:lnTo>
                  <a:lnTo>
                    <a:pt x="1722" y="695"/>
                  </a:lnTo>
                  <a:lnTo>
                    <a:pt x="1717" y="699"/>
                  </a:lnTo>
                  <a:lnTo>
                    <a:pt x="1712" y="703"/>
                  </a:lnTo>
                  <a:lnTo>
                    <a:pt x="1707" y="706"/>
                  </a:lnTo>
                  <a:lnTo>
                    <a:pt x="1702" y="709"/>
                  </a:lnTo>
                  <a:lnTo>
                    <a:pt x="1697" y="712"/>
                  </a:lnTo>
                  <a:lnTo>
                    <a:pt x="1687" y="716"/>
                  </a:lnTo>
                  <a:lnTo>
                    <a:pt x="1676" y="719"/>
                  </a:lnTo>
                  <a:lnTo>
                    <a:pt x="1671" y="721"/>
                  </a:lnTo>
                  <a:lnTo>
                    <a:pt x="1666" y="721"/>
                  </a:lnTo>
                  <a:lnTo>
                    <a:pt x="1660" y="722"/>
                  </a:lnTo>
                  <a:lnTo>
                    <a:pt x="1655" y="722"/>
                  </a:lnTo>
                  <a:lnTo>
                    <a:pt x="1648" y="722"/>
                  </a:lnTo>
                  <a:lnTo>
                    <a:pt x="1641" y="721"/>
                  </a:lnTo>
                  <a:lnTo>
                    <a:pt x="1635" y="719"/>
                  </a:lnTo>
                  <a:lnTo>
                    <a:pt x="1629" y="716"/>
                  </a:lnTo>
                  <a:lnTo>
                    <a:pt x="1623" y="713"/>
                  </a:lnTo>
                  <a:lnTo>
                    <a:pt x="1620" y="711"/>
                  </a:lnTo>
                  <a:lnTo>
                    <a:pt x="1617" y="708"/>
                  </a:lnTo>
                  <a:lnTo>
                    <a:pt x="1612" y="703"/>
                  </a:lnTo>
                  <a:lnTo>
                    <a:pt x="1607" y="695"/>
                  </a:lnTo>
                  <a:lnTo>
                    <a:pt x="1605" y="691"/>
                  </a:lnTo>
                  <a:lnTo>
                    <a:pt x="1603" y="687"/>
                  </a:lnTo>
                  <a:lnTo>
                    <a:pt x="1601" y="682"/>
                  </a:lnTo>
                  <a:lnTo>
                    <a:pt x="1599" y="677"/>
                  </a:lnTo>
                  <a:lnTo>
                    <a:pt x="1596" y="666"/>
                  </a:lnTo>
                  <a:lnTo>
                    <a:pt x="1593" y="653"/>
                  </a:lnTo>
                  <a:lnTo>
                    <a:pt x="1591" y="638"/>
                  </a:lnTo>
                  <a:lnTo>
                    <a:pt x="1589" y="621"/>
                  </a:lnTo>
                  <a:lnTo>
                    <a:pt x="1588" y="602"/>
                  </a:lnTo>
                  <a:lnTo>
                    <a:pt x="1588" y="582"/>
                  </a:lnTo>
                  <a:lnTo>
                    <a:pt x="1588" y="456"/>
                  </a:lnTo>
                  <a:lnTo>
                    <a:pt x="1588" y="435"/>
                  </a:lnTo>
                  <a:lnTo>
                    <a:pt x="1589" y="417"/>
                  </a:lnTo>
                  <a:lnTo>
                    <a:pt x="1591" y="400"/>
                  </a:lnTo>
                  <a:lnTo>
                    <a:pt x="1593" y="385"/>
                  </a:lnTo>
                  <a:lnTo>
                    <a:pt x="1596" y="372"/>
                  </a:lnTo>
                  <a:lnTo>
                    <a:pt x="1599" y="361"/>
                  </a:lnTo>
                  <a:lnTo>
                    <a:pt x="1603" y="351"/>
                  </a:lnTo>
                  <a:lnTo>
                    <a:pt x="1607" y="342"/>
                  </a:lnTo>
                  <a:lnTo>
                    <a:pt x="1610" y="339"/>
                  </a:lnTo>
                  <a:lnTo>
                    <a:pt x="1612" y="335"/>
                  </a:lnTo>
                  <a:lnTo>
                    <a:pt x="1617" y="330"/>
                  </a:lnTo>
                  <a:lnTo>
                    <a:pt x="1623" y="325"/>
                  </a:lnTo>
                  <a:lnTo>
                    <a:pt x="1629" y="321"/>
                  </a:lnTo>
                  <a:lnTo>
                    <a:pt x="1635" y="319"/>
                  </a:lnTo>
                  <a:lnTo>
                    <a:pt x="1641" y="317"/>
                  </a:lnTo>
                  <a:lnTo>
                    <a:pt x="1648" y="316"/>
                  </a:lnTo>
                  <a:lnTo>
                    <a:pt x="1655" y="316"/>
                  </a:lnTo>
                  <a:lnTo>
                    <a:pt x="1666" y="316"/>
                  </a:lnTo>
                  <a:lnTo>
                    <a:pt x="1676" y="318"/>
                  </a:lnTo>
                  <a:lnTo>
                    <a:pt x="1682" y="320"/>
                  </a:lnTo>
                  <a:lnTo>
                    <a:pt x="1687" y="322"/>
                  </a:lnTo>
                  <a:lnTo>
                    <a:pt x="1692" y="324"/>
                  </a:lnTo>
                  <a:lnTo>
                    <a:pt x="1697" y="326"/>
                  </a:lnTo>
                  <a:lnTo>
                    <a:pt x="1707" y="332"/>
                  </a:lnTo>
                  <a:lnTo>
                    <a:pt x="1717" y="339"/>
                  </a:lnTo>
                  <a:lnTo>
                    <a:pt x="1727" y="348"/>
                  </a:lnTo>
                  <a:lnTo>
                    <a:pt x="1732" y="353"/>
                  </a:lnTo>
                  <a:lnTo>
                    <a:pt x="1737" y="358"/>
                  </a:lnTo>
                  <a:lnTo>
                    <a:pt x="1737" y="680"/>
                  </a:lnTo>
                  <a:close/>
                  <a:moveTo>
                    <a:pt x="1047" y="813"/>
                  </a:moveTo>
                  <a:lnTo>
                    <a:pt x="1047" y="411"/>
                  </a:lnTo>
                  <a:lnTo>
                    <a:pt x="1047" y="405"/>
                  </a:lnTo>
                  <a:lnTo>
                    <a:pt x="1048" y="399"/>
                  </a:lnTo>
                  <a:lnTo>
                    <a:pt x="1049" y="393"/>
                  </a:lnTo>
                  <a:lnTo>
                    <a:pt x="1051" y="388"/>
                  </a:lnTo>
                  <a:lnTo>
                    <a:pt x="1053" y="382"/>
                  </a:lnTo>
                  <a:lnTo>
                    <a:pt x="1056" y="377"/>
                  </a:lnTo>
                  <a:lnTo>
                    <a:pt x="1059" y="372"/>
                  </a:lnTo>
                  <a:lnTo>
                    <a:pt x="1063" y="367"/>
                  </a:lnTo>
                  <a:lnTo>
                    <a:pt x="1068" y="362"/>
                  </a:lnTo>
                  <a:lnTo>
                    <a:pt x="1073" y="358"/>
                  </a:lnTo>
                  <a:lnTo>
                    <a:pt x="1078" y="355"/>
                  </a:lnTo>
                  <a:lnTo>
                    <a:pt x="1084" y="352"/>
                  </a:lnTo>
                  <a:lnTo>
                    <a:pt x="1091" y="349"/>
                  </a:lnTo>
                  <a:lnTo>
                    <a:pt x="1098" y="348"/>
                  </a:lnTo>
                  <a:lnTo>
                    <a:pt x="1105" y="346"/>
                  </a:lnTo>
                  <a:lnTo>
                    <a:pt x="1114" y="346"/>
                  </a:lnTo>
                  <a:lnTo>
                    <a:pt x="1123" y="346"/>
                  </a:lnTo>
                  <a:lnTo>
                    <a:pt x="1132" y="348"/>
                  </a:lnTo>
                  <a:lnTo>
                    <a:pt x="1150" y="351"/>
                  </a:lnTo>
                  <a:lnTo>
                    <a:pt x="1168" y="356"/>
                  </a:lnTo>
                  <a:lnTo>
                    <a:pt x="1186" y="361"/>
                  </a:lnTo>
                  <a:lnTo>
                    <a:pt x="1186" y="214"/>
                  </a:lnTo>
                  <a:lnTo>
                    <a:pt x="1173" y="215"/>
                  </a:lnTo>
                  <a:lnTo>
                    <a:pt x="1162" y="216"/>
                  </a:lnTo>
                  <a:lnTo>
                    <a:pt x="1150" y="218"/>
                  </a:lnTo>
                  <a:lnTo>
                    <a:pt x="1140" y="220"/>
                  </a:lnTo>
                  <a:lnTo>
                    <a:pt x="1129" y="223"/>
                  </a:lnTo>
                  <a:lnTo>
                    <a:pt x="1120" y="227"/>
                  </a:lnTo>
                  <a:lnTo>
                    <a:pt x="1111" y="232"/>
                  </a:lnTo>
                  <a:lnTo>
                    <a:pt x="1106" y="234"/>
                  </a:lnTo>
                  <a:lnTo>
                    <a:pt x="1102" y="237"/>
                  </a:lnTo>
                  <a:lnTo>
                    <a:pt x="1094" y="243"/>
                  </a:lnTo>
                  <a:lnTo>
                    <a:pt x="1086" y="249"/>
                  </a:lnTo>
                  <a:lnTo>
                    <a:pt x="1078" y="257"/>
                  </a:lnTo>
                  <a:lnTo>
                    <a:pt x="1071" y="264"/>
                  </a:lnTo>
                  <a:lnTo>
                    <a:pt x="1064" y="273"/>
                  </a:lnTo>
                  <a:lnTo>
                    <a:pt x="1058" y="282"/>
                  </a:lnTo>
                  <a:lnTo>
                    <a:pt x="1051" y="292"/>
                  </a:lnTo>
                  <a:lnTo>
                    <a:pt x="1045" y="303"/>
                  </a:lnTo>
                  <a:lnTo>
                    <a:pt x="1043" y="303"/>
                  </a:lnTo>
                  <a:lnTo>
                    <a:pt x="1043" y="225"/>
                  </a:lnTo>
                  <a:lnTo>
                    <a:pt x="910" y="225"/>
                  </a:lnTo>
                  <a:lnTo>
                    <a:pt x="910" y="813"/>
                  </a:lnTo>
                  <a:lnTo>
                    <a:pt x="1047" y="813"/>
                  </a:lnTo>
                  <a:close/>
                  <a:moveTo>
                    <a:pt x="549" y="402"/>
                  </a:moveTo>
                  <a:lnTo>
                    <a:pt x="549" y="394"/>
                  </a:lnTo>
                  <a:lnTo>
                    <a:pt x="550" y="386"/>
                  </a:lnTo>
                  <a:lnTo>
                    <a:pt x="552" y="379"/>
                  </a:lnTo>
                  <a:lnTo>
                    <a:pt x="555" y="372"/>
                  </a:lnTo>
                  <a:lnTo>
                    <a:pt x="558" y="366"/>
                  </a:lnTo>
                  <a:lnTo>
                    <a:pt x="562" y="360"/>
                  </a:lnTo>
                  <a:lnTo>
                    <a:pt x="566" y="355"/>
                  </a:lnTo>
                  <a:lnTo>
                    <a:pt x="568" y="353"/>
                  </a:lnTo>
                  <a:lnTo>
                    <a:pt x="571" y="351"/>
                  </a:lnTo>
                  <a:lnTo>
                    <a:pt x="576" y="347"/>
                  </a:lnTo>
                  <a:lnTo>
                    <a:pt x="582" y="343"/>
                  </a:lnTo>
                  <a:lnTo>
                    <a:pt x="589" y="340"/>
                  </a:lnTo>
                  <a:lnTo>
                    <a:pt x="596" y="338"/>
                  </a:lnTo>
                  <a:lnTo>
                    <a:pt x="604" y="336"/>
                  </a:lnTo>
                  <a:lnTo>
                    <a:pt x="612" y="334"/>
                  </a:lnTo>
                  <a:lnTo>
                    <a:pt x="620" y="333"/>
                  </a:lnTo>
                  <a:lnTo>
                    <a:pt x="629" y="333"/>
                  </a:lnTo>
                  <a:lnTo>
                    <a:pt x="637" y="333"/>
                  </a:lnTo>
                  <a:lnTo>
                    <a:pt x="646" y="334"/>
                  </a:lnTo>
                  <a:lnTo>
                    <a:pt x="654" y="336"/>
                  </a:lnTo>
                  <a:lnTo>
                    <a:pt x="661" y="338"/>
                  </a:lnTo>
                  <a:lnTo>
                    <a:pt x="668" y="340"/>
                  </a:lnTo>
                  <a:lnTo>
                    <a:pt x="675" y="343"/>
                  </a:lnTo>
                  <a:lnTo>
                    <a:pt x="681" y="347"/>
                  </a:lnTo>
                  <a:lnTo>
                    <a:pt x="686" y="351"/>
                  </a:lnTo>
                  <a:lnTo>
                    <a:pt x="691" y="355"/>
                  </a:lnTo>
                  <a:lnTo>
                    <a:pt x="696" y="360"/>
                  </a:lnTo>
                  <a:lnTo>
                    <a:pt x="700" y="366"/>
                  </a:lnTo>
                  <a:lnTo>
                    <a:pt x="703" y="372"/>
                  </a:lnTo>
                  <a:lnTo>
                    <a:pt x="705" y="379"/>
                  </a:lnTo>
                  <a:lnTo>
                    <a:pt x="707" y="386"/>
                  </a:lnTo>
                  <a:lnTo>
                    <a:pt x="708" y="394"/>
                  </a:lnTo>
                  <a:lnTo>
                    <a:pt x="709" y="402"/>
                  </a:lnTo>
                  <a:lnTo>
                    <a:pt x="709" y="636"/>
                  </a:lnTo>
                  <a:lnTo>
                    <a:pt x="708" y="644"/>
                  </a:lnTo>
                  <a:lnTo>
                    <a:pt x="707" y="652"/>
                  </a:lnTo>
                  <a:lnTo>
                    <a:pt x="705" y="659"/>
                  </a:lnTo>
                  <a:lnTo>
                    <a:pt x="703" y="665"/>
                  </a:lnTo>
                  <a:lnTo>
                    <a:pt x="700" y="672"/>
                  </a:lnTo>
                  <a:lnTo>
                    <a:pt x="696" y="677"/>
                  </a:lnTo>
                  <a:lnTo>
                    <a:pt x="691" y="683"/>
                  </a:lnTo>
                  <a:lnTo>
                    <a:pt x="689" y="685"/>
                  </a:lnTo>
                  <a:lnTo>
                    <a:pt x="686" y="687"/>
                  </a:lnTo>
                  <a:lnTo>
                    <a:pt x="681" y="691"/>
                  </a:lnTo>
                  <a:lnTo>
                    <a:pt x="675" y="695"/>
                  </a:lnTo>
                  <a:lnTo>
                    <a:pt x="668" y="698"/>
                  </a:lnTo>
                  <a:lnTo>
                    <a:pt x="661" y="700"/>
                  </a:lnTo>
                  <a:lnTo>
                    <a:pt x="654" y="702"/>
                  </a:lnTo>
                  <a:lnTo>
                    <a:pt x="646" y="704"/>
                  </a:lnTo>
                  <a:lnTo>
                    <a:pt x="637" y="704"/>
                  </a:lnTo>
                  <a:lnTo>
                    <a:pt x="629" y="705"/>
                  </a:lnTo>
                  <a:lnTo>
                    <a:pt x="620" y="704"/>
                  </a:lnTo>
                  <a:lnTo>
                    <a:pt x="612" y="704"/>
                  </a:lnTo>
                  <a:lnTo>
                    <a:pt x="604" y="702"/>
                  </a:lnTo>
                  <a:lnTo>
                    <a:pt x="596" y="700"/>
                  </a:lnTo>
                  <a:lnTo>
                    <a:pt x="589" y="698"/>
                  </a:lnTo>
                  <a:lnTo>
                    <a:pt x="582" y="695"/>
                  </a:lnTo>
                  <a:lnTo>
                    <a:pt x="576" y="691"/>
                  </a:lnTo>
                  <a:lnTo>
                    <a:pt x="571" y="687"/>
                  </a:lnTo>
                  <a:lnTo>
                    <a:pt x="566" y="683"/>
                  </a:lnTo>
                  <a:lnTo>
                    <a:pt x="562" y="677"/>
                  </a:lnTo>
                  <a:lnTo>
                    <a:pt x="558" y="672"/>
                  </a:lnTo>
                  <a:lnTo>
                    <a:pt x="555" y="665"/>
                  </a:lnTo>
                  <a:lnTo>
                    <a:pt x="552" y="659"/>
                  </a:lnTo>
                  <a:lnTo>
                    <a:pt x="550" y="652"/>
                  </a:lnTo>
                  <a:lnTo>
                    <a:pt x="549" y="644"/>
                  </a:lnTo>
                  <a:lnTo>
                    <a:pt x="549" y="636"/>
                  </a:lnTo>
                  <a:lnTo>
                    <a:pt x="549" y="402"/>
                  </a:lnTo>
                  <a:close/>
                  <a:moveTo>
                    <a:pt x="413" y="601"/>
                  </a:moveTo>
                  <a:lnTo>
                    <a:pt x="413" y="615"/>
                  </a:lnTo>
                  <a:lnTo>
                    <a:pt x="414" y="629"/>
                  </a:lnTo>
                  <a:lnTo>
                    <a:pt x="415" y="642"/>
                  </a:lnTo>
                  <a:lnTo>
                    <a:pt x="416" y="655"/>
                  </a:lnTo>
                  <a:lnTo>
                    <a:pt x="418" y="667"/>
                  </a:lnTo>
                  <a:lnTo>
                    <a:pt x="421" y="679"/>
                  </a:lnTo>
                  <a:lnTo>
                    <a:pt x="424" y="691"/>
                  </a:lnTo>
                  <a:lnTo>
                    <a:pt x="427" y="701"/>
                  </a:lnTo>
                  <a:lnTo>
                    <a:pt x="431" y="712"/>
                  </a:lnTo>
                  <a:lnTo>
                    <a:pt x="435" y="721"/>
                  </a:lnTo>
                  <a:lnTo>
                    <a:pt x="440" y="731"/>
                  </a:lnTo>
                  <a:lnTo>
                    <a:pt x="445" y="740"/>
                  </a:lnTo>
                  <a:lnTo>
                    <a:pt x="451" y="748"/>
                  </a:lnTo>
                  <a:lnTo>
                    <a:pt x="457" y="756"/>
                  </a:lnTo>
                  <a:lnTo>
                    <a:pt x="463" y="764"/>
                  </a:lnTo>
                  <a:lnTo>
                    <a:pt x="470" y="771"/>
                  </a:lnTo>
                  <a:lnTo>
                    <a:pt x="477" y="777"/>
                  </a:lnTo>
                  <a:lnTo>
                    <a:pt x="484" y="783"/>
                  </a:lnTo>
                  <a:lnTo>
                    <a:pt x="492" y="789"/>
                  </a:lnTo>
                  <a:lnTo>
                    <a:pt x="501" y="794"/>
                  </a:lnTo>
                  <a:lnTo>
                    <a:pt x="509" y="799"/>
                  </a:lnTo>
                  <a:lnTo>
                    <a:pt x="518" y="803"/>
                  </a:lnTo>
                  <a:lnTo>
                    <a:pt x="528" y="807"/>
                  </a:lnTo>
                  <a:lnTo>
                    <a:pt x="538" y="811"/>
                  </a:lnTo>
                  <a:lnTo>
                    <a:pt x="548" y="814"/>
                  </a:lnTo>
                  <a:lnTo>
                    <a:pt x="558" y="816"/>
                  </a:lnTo>
                  <a:lnTo>
                    <a:pt x="569" y="818"/>
                  </a:lnTo>
                  <a:lnTo>
                    <a:pt x="580" y="820"/>
                  </a:lnTo>
                  <a:lnTo>
                    <a:pt x="604" y="824"/>
                  </a:lnTo>
                  <a:lnTo>
                    <a:pt x="616" y="824"/>
                  </a:lnTo>
                  <a:lnTo>
                    <a:pt x="629" y="824"/>
                  </a:lnTo>
                  <a:lnTo>
                    <a:pt x="641" y="824"/>
                  </a:lnTo>
                  <a:lnTo>
                    <a:pt x="654" y="824"/>
                  </a:lnTo>
                  <a:lnTo>
                    <a:pt x="665" y="823"/>
                  </a:lnTo>
                  <a:lnTo>
                    <a:pt x="677" y="820"/>
                  </a:lnTo>
                  <a:lnTo>
                    <a:pt x="688" y="818"/>
                  </a:lnTo>
                  <a:lnTo>
                    <a:pt x="699" y="816"/>
                  </a:lnTo>
                  <a:lnTo>
                    <a:pt x="711" y="814"/>
                  </a:lnTo>
                  <a:lnTo>
                    <a:pt x="721" y="811"/>
                  </a:lnTo>
                  <a:lnTo>
                    <a:pt x="731" y="807"/>
                  </a:lnTo>
                  <a:lnTo>
                    <a:pt x="740" y="803"/>
                  </a:lnTo>
                  <a:lnTo>
                    <a:pt x="749" y="799"/>
                  </a:lnTo>
                  <a:lnTo>
                    <a:pt x="758" y="794"/>
                  </a:lnTo>
                  <a:lnTo>
                    <a:pt x="766" y="789"/>
                  </a:lnTo>
                  <a:lnTo>
                    <a:pt x="774" y="783"/>
                  </a:lnTo>
                  <a:lnTo>
                    <a:pt x="782" y="777"/>
                  </a:lnTo>
                  <a:lnTo>
                    <a:pt x="789" y="771"/>
                  </a:lnTo>
                  <a:lnTo>
                    <a:pt x="795" y="764"/>
                  </a:lnTo>
                  <a:lnTo>
                    <a:pt x="802" y="756"/>
                  </a:lnTo>
                  <a:lnTo>
                    <a:pt x="808" y="748"/>
                  </a:lnTo>
                  <a:lnTo>
                    <a:pt x="813" y="740"/>
                  </a:lnTo>
                  <a:lnTo>
                    <a:pt x="818" y="731"/>
                  </a:lnTo>
                  <a:lnTo>
                    <a:pt x="823" y="721"/>
                  </a:lnTo>
                  <a:lnTo>
                    <a:pt x="827" y="712"/>
                  </a:lnTo>
                  <a:lnTo>
                    <a:pt x="831" y="701"/>
                  </a:lnTo>
                  <a:lnTo>
                    <a:pt x="834" y="691"/>
                  </a:lnTo>
                  <a:lnTo>
                    <a:pt x="837" y="679"/>
                  </a:lnTo>
                  <a:lnTo>
                    <a:pt x="840" y="667"/>
                  </a:lnTo>
                  <a:lnTo>
                    <a:pt x="842" y="655"/>
                  </a:lnTo>
                  <a:lnTo>
                    <a:pt x="844" y="642"/>
                  </a:lnTo>
                  <a:lnTo>
                    <a:pt x="845" y="629"/>
                  </a:lnTo>
                  <a:lnTo>
                    <a:pt x="845" y="615"/>
                  </a:lnTo>
                  <a:lnTo>
                    <a:pt x="846" y="601"/>
                  </a:lnTo>
                  <a:lnTo>
                    <a:pt x="846" y="437"/>
                  </a:lnTo>
                  <a:lnTo>
                    <a:pt x="845" y="423"/>
                  </a:lnTo>
                  <a:lnTo>
                    <a:pt x="845" y="409"/>
                  </a:lnTo>
                  <a:lnTo>
                    <a:pt x="844" y="395"/>
                  </a:lnTo>
                  <a:lnTo>
                    <a:pt x="842" y="383"/>
                  </a:lnTo>
                  <a:lnTo>
                    <a:pt x="840" y="370"/>
                  </a:lnTo>
                  <a:lnTo>
                    <a:pt x="837" y="359"/>
                  </a:lnTo>
                  <a:lnTo>
                    <a:pt x="834" y="347"/>
                  </a:lnTo>
                  <a:lnTo>
                    <a:pt x="831" y="336"/>
                  </a:lnTo>
                  <a:lnTo>
                    <a:pt x="827" y="326"/>
                  </a:lnTo>
                  <a:lnTo>
                    <a:pt x="823" y="316"/>
                  </a:lnTo>
                  <a:lnTo>
                    <a:pt x="818" y="307"/>
                  </a:lnTo>
                  <a:lnTo>
                    <a:pt x="813" y="298"/>
                  </a:lnTo>
                  <a:lnTo>
                    <a:pt x="808" y="290"/>
                  </a:lnTo>
                  <a:lnTo>
                    <a:pt x="802" y="282"/>
                  </a:lnTo>
                  <a:lnTo>
                    <a:pt x="795" y="274"/>
                  </a:lnTo>
                  <a:lnTo>
                    <a:pt x="789" y="267"/>
                  </a:lnTo>
                  <a:lnTo>
                    <a:pt x="782" y="261"/>
                  </a:lnTo>
                  <a:lnTo>
                    <a:pt x="774" y="255"/>
                  </a:lnTo>
                  <a:lnTo>
                    <a:pt x="766" y="249"/>
                  </a:lnTo>
                  <a:lnTo>
                    <a:pt x="758" y="244"/>
                  </a:lnTo>
                  <a:lnTo>
                    <a:pt x="749" y="239"/>
                  </a:lnTo>
                  <a:lnTo>
                    <a:pt x="740" y="235"/>
                  </a:lnTo>
                  <a:lnTo>
                    <a:pt x="731" y="231"/>
                  </a:lnTo>
                  <a:lnTo>
                    <a:pt x="721" y="227"/>
                  </a:lnTo>
                  <a:lnTo>
                    <a:pt x="711" y="224"/>
                  </a:lnTo>
                  <a:lnTo>
                    <a:pt x="699" y="222"/>
                  </a:lnTo>
                  <a:lnTo>
                    <a:pt x="688" y="219"/>
                  </a:lnTo>
                  <a:lnTo>
                    <a:pt x="677" y="218"/>
                  </a:lnTo>
                  <a:lnTo>
                    <a:pt x="654" y="215"/>
                  </a:lnTo>
                  <a:lnTo>
                    <a:pt x="641" y="215"/>
                  </a:lnTo>
                  <a:lnTo>
                    <a:pt x="629" y="214"/>
                  </a:lnTo>
                  <a:lnTo>
                    <a:pt x="616" y="215"/>
                  </a:lnTo>
                  <a:lnTo>
                    <a:pt x="604" y="215"/>
                  </a:lnTo>
                  <a:lnTo>
                    <a:pt x="592" y="216"/>
                  </a:lnTo>
                  <a:lnTo>
                    <a:pt x="580" y="218"/>
                  </a:lnTo>
                  <a:lnTo>
                    <a:pt x="569" y="219"/>
                  </a:lnTo>
                  <a:lnTo>
                    <a:pt x="558" y="222"/>
                  </a:lnTo>
                  <a:lnTo>
                    <a:pt x="548" y="224"/>
                  </a:lnTo>
                  <a:lnTo>
                    <a:pt x="538" y="227"/>
                  </a:lnTo>
                  <a:lnTo>
                    <a:pt x="528" y="231"/>
                  </a:lnTo>
                  <a:lnTo>
                    <a:pt x="518" y="235"/>
                  </a:lnTo>
                  <a:lnTo>
                    <a:pt x="509" y="239"/>
                  </a:lnTo>
                  <a:lnTo>
                    <a:pt x="501" y="244"/>
                  </a:lnTo>
                  <a:lnTo>
                    <a:pt x="492" y="249"/>
                  </a:lnTo>
                  <a:lnTo>
                    <a:pt x="484" y="255"/>
                  </a:lnTo>
                  <a:lnTo>
                    <a:pt x="477" y="261"/>
                  </a:lnTo>
                  <a:lnTo>
                    <a:pt x="470" y="267"/>
                  </a:lnTo>
                  <a:lnTo>
                    <a:pt x="463" y="274"/>
                  </a:lnTo>
                  <a:lnTo>
                    <a:pt x="457" y="282"/>
                  </a:lnTo>
                  <a:lnTo>
                    <a:pt x="451" y="290"/>
                  </a:lnTo>
                  <a:lnTo>
                    <a:pt x="445" y="298"/>
                  </a:lnTo>
                  <a:lnTo>
                    <a:pt x="440" y="307"/>
                  </a:lnTo>
                  <a:lnTo>
                    <a:pt x="435" y="316"/>
                  </a:lnTo>
                  <a:lnTo>
                    <a:pt x="431" y="326"/>
                  </a:lnTo>
                  <a:lnTo>
                    <a:pt x="427" y="336"/>
                  </a:lnTo>
                  <a:lnTo>
                    <a:pt x="424" y="347"/>
                  </a:lnTo>
                  <a:lnTo>
                    <a:pt x="421" y="359"/>
                  </a:lnTo>
                  <a:lnTo>
                    <a:pt x="418" y="370"/>
                  </a:lnTo>
                  <a:lnTo>
                    <a:pt x="416" y="383"/>
                  </a:lnTo>
                  <a:lnTo>
                    <a:pt x="415" y="395"/>
                  </a:lnTo>
                  <a:lnTo>
                    <a:pt x="414" y="409"/>
                  </a:lnTo>
                  <a:lnTo>
                    <a:pt x="413" y="423"/>
                  </a:lnTo>
                  <a:lnTo>
                    <a:pt x="413" y="437"/>
                  </a:lnTo>
                  <a:lnTo>
                    <a:pt x="413" y="601"/>
                  </a:lnTo>
                  <a:close/>
                  <a:moveTo>
                    <a:pt x="666" y="145"/>
                  </a:moveTo>
                  <a:lnTo>
                    <a:pt x="797" y="145"/>
                  </a:lnTo>
                  <a:lnTo>
                    <a:pt x="797" y="22"/>
                  </a:lnTo>
                  <a:lnTo>
                    <a:pt x="666" y="22"/>
                  </a:lnTo>
                  <a:lnTo>
                    <a:pt x="666" y="145"/>
                  </a:lnTo>
                  <a:close/>
                  <a:moveTo>
                    <a:pt x="461" y="145"/>
                  </a:moveTo>
                  <a:lnTo>
                    <a:pt x="591" y="145"/>
                  </a:lnTo>
                  <a:lnTo>
                    <a:pt x="591" y="22"/>
                  </a:lnTo>
                  <a:lnTo>
                    <a:pt x="461" y="22"/>
                  </a:lnTo>
                  <a:lnTo>
                    <a:pt x="461" y="145"/>
                  </a:lnTo>
                  <a:close/>
                  <a:moveTo>
                    <a:pt x="149" y="813"/>
                  </a:moveTo>
                  <a:lnTo>
                    <a:pt x="149" y="476"/>
                  </a:lnTo>
                  <a:lnTo>
                    <a:pt x="337" y="476"/>
                  </a:lnTo>
                  <a:lnTo>
                    <a:pt x="337" y="344"/>
                  </a:lnTo>
                  <a:lnTo>
                    <a:pt x="149" y="344"/>
                  </a:lnTo>
                  <a:lnTo>
                    <a:pt x="149" y="165"/>
                  </a:lnTo>
                  <a:lnTo>
                    <a:pt x="389" y="165"/>
                  </a:lnTo>
                  <a:lnTo>
                    <a:pt x="389" y="33"/>
                  </a:lnTo>
                  <a:lnTo>
                    <a:pt x="0" y="33"/>
                  </a:lnTo>
                  <a:lnTo>
                    <a:pt x="0" y="813"/>
                  </a:lnTo>
                  <a:lnTo>
                    <a:pt x="149" y="813"/>
                  </a:lnTo>
                  <a:close/>
                </a:path>
              </a:pathLst>
            </a:custGeom>
            <a:solidFill>
              <a:schemeClr val="accent5"/>
            </a:solidFill>
            <a:ln>
              <a:noFill/>
            </a:ln>
          </p:spPr>
          <p:txBody>
            <a:bodyPr/>
            <a:lstStyle/>
            <a:p>
              <a:pPr>
                <a:defRPr/>
              </a:pPr>
              <a:endParaRPr lang="en-GB" sz="1800">
                <a:latin typeface="Arial" charset="0"/>
              </a:endParaRPr>
            </a:p>
          </p:txBody>
        </p:sp>
      </p:grpSp>
      <p:sp>
        <p:nvSpPr>
          <p:cNvPr id="5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7" name="Slide Number Placeholder 4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95431EFD-6221-4E7F-913C-482CEB895C9F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1691724633"/>
      </p:ext>
    </p:extLst>
  </p:cSld>
  <p:clrMapOvr>
    <a:masterClrMapping/>
  </p:clrMapOvr>
  <p:transition spd="slow">
    <p:push dir="u"/>
  </p:transition>
  <p:hf hdr="0" ftr="0"/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hank you / Contac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18"/>
          <p:cNvGrpSpPr>
            <a:grpSpLocks/>
          </p:cNvGrpSpPr>
          <p:nvPr/>
        </p:nvGrpSpPr>
        <p:grpSpPr bwMode="auto">
          <a:xfrm>
            <a:off x="0" y="3741738"/>
            <a:ext cx="12192000" cy="3092450"/>
            <a:chOff x="0" y="1125538"/>
            <a:chExt cx="9140825" cy="3092451"/>
          </a:xfrm>
        </p:grpSpPr>
        <p:sp>
          <p:nvSpPr>
            <p:cNvPr id="5" name="Freeform 6"/>
            <p:cNvSpPr>
              <a:spLocks noEditPoints="1"/>
            </p:cNvSpPr>
            <p:nvPr userDrawn="1"/>
          </p:nvSpPr>
          <p:spPr bwMode="auto">
            <a:xfrm>
              <a:off x="0" y="1125538"/>
              <a:ext cx="9140825" cy="1722438"/>
            </a:xfrm>
            <a:custGeom>
              <a:avLst/>
              <a:gdLst>
                <a:gd name="T0" fmla="*/ 266700 w 11516"/>
                <a:gd name="T1" fmla="*/ 461382 h 2169"/>
                <a:gd name="T2" fmla="*/ 94456 w 11516"/>
                <a:gd name="T3" fmla="*/ 506646 h 2169"/>
                <a:gd name="T4" fmla="*/ 2941638 w 11516"/>
                <a:gd name="T5" fmla="*/ 1722438 h 2169"/>
                <a:gd name="T6" fmla="*/ 38894 w 11516"/>
                <a:gd name="T7" fmla="*/ 502676 h 2169"/>
                <a:gd name="T8" fmla="*/ 196850 w 11516"/>
                <a:gd name="T9" fmla="*/ 402617 h 2169"/>
                <a:gd name="T10" fmla="*/ 306388 w 11516"/>
                <a:gd name="T11" fmla="*/ 417705 h 2169"/>
                <a:gd name="T12" fmla="*/ 515144 w 11516"/>
                <a:gd name="T13" fmla="*/ 312088 h 2169"/>
                <a:gd name="T14" fmla="*/ 1100931 w 11516"/>
                <a:gd name="T15" fmla="*/ 530470 h 2169"/>
                <a:gd name="T16" fmla="*/ 1154906 w 11516"/>
                <a:gd name="T17" fmla="*/ 567793 h 2169"/>
                <a:gd name="T18" fmla="*/ 1844675 w 11516"/>
                <a:gd name="T19" fmla="*/ 639264 h 2169"/>
                <a:gd name="T20" fmla="*/ 1894681 w 11516"/>
                <a:gd name="T21" fmla="*/ 426440 h 2169"/>
                <a:gd name="T22" fmla="*/ 1924844 w 11516"/>
                <a:gd name="T23" fmla="*/ 229500 h 2169"/>
                <a:gd name="T24" fmla="*/ 1964531 w 11516"/>
                <a:gd name="T25" fmla="*/ 531264 h 2169"/>
                <a:gd name="T26" fmla="*/ 2494756 w 11516"/>
                <a:gd name="T27" fmla="*/ 453440 h 2169"/>
                <a:gd name="T28" fmla="*/ 3251200 w 11516"/>
                <a:gd name="T29" fmla="*/ 304146 h 2169"/>
                <a:gd name="T30" fmla="*/ 3663950 w 11516"/>
                <a:gd name="T31" fmla="*/ 496323 h 2169"/>
                <a:gd name="T32" fmla="*/ 3775075 w 11516"/>
                <a:gd name="T33" fmla="*/ 501087 h 2169"/>
                <a:gd name="T34" fmla="*/ 4284663 w 11516"/>
                <a:gd name="T35" fmla="*/ 534440 h 2169"/>
                <a:gd name="T36" fmla="*/ 4594225 w 11516"/>
                <a:gd name="T37" fmla="*/ 543175 h 2169"/>
                <a:gd name="T38" fmla="*/ 4937125 w 11516"/>
                <a:gd name="T39" fmla="*/ 524911 h 2169"/>
                <a:gd name="T40" fmla="*/ 4983163 w 11516"/>
                <a:gd name="T41" fmla="*/ 466146 h 2169"/>
                <a:gd name="T42" fmla="*/ 4948238 w 11516"/>
                <a:gd name="T43" fmla="*/ 408970 h 2169"/>
                <a:gd name="T44" fmla="*/ 4969669 w 11516"/>
                <a:gd name="T45" fmla="*/ 331146 h 2169"/>
                <a:gd name="T46" fmla="*/ 4986338 w 11516"/>
                <a:gd name="T47" fmla="*/ 258882 h 2169"/>
                <a:gd name="T48" fmla="*/ 5024438 w 11516"/>
                <a:gd name="T49" fmla="*/ 258088 h 2169"/>
                <a:gd name="T50" fmla="*/ 5014119 w 11516"/>
                <a:gd name="T51" fmla="*/ 300176 h 2169"/>
                <a:gd name="T52" fmla="*/ 5033963 w 11516"/>
                <a:gd name="T53" fmla="*/ 355764 h 2169"/>
                <a:gd name="T54" fmla="*/ 5026025 w 11516"/>
                <a:gd name="T55" fmla="*/ 398646 h 2169"/>
                <a:gd name="T56" fmla="*/ 5056188 w 11516"/>
                <a:gd name="T57" fmla="*/ 473293 h 2169"/>
                <a:gd name="T58" fmla="*/ 5476875 w 11516"/>
                <a:gd name="T59" fmla="*/ 466940 h 2169"/>
                <a:gd name="T60" fmla="*/ 5681663 w 11516"/>
                <a:gd name="T61" fmla="*/ 306529 h 2169"/>
                <a:gd name="T62" fmla="*/ 5957094 w 11516"/>
                <a:gd name="T63" fmla="*/ 333529 h 2169"/>
                <a:gd name="T64" fmla="*/ 6239669 w 11516"/>
                <a:gd name="T65" fmla="*/ 251735 h 2169"/>
                <a:gd name="T66" fmla="*/ 6321425 w 11516"/>
                <a:gd name="T67" fmla="*/ 221558 h 2169"/>
                <a:gd name="T68" fmla="*/ 6405563 w 11516"/>
                <a:gd name="T69" fmla="*/ 95294 h 2169"/>
                <a:gd name="T70" fmla="*/ 6565900 w 11516"/>
                <a:gd name="T71" fmla="*/ 77029 h 2169"/>
                <a:gd name="T72" fmla="*/ 6671469 w 11516"/>
                <a:gd name="T73" fmla="*/ 212029 h 2169"/>
                <a:gd name="T74" fmla="*/ 6740525 w 11516"/>
                <a:gd name="T75" fmla="*/ 251735 h 2169"/>
                <a:gd name="T76" fmla="*/ 7127081 w 11516"/>
                <a:gd name="T77" fmla="*/ 401823 h 2169"/>
                <a:gd name="T78" fmla="*/ 7402513 w 11516"/>
                <a:gd name="T79" fmla="*/ 534440 h 2169"/>
                <a:gd name="T80" fmla="*/ 7598569 w 11516"/>
                <a:gd name="T81" fmla="*/ 343058 h 2169"/>
                <a:gd name="T82" fmla="*/ 7608094 w 11516"/>
                <a:gd name="T83" fmla="*/ 289058 h 2169"/>
                <a:gd name="T84" fmla="*/ 7598569 w 11516"/>
                <a:gd name="T85" fmla="*/ 236647 h 2169"/>
                <a:gd name="T86" fmla="*/ 7814469 w 11516"/>
                <a:gd name="T87" fmla="*/ 407382 h 2169"/>
                <a:gd name="T88" fmla="*/ 7829550 w 11516"/>
                <a:gd name="T89" fmla="*/ 327970 h 2169"/>
                <a:gd name="T90" fmla="*/ 7814469 w 11516"/>
                <a:gd name="T91" fmla="*/ 251735 h 2169"/>
                <a:gd name="T92" fmla="*/ 7829550 w 11516"/>
                <a:gd name="T93" fmla="*/ 172323 h 2169"/>
                <a:gd name="T94" fmla="*/ 7942263 w 11516"/>
                <a:gd name="T95" fmla="*/ 193764 h 2169"/>
                <a:gd name="T96" fmla="*/ 8179594 w 11516"/>
                <a:gd name="T97" fmla="*/ 212823 h 2169"/>
                <a:gd name="T98" fmla="*/ 8257381 w 11516"/>
                <a:gd name="T99" fmla="*/ 390705 h 2169"/>
                <a:gd name="T100" fmla="*/ 8267700 w 11516"/>
                <a:gd name="T101" fmla="*/ 503470 h 2169"/>
                <a:gd name="T102" fmla="*/ 8620919 w 11516"/>
                <a:gd name="T103" fmla="*/ 524911 h 2169"/>
                <a:gd name="T104" fmla="*/ 8963819 w 11516"/>
                <a:gd name="T105" fmla="*/ 150882 h 2169"/>
                <a:gd name="T106" fmla="*/ 9080500 w 11516"/>
                <a:gd name="T107" fmla="*/ 404205 h 2169"/>
                <a:gd name="T108" fmla="*/ 4955381 w 11516"/>
                <a:gd name="T109" fmla="*/ 539205 h 2169"/>
                <a:gd name="T110" fmla="*/ 5029200 w 11516"/>
                <a:gd name="T111" fmla="*/ 481234 h 2169"/>
                <a:gd name="T112" fmla="*/ 4986338 w 11516"/>
                <a:gd name="T113" fmla="*/ 504264 h 2169"/>
                <a:gd name="T114" fmla="*/ 8536781 w 11516"/>
                <a:gd name="T115" fmla="*/ 439146 h 2169"/>
                <a:gd name="T116" fmla="*/ 8537575 w 11516"/>
                <a:gd name="T117" fmla="*/ 537617 h 2169"/>
                <a:gd name="T118" fmla="*/ 8593138 w 11516"/>
                <a:gd name="T119" fmla="*/ 476470 h 2169"/>
                <a:gd name="T120" fmla="*/ 8828088 w 11516"/>
                <a:gd name="T121" fmla="*/ 392293 h 2169"/>
                <a:gd name="T122" fmla="*/ 8868569 w 11516"/>
                <a:gd name="T123" fmla="*/ 503470 h 2169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11516" h="2169">
                  <a:moveTo>
                    <a:pt x="1190" y="720"/>
                  </a:moveTo>
                  <a:lnTo>
                    <a:pt x="1308" y="723"/>
                  </a:lnTo>
                  <a:lnTo>
                    <a:pt x="1418" y="728"/>
                  </a:lnTo>
                  <a:lnTo>
                    <a:pt x="1410" y="719"/>
                  </a:lnTo>
                  <a:lnTo>
                    <a:pt x="1406" y="708"/>
                  </a:lnTo>
                  <a:lnTo>
                    <a:pt x="1387" y="708"/>
                  </a:lnTo>
                  <a:lnTo>
                    <a:pt x="1373" y="708"/>
                  </a:lnTo>
                  <a:lnTo>
                    <a:pt x="1161" y="708"/>
                  </a:lnTo>
                  <a:lnTo>
                    <a:pt x="1157" y="719"/>
                  </a:lnTo>
                  <a:lnTo>
                    <a:pt x="1190" y="720"/>
                  </a:lnTo>
                  <a:close/>
                  <a:moveTo>
                    <a:pt x="355" y="604"/>
                  </a:moveTo>
                  <a:lnTo>
                    <a:pt x="355" y="575"/>
                  </a:lnTo>
                  <a:lnTo>
                    <a:pt x="335" y="575"/>
                  </a:lnTo>
                  <a:lnTo>
                    <a:pt x="336" y="581"/>
                  </a:lnTo>
                  <a:lnTo>
                    <a:pt x="309" y="591"/>
                  </a:lnTo>
                  <a:lnTo>
                    <a:pt x="309" y="595"/>
                  </a:lnTo>
                  <a:lnTo>
                    <a:pt x="340" y="600"/>
                  </a:lnTo>
                  <a:lnTo>
                    <a:pt x="340" y="604"/>
                  </a:lnTo>
                  <a:lnTo>
                    <a:pt x="355" y="604"/>
                  </a:lnTo>
                  <a:close/>
                  <a:moveTo>
                    <a:pt x="243" y="615"/>
                  </a:moveTo>
                  <a:lnTo>
                    <a:pt x="248" y="592"/>
                  </a:lnTo>
                  <a:lnTo>
                    <a:pt x="227" y="592"/>
                  </a:lnTo>
                  <a:lnTo>
                    <a:pt x="227" y="618"/>
                  </a:lnTo>
                  <a:lnTo>
                    <a:pt x="243" y="615"/>
                  </a:lnTo>
                  <a:close/>
                  <a:moveTo>
                    <a:pt x="119" y="638"/>
                  </a:moveTo>
                  <a:lnTo>
                    <a:pt x="148" y="633"/>
                  </a:lnTo>
                  <a:lnTo>
                    <a:pt x="119" y="633"/>
                  </a:lnTo>
                  <a:lnTo>
                    <a:pt x="119" y="638"/>
                  </a:lnTo>
                  <a:close/>
                  <a:moveTo>
                    <a:pt x="11516" y="2169"/>
                  </a:moveTo>
                  <a:lnTo>
                    <a:pt x="10914" y="2169"/>
                  </a:lnTo>
                  <a:lnTo>
                    <a:pt x="10313" y="2169"/>
                  </a:lnTo>
                  <a:lnTo>
                    <a:pt x="9713" y="2169"/>
                  </a:lnTo>
                  <a:lnTo>
                    <a:pt x="9112" y="2169"/>
                  </a:lnTo>
                  <a:lnTo>
                    <a:pt x="8512" y="2169"/>
                  </a:lnTo>
                  <a:lnTo>
                    <a:pt x="7911" y="2169"/>
                  </a:lnTo>
                  <a:lnTo>
                    <a:pt x="7311" y="2169"/>
                  </a:lnTo>
                  <a:lnTo>
                    <a:pt x="6710" y="2169"/>
                  </a:lnTo>
                  <a:lnTo>
                    <a:pt x="6108" y="2169"/>
                  </a:lnTo>
                  <a:lnTo>
                    <a:pt x="5508" y="2169"/>
                  </a:lnTo>
                  <a:lnTo>
                    <a:pt x="4907" y="2169"/>
                  </a:lnTo>
                  <a:lnTo>
                    <a:pt x="4307" y="2169"/>
                  </a:lnTo>
                  <a:lnTo>
                    <a:pt x="3706" y="2169"/>
                  </a:lnTo>
                  <a:lnTo>
                    <a:pt x="3105" y="2169"/>
                  </a:lnTo>
                  <a:lnTo>
                    <a:pt x="2505" y="2169"/>
                  </a:lnTo>
                  <a:lnTo>
                    <a:pt x="1904" y="2169"/>
                  </a:lnTo>
                  <a:lnTo>
                    <a:pt x="1898" y="2169"/>
                  </a:lnTo>
                  <a:lnTo>
                    <a:pt x="949" y="2169"/>
                  </a:lnTo>
                  <a:lnTo>
                    <a:pt x="0" y="2169"/>
                  </a:lnTo>
                  <a:lnTo>
                    <a:pt x="0" y="1421"/>
                  </a:lnTo>
                  <a:lnTo>
                    <a:pt x="0" y="673"/>
                  </a:lnTo>
                  <a:lnTo>
                    <a:pt x="16" y="665"/>
                  </a:lnTo>
                  <a:lnTo>
                    <a:pt x="35" y="657"/>
                  </a:lnTo>
                  <a:lnTo>
                    <a:pt x="58" y="650"/>
                  </a:lnTo>
                  <a:lnTo>
                    <a:pt x="86" y="645"/>
                  </a:lnTo>
                  <a:lnTo>
                    <a:pt x="86" y="633"/>
                  </a:lnTo>
                  <a:lnTo>
                    <a:pt x="49" y="633"/>
                  </a:lnTo>
                  <a:lnTo>
                    <a:pt x="103" y="351"/>
                  </a:lnTo>
                  <a:lnTo>
                    <a:pt x="140" y="548"/>
                  </a:lnTo>
                  <a:lnTo>
                    <a:pt x="123" y="557"/>
                  </a:lnTo>
                  <a:lnTo>
                    <a:pt x="143" y="560"/>
                  </a:lnTo>
                  <a:lnTo>
                    <a:pt x="146" y="573"/>
                  </a:lnTo>
                  <a:lnTo>
                    <a:pt x="119" y="583"/>
                  </a:lnTo>
                  <a:lnTo>
                    <a:pt x="119" y="587"/>
                  </a:lnTo>
                  <a:lnTo>
                    <a:pt x="148" y="592"/>
                  </a:lnTo>
                  <a:lnTo>
                    <a:pt x="157" y="630"/>
                  </a:lnTo>
                  <a:lnTo>
                    <a:pt x="196" y="623"/>
                  </a:lnTo>
                  <a:lnTo>
                    <a:pt x="196" y="592"/>
                  </a:lnTo>
                  <a:lnTo>
                    <a:pt x="157" y="592"/>
                  </a:lnTo>
                  <a:lnTo>
                    <a:pt x="211" y="310"/>
                  </a:lnTo>
                  <a:lnTo>
                    <a:pt x="248" y="507"/>
                  </a:lnTo>
                  <a:lnTo>
                    <a:pt x="231" y="517"/>
                  </a:lnTo>
                  <a:lnTo>
                    <a:pt x="251" y="519"/>
                  </a:lnTo>
                  <a:lnTo>
                    <a:pt x="254" y="533"/>
                  </a:lnTo>
                  <a:lnTo>
                    <a:pt x="227" y="542"/>
                  </a:lnTo>
                  <a:lnTo>
                    <a:pt x="227" y="546"/>
                  </a:lnTo>
                  <a:lnTo>
                    <a:pt x="255" y="552"/>
                  </a:lnTo>
                  <a:lnTo>
                    <a:pt x="293" y="359"/>
                  </a:lnTo>
                  <a:lnTo>
                    <a:pt x="325" y="527"/>
                  </a:lnTo>
                  <a:lnTo>
                    <a:pt x="371" y="294"/>
                  </a:lnTo>
                  <a:lnTo>
                    <a:pt x="409" y="491"/>
                  </a:lnTo>
                  <a:lnTo>
                    <a:pt x="390" y="499"/>
                  </a:lnTo>
                  <a:lnTo>
                    <a:pt x="412" y="503"/>
                  </a:lnTo>
                  <a:lnTo>
                    <a:pt x="413" y="515"/>
                  </a:lnTo>
                  <a:lnTo>
                    <a:pt x="386" y="526"/>
                  </a:lnTo>
                  <a:lnTo>
                    <a:pt x="386" y="530"/>
                  </a:lnTo>
                  <a:lnTo>
                    <a:pt x="417" y="536"/>
                  </a:lnTo>
                  <a:lnTo>
                    <a:pt x="425" y="575"/>
                  </a:lnTo>
                  <a:lnTo>
                    <a:pt x="386" y="575"/>
                  </a:lnTo>
                  <a:lnTo>
                    <a:pt x="386" y="602"/>
                  </a:lnTo>
                  <a:lnTo>
                    <a:pt x="479" y="600"/>
                  </a:lnTo>
                  <a:lnTo>
                    <a:pt x="495" y="600"/>
                  </a:lnTo>
                  <a:lnTo>
                    <a:pt x="526" y="393"/>
                  </a:lnTo>
                  <a:lnTo>
                    <a:pt x="548" y="513"/>
                  </a:lnTo>
                  <a:lnTo>
                    <a:pt x="567" y="393"/>
                  </a:lnTo>
                  <a:lnTo>
                    <a:pt x="590" y="521"/>
                  </a:lnTo>
                  <a:lnTo>
                    <a:pt x="609" y="393"/>
                  </a:lnTo>
                  <a:lnTo>
                    <a:pt x="630" y="515"/>
                  </a:lnTo>
                  <a:lnTo>
                    <a:pt x="649" y="393"/>
                  </a:lnTo>
                  <a:lnTo>
                    <a:pt x="690" y="617"/>
                  </a:lnTo>
                  <a:lnTo>
                    <a:pt x="715" y="626"/>
                  </a:lnTo>
                  <a:lnTo>
                    <a:pt x="740" y="465"/>
                  </a:lnTo>
                  <a:lnTo>
                    <a:pt x="761" y="587"/>
                  </a:lnTo>
                  <a:lnTo>
                    <a:pt x="779" y="465"/>
                  </a:lnTo>
                  <a:lnTo>
                    <a:pt x="802" y="595"/>
                  </a:lnTo>
                  <a:lnTo>
                    <a:pt x="822" y="465"/>
                  </a:lnTo>
                  <a:lnTo>
                    <a:pt x="843" y="590"/>
                  </a:lnTo>
                  <a:lnTo>
                    <a:pt x="862" y="465"/>
                  </a:lnTo>
                  <a:lnTo>
                    <a:pt x="900" y="681"/>
                  </a:lnTo>
                  <a:lnTo>
                    <a:pt x="964" y="697"/>
                  </a:lnTo>
                  <a:lnTo>
                    <a:pt x="964" y="554"/>
                  </a:lnTo>
                  <a:lnTo>
                    <a:pt x="1387" y="554"/>
                  </a:lnTo>
                  <a:lnTo>
                    <a:pt x="1387" y="668"/>
                  </a:lnTo>
                  <a:lnTo>
                    <a:pt x="1404" y="668"/>
                  </a:lnTo>
                  <a:lnTo>
                    <a:pt x="1404" y="631"/>
                  </a:lnTo>
                  <a:lnTo>
                    <a:pt x="1404" y="625"/>
                  </a:lnTo>
                  <a:lnTo>
                    <a:pt x="1404" y="581"/>
                  </a:lnTo>
                  <a:lnTo>
                    <a:pt x="1444" y="581"/>
                  </a:lnTo>
                  <a:lnTo>
                    <a:pt x="1467" y="625"/>
                  </a:lnTo>
                  <a:lnTo>
                    <a:pt x="1499" y="625"/>
                  </a:lnTo>
                  <a:lnTo>
                    <a:pt x="1499" y="675"/>
                  </a:lnTo>
                  <a:lnTo>
                    <a:pt x="1506" y="675"/>
                  </a:lnTo>
                  <a:lnTo>
                    <a:pt x="1506" y="700"/>
                  </a:lnTo>
                  <a:lnTo>
                    <a:pt x="1476" y="700"/>
                  </a:lnTo>
                  <a:lnTo>
                    <a:pt x="1476" y="708"/>
                  </a:lnTo>
                  <a:lnTo>
                    <a:pt x="1456" y="708"/>
                  </a:lnTo>
                  <a:lnTo>
                    <a:pt x="1455" y="715"/>
                  </a:lnTo>
                  <a:lnTo>
                    <a:pt x="1452" y="720"/>
                  </a:lnTo>
                  <a:lnTo>
                    <a:pt x="1448" y="726"/>
                  </a:lnTo>
                  <a:lnTo>
                    <a:pt x="1443" y="728"/>
                  </a:lnTo>
                  <a:lnTo>
                    <a:pt x="1518" y="731"/>
                  </a:lnTo>
                  <a:lnTo>
                    <a:pt x="1597" y="733"/>
                  </a:lnTo>
                  <a:lnTo>
                    <a:pt x="1765" y="733"/>
                  </a:lnTo>
                  <a:lnTo>
                    <a:pt x="1823" y="734"/>
                  </a:lnTo>
                  <a:lnTo>
                    <a:pt x="1879" y="734"/>
                  </a:lnTo>
                  <a:lnTo>
                    <a:pt x="1879" y="603"/>
                  </a:lnTo>
                  <a:lnTo>
                    <a:pt x="1898" y="603"/>
                  </a:lnTo>
                  <a:lnTo>
                    <a:pt x="1898" y="569"/>
                  </a:lnTo>
                  <a:lnTo>
                    <a:pt x="2154" y="479"/>
                  </a:lnTo>
                  <a:lnTo>
                    <a:pt x="2300" y="499"/>
                  </a:lnTo>
                  <a:lnTo>
                    <a:pt x="2324" y="805"/>
                  </a:lnTo>
                  <a:lnTo>
                    <a:pt x="2386" y="807"/>
                  </a:lnTo>
                  <a:lnTo>
                    <a:pt x="2387" y="742"/>
                  </a:lnTo>
                  <a:lnTo>
                    <a:pt x="2425" y="742"/>
                  </a:lnTo>
                  <a:lnTo>
                    <a:pt x="2425" y="707"/>
                  </a:lnTo>
                  <a:lnTo>
                    <a:pt x="2387" y="707"/>
                  </a:lnTo>
                  <a:lnTo>
                    <a:pt x="2387" y="673"/>
                  </a:lnTo>
                  <a:lnTo>
                    <a:pt x="2425" y="673"/>
                  </a:lnTo>
                  <a:lnTo>
                    <a:pt x="2425" y="638"/>
                  </a:lnTo>
                  <a:lnTo>
                    <a:pt x="2387" y="638"/>
                  </a:lnTo>
                  <a:lnTo>
                    <a:pt x="2387" y="606"/>
                  </a:lnTo>
                  <a:lnTo>
                    <a:pt x="2425" y="606"/>
                  </a:lnTo>
                  <a:lnTo>
                    <a:pt x="2425" y="569"/>
                  </a:lnTo>
                  <a:lnTo>
                    <a:pt x="2387" y="569"/>
                  </a:lnTo>
                  <a:lnTo>
                    <a:pt x="2387" y="537"/>
                  </a:lnTo>
                  <a:lnTo>
                    <a:pt x="2425" y="537"/>
                  </a:lnTo>
                  <a:lnTo>
                    <a:pt x="2425" y="498"/>
                  </a:lnTo>
                  <a:lnTo>
                    <a:pt x="2387" y="498"/>
                  </a:lnTo>
                  <a:lnTo>
                    <a:pt x="2387" y="464"/>
                  </a:lnTo>
                  <a:lnTo>
                    <a:pt x="2425" y="464"/>
                  </a:lnTo>
                  <a:lnTo>
                    <a:pt x="2425" y="429"/>
                  </a:lnTo>
                  <a:lnTo>
                    <a:pt x="2387" y="429"/>
                  </a:lnTo>
                  <a:lnTo>
                    <a:pt x="2387" y="397"/>
                  </a:lnTo>
                  <a:lnTo>
                    <a:pt x="2425" y="397"/>
                  </a:lnTo>
                  <a:lnTo>
                    <a:pt x="2425" y="356"/>
                  </a:lnTo>
                  <a:lnTo>
                    <a:pt x="2387" y="356"/>
                  </a:lnTo>
                  <a:lnTo>
                    <a:pt x="2387" y="324"/>
                  </a:lnTo>
                  <a:lnTo>
                    <a:pt x="2425" y="324"/>
                  </a:lnTo>
                  <a:lnTo>
                    <a:pt x="2425" y="289"/>
                  </a:lnTo>
                  <a:lnTo>
                    <a:pt x="2387" y="289"/>
                  </a:lnTo>
                  <a:lnTo>
                    <a:pt x="2387" y="255"/>
                  </a:lnTo>
                  <a:lnTo>
                    <a:pt x="2425" y="255"/>
                  </a:lnTo>
                  <a:lnTo>
                    <a:pt x="2425" y="216"/>
                  </a:lnTo>
                  <a:lnTo>
                    <a:pt x="2387" y="216"/>
                  </a:lnTo>
                  <a:lnTo>
                    <a:pt x="2387" y="183"/>
                  </a:lnTo>
                  <a:lnTo>
                    <a:pt x="2425" y="183"/>
                  </a:lnTo>
                  <a:lnTo>
                    <a:pt x="2425" y="147"/>
                  </a:lnTo>
                  <a:lnTo>
                    <a:pt x="2387" y="147"/>
                  </a:lnTo>
                  <a:lnTo>
                    <a:pt x="2387" y="115"/>
                  </a:lnTo>
                  <a:lnTo>
                    <a:pt x="2425" y="115"/>
                  </a:lnTo>
                  <a:lnTo>
                    <a:pt x="2425" y="77"/>
                  </a:lnTo>
                  <a:lnTo>
                    <a:pt x="2475" y="77"/>
                  </a:lnTo>
                  <a:lnTo>
                    <a:pt x="2475" y="669"/>
                  </a:lnTo>
                  <a:lnTo>
                    <a:pt x="2508" y="669"/>
                  </a:lnTo>
                  <a:lnTo>
                    <a:pt x="2514" y="657"/>
                  </a:lnTo>
                  <a:lnTo>
                    <a:pt x="2526" y="645"/>
                  </a:lnTo>
                  <a:lnTo>
                    <a:pt x="2540" y="634"/>
                  </a:lnTo>
                  <a:lnTo>
                    <a:pt x="2556" y="623"/>
                  </a:lnTo>
                  <a:lnTo>
                    <a:pt x="2599" y="604"/>
                  </a:lnTo>
                  <a:lnTo>
                    <a:pt x="2651" y="587"/>
                  </a:lnTo>
                  <a:lnTo>
                    <a:pt x="2711" y="573"/>
                  </a:lnTo>
                  <a:lnTo>
                    <a:pt x="2780" y="563"/>
                  </a:lnTo>
                  <a:lnTo>
                    <a:pt x="2854" y="556"/>
                  </a:lnTo>
                  <a:lnTo>
                    <a:pt x="2933" y="553"/>
                  </a:lnTo>
                  <a:lnTo>
                    <a:pt x="3008" y="556"/>
                  </a:lnTo>
                  <a:lnTo>
                    <a:pt x="3078" y="561"/>
                  </a:lnTo>
                  <a:lnTo>
                    <a:pt x="3143" y="571"/>
                  </a:lnTo>
                  <a:lnTo>
                    <a:pt x="3203" y="583"/>
                  </a:lnTo>
                  <a:lnTo>
                    <a:pt x="3254" y="599"/>
                  </a:lnTo>
                  <a:lnTo>
                    <a:pt x="3297" y="617"/>
                  </a:lnTo>
                  <a:lnTo>
                    <a:pt x="3329" y="637"/>
                  </a:lnTo>
                  <a:lnTo>
                    <a:pt x="3343" y="648"/>
                  </a:lnTo>
                  <a:lnTo>
                    <a:pt x="3352" y="658"/>
                  </a:lnTo>
                  <a:lnTo>
                    <a:pt x="3521" y="658"/>
                  </a:lnTo>
                  <a:lnTo>
                    <a:pt x="3521" y="594"/>
                  </a:lnTo>
                  <a:lnTo>
                    <a:pt x="3701" y="594"/>
                  </a:lnTo>
                  <a:lnTo>
                    <a:pt x="3701" y="658"/>
                  </a:lnTo>
                  <a:lnTo>
                    <a:pt x="3814" y="658"/>
                  </a:lnTo>
                  <a:lnTo>
                    <a:pt x="3814" y="527"/>
                  </a:lnTo>
                  <a:lnTo>
                    <a:pt x="4096" y="527"/>
                  </a:lnTo>
                  <a:lnTo>
                    <a:pt x="4096" y="383"/>
                  </a:lnTo>
                  <a:lnTo>
                    <a:pt x="4161" y="148"/>
                  </a:lnTo>
                  <a:lnTo>
                    <a:pt x="4223" y="387"/>
                  </a:lnTo>
                  <a:lnTo>
                    <a:pt x="4223" y="594"/>
                  </a:lnTo>
                  <a:lnTo>
                    <a:pt x="4404" y="594"/>
                  </a:lnTo>
                  <a:lnTo>
                    <a:pt x="4404" y="658"/>
                  </a:lnTo>
                  <a:lnTo>
                    <a:pt x="4404" y="680"/>
                  </a:lnTo>
                  <a:lnTo>
                    <a:pt x="4504" y="684"/>
                  </a:lnTo>
                  <a:lnTo>
                    <a:pt x="4520" y="687"/>
                  </a:lnTo>
                  <a:lnTo>
                    <a:pt x="4521" y="639"/>
                  </a:lnTo>
                  <a:lnTo>
                    <a:pt x="4513" y="639"/>
                  </a:lnTo>
                  <a:lnTo>
                    <a:pt x="4513" y="631"/>
                  </a:lnTo>
                  <a:lnTo>
                    <a:pt x="4536" y="630"/>
                  </a:lnTo>
                  <a:lnTo>
                    <a:pt x="4537" y="627"/>
                  </a:lnTo>
                  <a:lnTo>
                    <a:pt x="4616" y="625"/>
                  </a:lnTo>
                  <a:lnTo>
                    <a:pt x="4637" y="622"/>
                  </a:lnTo>
                  <a:lnTo>
                    <a:pt x="4651" y="621"/>
                  </a:lnTo>
                  <a:lnTo>
                    <a:pt x="4657" y="618"/>
                  </a:lnTo>
                  <a:lnTo>
                    <a:pt x="4660" y="615"/>
                  </a:lnTo>
                  <a:lnTo>
                    <a:pt x="4660" y="612"/>
                  </a:lnTo>
                  <a:lnTo>
                    <a:pt x="4671" y="532"/>
                  </a:lnTo>
                  <a:lnTo>
                    <a:pt x="4679" y="612"/>
                  </a:lnTo>
                  <a:lnTo>
                    <a:pt x="4680" y="615"/>
                  </a:lnTo>
                  <a:lnTo>
                    <a:pt x="4683" y="618"/>
                  </a:lnTo>
                  <a:lnTo>
                    <a:pt x="4692" y="622"/>
                  </a:lnTo>
                  <a:lnTo>
                    <a:pt x="4703" y="625"/>
                  </a:lnTo>
                  <a:lnTo>
                    <a:pt x="4717" y="626"/>
                  </a:lnTo>
                  <a:lnTo>
                    <a:pt x="4753" y="627"/>
                  </a:lnTo>
                  <a:lnTo>
                    <a:pt x="4756" y="631"/>
                  </a:lnTo>
                  <a:lnTo>
                    <a:pt x="4759" y="634"/>
                  </a:lnTo>
                  <a:lnTo>
                    <a:pt x="4768" y="638"/>
                  </a:lnTo>
                  <a:lnTo>
                    <a:pt x="4782" y="637"/>
                  </a:lnTo>
                  <a:lnTo>
                    <a:pt x="4782" y="642"/>
                  </a:lnTo>
                  <a:lnTo>
                    <a:pt x="4779" y="645"/>
                  </a:lnTo>
                  <a:lnTo>
                    <a:pt x="4772" y="646"/>
                  </a:lnTo>
                  <a:lnTo>
                    <a:pt x="4773" y="781"/>
                  </a:lnTo>
                  <a:lnTo>
                    <a:pt x="4876" y="781"/>
                  </a:lnTo>
                  <a:lnTo>
                    <a:pt x="4879" y="747"/>
                  </a:lnTo>
                  <a:lnTo>
                    <a:pt x="5026" y="747"/>
                  </a:lnTo>
                  <a:lnTo>
                    <a:pt x="5027" y="722"/>
                  </a:lnTo>
                  <a:lnTo>
                    <a:pt x="5161" y="722"/>
                  </a:lnTo>
                  <a:lnTo>
                    <a:pt x="5161" y="675"/>
                  </a:lnTo>
                  <a:lnTo>
                    <a:pt x="5398" y="673"/>
                  </a:lnTo>
                  <a:lnTo>
                    <a:pt x="5398" y="772"/>
                  </a:lnTo>
                  <a:lnTo>
                    <a:pt x="5436" y="772"/>
                  </a:lnTo>
                  <a:lnTo>
                    <a:pt x="5436" y="673"/>
                  </a:lnTo>
                  <a:lnTo>
                    <a:pt x="5455" y="677"/>
                  </a:lnTo>
                  <a:lnTo>
                    <a:pt x="5482" y="688"/>
                  </a:lnTo>
                  <a:lnTo>
                    <a:pt x="5541" y="715"/>
                  </a:lnTo>
                  <a:lnTo>
                    <a:pt x="5586" y="738"/>
                  </a:lnTo>
                  <a:lnTo>
                    <a:pt x="5590" y="742"/>
                  </a:lnTo>
                  <a:lnTo>
                    <a:pt x="5591" y="743"/>
                  </a:lnTo>
                  <a:lnTo>
                    <a:pt x="5582" y="742"/>
                  </a:lnTo>
                  <a:lnTo>
                    <a:pt x="5582" y="799"/>
                  </a:lnTo>
                  <a:lnTo>
                    <a:pt x="5732" y="799"/>
                  </a:lnTo>
                  <a:lnTo>
                    <a:pt x="5732" y="680"/>
                  </a:lnTo>
                  <a:lnTo>
                    <a:pt x="5788" y="684"/>
                  </a:lnTo>
                  <a:lnTo>
                    <a:pt x="5819" y="689"/>
                  </a:lnTo>
                  <a:lnTo>
                    <a:pt x="5834" y="693"/>
                  </a:lnTo>
                  <a:lnTo>
                    <a:pt x="5838" y="696"/>
                  </a:lnTo>
                  <a:lnTo>
                    <a:pt x="5840" y="799"/>
                  </a:lnTo>
                  <a:lnTo>
                    <a:pt x="5914" y="799"/>
                  </a:lnTo>
                  <a:lnTo>
                    <a:pt x="5914" y="750"/>
                  </a:lnTo>
                  <a:lnTo>
                    <a:pt x="6035" y="750"/>
                  </a:lnTo>
                  <a:lnTo>
                    <a:pt x="6035" y="730"/>
                  </a:lnTo>
                  <a:lnTo>
                    <a:pt x="6103" y="730"/>
                  </a:lnTo>
                  <a:lnTo>
                    <a:pt x="6103" y="679"/>
                  </a:lnTo>
                  <a:lnTo>
                    <a:pt x="6203" y="679"/>
                  </a:lnTo>
                  <a:lnTo>
                    <a:pt x="6205" y="675"/>
                  </a:lnTo>
                  <a:lnTo>
                    <a:pt x="6212" y="668"/>
                  </a:lnTo>
                  <a:lnTo>
                    <a:pt x="6220" y="661"/>
                  </a:lnTo>
                  <a:lnTo>
                    <a:pt x="6226" y="656"/>
                  </a:lnTo>
                  <a:lnTo>
                    <a:pt x="6235" y="643"/>
                  </a:lnTo>
                  <a:lnTo>
                    <a:pt x="6251" y="626"/>
                  </a:lnTo>
                  <a:lnTo>
                    <a:pt x="6254" y="622"/>
                  </a:lnTo>
                  <a:lnTo>
                    <a:pt x="6258" y="618"/>
                  </a:lnTo>
                  <a:lnTo>
                    <a:pt x="6265" y="614"/>
                  </a:lnTo>
                  <a:lnTo>
                    <a:pt x="6269" y="611"/>
                  </a:lnTo>
                  <a:lnTo>
                    <a:pt x="6269" y="608"/>
                  </a:lnTo>
                  <a:lnTo>
                    <a:pt x="6270" y="606"/>
                  </a:lnTo>
                  <a:lnTo>
                    <a:pt x="6276" y="603"/>
                  </a:lnTo>
                  <a:lnTo>
                    <a:pt x="6274" y="596"/>
                  </a:lnTo>
                  <a:lnTo>
                    <a:pt x="6276" y="594"/>
                  </a:lnTo>
                  <a:lnTo>
                    <a:pt x="6278" y="591"/>
                  </a:lnTo>
                  <a:lnTo>
                    <a:pt x="6278" y="587"/>
                  </a:lnTo>
                  <a:lnTo>
                    <a:pt x="6278" y="568"/>
                  </a:lnTo>
                  <a:lnTo>
                    <a:pt x="6276" y="564"/>
                  </a:lnTo>
                  <a:lnTo>
                    <a:pt x="6277" y="561"/>
                  </a:lnTo>
                  <a:lnTo>
                    <a:pt x="6278" y="546"/>
                  </a:lnTo>
                  <a:lnTo>
                    <a:pt x="6274" y="542"/>
                  </a:lnTo>
                  <a:lnTo>
                    <a:pt x="6273" y="538"/>
                  </a:lnTo>
                  <a:lnTo>
                    <a:pt x="6271" y="534"/>
                  </a:lnTo>
                  <a:lnTo>
                    <a:pt x="6267" y="532"/>
                  </a:lnTo>
                  <a:lnTo>
                    <a:pt x="6263" y="532"/>
                  </a:lnTo>
                  <a:lnTo>
                    <a:pt x="6262" y="529"/>
                  </a:lnTo>
                  <a:lnTo>
                    <a:pt x="6255" y="525"/>
                  </a:lnTo>
                  <a:lnTo>
                    <a:pt x="6244" y="521"/>
                  </a:lnTo>
                  <a:lnTo>
                    <a:pt x="6242" y="519"/>
                  </a:lnTo>
                  <a:lnTo>
                    <a:pt x="6234" y="515"/>
                  </a:lnTo>
                  <a:lnTo>
                    <a:pt x="6230" y="498"/>
                  </a:lnTo>
                  <a:lnTo>
                    <a:pt x="6227" y="490"/>
                  </a:lnTo>
                  <a:lnTo>
                    <a:pt x="6226" y="482"/>
                  </a:lnTo>
                  <a:lnTo>
                    <a:pt x="6224" y="472"/>
                  </a:lnTo>
                  <a:lnTo>
                    <a:pt x="6223" y="469"/>
                  </a:lnTo>
                  <a:lnTo>
                    <a:pt x="6223" y="465"/>
                  </a:lnTo>
                  <a:lnTo>
                    <a:pt x="6234" y="456"/>
                  </a:lnTo>
                  <a:lnTo>
                    <a:pt x="6243" y="444"/>
                  </a:lnTo>
                  <a:lnTo>
                    <a:pt x="6247" y="438"/>
                  </a:lnTo>
                  <a:lnTo>
                    <a:pt x="6253" y="430"/>
                  </a:lnTo>
                  <a:lnTo>
                    <a:pt x="6258" y="428"/>
                  </a:lnTo>
                  <a:lnTo>
                    <a:pt x="6261" y="429"/>
                  </a:lnTo>
                  <a:lnTo>
                    <a:pt x="6261" y="426"/>
                  </a:lnTo>
                  <a:lnTo>
                    <a:pt x="6261" y="417"/>
                  </a:lnTo>
                  <a:lnTo>
                    <a:pt x="6261" y="401"/>
                  </a:lnTo>
                  <a:lnTo>
                    <a:pt x="6265" y="382"/>
                  </a:lnTo>
                  <a:lnTo>
                    <a:pt x="6271" y="370"/>
                  </a:lnTo>
                  <a:lnTo>
                    <a:pt x="6276" y="366"/>
                  </a:lnTo>
                  <a:lnTo>
                    <a:pt x="6281" y="362"/>
                  </a:lnTo>
                  <a:lnTo>
                    <a:pt x="6277" y="359"/>
                  </a:lnTo>
                  <a:lnTo>
                    <a:pt x="6281" y="359"/>
                  </a:lnTo>
                  <a:lnTo>
                    <a:pt x="6281" y="357"/>
                  </a:lnTo>
                  <a:lnTo>
                    <a:pt x="6282" y="356"/>
                  </a:lnTo>
                  <a:lnTo>
                    <a:pt x="6285" y="352"/>
                  </a:lnTo>
                  <a:lnTo>
                    <a:pt x="6282" y="347"/>
                  </a:lnTo>
                  <a:lnTo>
                    <a:pt x="6282" y="336"/>
                  </a:lnTo>
                  <a:lnTo>
                    <a:pt x="6282" y="332"/>
                  </a:lnTo>
                  <a:lnTo>
                    <a:pt x="6282" y="326"/>
                  </a:lnTo>
                  <a:lnTo>
                    <a:pt x="6285" y="309"/>
                  </a:lnTo>
                  <a:lnTo>
                    <a:pt x="6289" y="304"/>
                  </a:lnTo>
                  <a:lnTo>
                    <a:pt x="6293" y="299"/>
                  </a:lnTo>
                  <a:lnTo>
                    <a:pt x="6305" y="295"/>
                  </a:lnTo>
                  <a:lnTo>
                    <a:pt x="6315" y="297"/>
                  </a:lnTo>
                  <a:lnTo>
                    <a:pt x="6320" y="297"/>
                  </a:lnTo>
                  <a:lnTo>
                    <a:pt x="6324" y="301"/>
                  </a:lnTo>
                  <a:lnTo>
                    <a:pt x="6324" y="305"/>
                  </a:lnTo>
                  <a:lnTo>
                    <a:pt x="6327" y="308"/>
                  </a:lnTo>
                  <a:lnTo>
                    <a:pt x="6330" y="313"/>
                  </a:lnTo>
                  <a:lnTo>
                    <a:pt x="6332" y="318"/>
                  </a:lnTo>
                  <a:lnTo>
                    <a:pt x="6331" y="321"/>
                  </a:lnTo>
                  <a:lnTo>
                    <a:pt x="6332" y="322"/>
                  </a:lnTo>
                  <a:lnTo>
                    <a:pt x="6330" y="325"/>
                  </a:lnTo>
                  <a:lnTo>
                    <a:pt x="6331" y="326"/>
                  </a:lnTo>
                  <a:lnTo>
                    <a:pt x="6331" y="332"/>
                  </a:lnTo>
                  <a:lnTo>
                    <a:pt x="6331" y="337"/>
                  </a:lnTo>
                  <a:lnTo>
                    <a:pt x="6330" y="343"/>
                  </a:lnTo>
                  <a:lnTo>
                    <a:pt x="6330" y="348"/>
                  </a:lnTo>
                  <a:lnTo>
                    <a:pt x="6328" y="351"/>
                  </a:lnTo>
                  <a:lnTo>
                    <a:pt x="6325" y="351"/>
                  </a:lnTo>
                  <a:lnTo>
                    <a:pt x="6320" y="352"/>
                  </a:lnTo>
                  <a:lnTo>
                    <a:pt x="6320" y="356"/>
                  </a:lnTo>
                  <a:lnTo>
                    <a:pt x="6317" y="363"/>
                  </a:lnTo>
                  <a:lnTo>
                    <a:pt x="6313" y="368"/>
                  </a:lnTo>
                  <a:lnTo>
                    <a:pt x="6312" y="372"/>
                  </a:lnTo>
                  <a:lnTo>
                    <a:pt x="6315" y="375"/>
                  </a:lnTo>
                  <a:lnTo>
                    <a:pt x="6317" y="378"/>
                  </a:lnTo>
                  <a:lnTo>
                    <a:pt x="6319" y="387"/>
                  </a:lnTo>
                  <a:lnTo>
                    <a:pt x="6321" y="395"/>
                  </a:lnTo>
                  <a:lnTo>
                    <a:pt x="6324" y="405"/>
                  </a:lnTo>
                  <a:lnTo>
                    <a:pt x="6327" y="420"/>
                  </a:lnTo>
                  <a:lnTo>
                    <a:pt x="6327" y="428"/>
                  </a:lnTo>
                  <a:lnTo>
                    <a:pt x="6327" y="432"/>
                  </a:lnTo>
                  <a:lnTo>
                    <a:pt x="6327" y="436"/>
                  </a:lnTo>
                  <a:lnTo>
                    <a:pt x="6328" y="438"/>
                  </a:lnTo>
                  <a:lnTo>
                    <a:pt x="6328" y="441"/>
                  </a:lnTo>
                  <a:lnTo>
                    <a:pt x="6328" y="444"/>
                  </a:lnTo>
                  <a:lnTo>
                    <a:pt x="6331" y="444"/>
                  </a:lnTo>
                  <a:lnTo>
                    <a:pt x="6340" y="442"/>
                  </a:lnTo>
                  <a:lnTo>
                    <a:pt x="6344" y="445"/>
                  </a:lnTo>
                  <a:lnTo>
                    <a:pt x="6342" y="448"/>
                  </a:lnTo>
                  <a:lnTo>
                    <a:pt x="6343" y="451"/>
                  </a:lnTo>
                  <a:lnTo>
                    <a:pt x="6343" y="452"/>
                  </a:lnTo>
                  <a:lnTo>
                    <a:pt x="6342" y="453"/>
                  </a:lnTo>
                  <a:lnTo>
                    <a:pt x="6343" y="456"/>
                  </a:lnTo>
                  <a:lnTo>
                    <a:pt x="6342" y="459"/>
                  </a:lnTo>
                  <a:lnTo>
                    <a:pt x="6342" y="461"/>
                  </a:lnTo>
                  <a:lnTo>
                    <a:pt x="6339" y="465"/>
                  </a:lnTo>
                  <a:lnTo>
                    <a:pt x="6335" y="465"/>
                  </a:lnTo>
                  <a:lnTo>
                    <a:pt x="6332" y="467"/>
                  </a:lnTo>
                  <a:lnTo>
                    <a:pt x="6328" y="465"/>
                  </a:lnTo>
                  <a:lnTo>
                    <a:pt x="6328" y="479"/>
                  </a:lnTo>
                  <a:lnTo>
                    <a:pt x="6332" y="490"/>
                  </a:lnTo>
                  <a:lnTo>
                    <a:pt x="6331" y="499"/>
                  </a:lnTo>
                  <a:lnTo>
                    <a:pt x="6332" y="502"/>
                  </a:lnTo>
                  <a:lnTo>
                    <a:pt x="6334" y="505"/>
                  </a:lnTo>
                  <a:lnTo>
                    <a:pt x="6335" y="507"/>
                  </a:lnTo>
                  <a:lnTo>
                    <a:pt x="6338" y="510"/>
                  </a:lnTo>
                  <a:lnTo>
                    <a:pt x="6342" y="513"/>
                  </a:lnTo>
                  <a:lnTo>
                    <a:pt x="6346" y="514"/>
                  </a:lnTo>
                  <a:lnTo>
                    <a:pt x="6348" y="523"/>
                  </a:lnTo>
                  <a:lnTo>
                    <a:pt x="6348" y="525"/>
                  </a:lnTo>
                  <a:lnTo>
                    <a:pt x="6347" y="534"/>
                  </a:lnTo>
                  <a:lnTo>
                    <a:pt x="6350" y="538"/>
                  </a:lnTo>
                  <a:lnTo>
                    <a:pt x="6352" y="544"/>
                  </a:lnTo>
                  <a:lnTo>
                    <a:pt x="6355" y="550"/>
                  </a:lnTo>
                  <a:lnTo>
                    <a:pt x="6362" y="572"/>
                  </a:lnTo>
                  <a:lnTo>
                    <a:pt x="6369" y="590"/>
                  </a:lnTo>
                  <a:lnTo>
                    <a:pt x="6370" y="596"/>
                  </a:lnTo>
                  <a:lnTo>
                    <a:pt x="6371" y="603"/>
                  </a:lnTo>
                  <a:lnTo>
                    <a:pt x="6371" y="612"/>
                  </a:lnTo>
                  <a:lnTo>
                    <a:pt x="6374" y="621"/>
                  </a:lnTo>
                  <a:lnTo>
                    <a:pt x="6377" y="639"/>
                  </a:lnTo>
                  <a:lnTo>
                    <a:pt x="6379" y="660"/>
                  </a:lnTo>
                  <a:lnTo>
                    <a:pt x="6379" y="673"/>
                  </a:lnTo>
                  <a:lnTo>
                    <a:pt x="6384" y="677"/>
                  </a:lnTo>
                  <a:lnTo>
                    <a:pt x="6603" y="679"/>
                  </a:lnTo>
                  <a:lnTo>
                    <a:pt x="6603" y="588"/>
                  </a:lnTo>
                  <a:lnTo>
                    <a:pt x="6716" y="588"/>
                  </a:lnTo>
                  <a:lnTo>
                    <a:pt x="6716" y="500"/>
                  </a:lnTo>
                  <a:lnTo>
                    <a:pt x="6807" y="407"/>
                  </a:lnTo>
                  <a:lnTo>
                    <a:pt x="6900" y="500"/>
                  </a:lnTo>
                  <a:lnTo>
                    <a:pt x="6900" y="588"/>
                  </a:lnTo>
                  <a:lnTo>
                    <a:pt x="6983" y="588"/>
                  </a:lnTo>
                  <a:lnTo>
                    <a:pt x="6983" y="518"/>
                  </a:lnTo>
                  <a:lnTo>
                    <a:pt x="7015" y="518"/>
                  </a:lnTo>
                  <a:lnTo>
                    <a:pt x="7015" y="432"/>
                  </a:lnTo>
                  <a:lnTo>
                    <a:pt x="7018" y="432"/>
                  </a:lnTo>
                  <a:lnTo>
                    <a:pt x="7018" y="386"/>
                  </a:lnTo>
                  <a:lnTo>
                    <a:pt x="7030" y="386"/>
                  </a:lnTo>
                  <a:lnTo>
                    <a:pt x="7041" y="363"/>
                  </a:lnTo>
                  <a:lnTo>
                    <a:pt x="7052" y="363"/>
                  </a:lnTo>
                  <a:lnTo>
                    <a:pt x="7062" y="341"/>
                  </a:lnTo>
                  <a:lnTo>
                    <a:pt x="7124" y="341"/>
                  </a:lnTo>
                  <a:lnTo>
                    <a:pt x="7135" y="363"/>
                  </a:lnTo>
                  <a:lnTo>
                    <a:pt x="7146" y="363"/>
                  </a:lnTo>
                  <a:lnTo>
                    <a:pt x="7158" y="386"/>
                  </a:lnTo>
                  <a:lnTo>
                    <a:pt x="7169" y="386"/>
                  </a:lnTo>
                  <a:lnTo>
                    <a:pt x="7169" y="432"/>
                  </a:lnTo>
                  <a:lnTo>
                    <a:pt x="7305" y="432"/>
                  </a:lnTo>
                  <a:lnTo>
                    <a:pt x="7305" y="275"/>
                  </a:lnTo>
                  <a:lnTo>
                    <a:pt x="7305" y="274"/>
                  </a:lnTo>
                  <a:lnTo>
                    <a:pt x="7308" y="274"/>
                  </a:lnTo>
                  <a:lnTo>
                    <a:pt x="7369" y="212"/>
                  </a:lnTo>
                  <a:lnTo>
                    <a:pt x="7431" y="274"/>
                  </a:lnTo>
                  <a:lnTo>
                    <a:pt x="7432" y="274"/>
                  </a:lnTo>
                  <a:lnTo>
                    <a:pt x="7432" y="500"/>
                  </a:lnTo>
                  <a:lnTo>
                    <a:pt x="7485" y="500"/>
                  </a:lnTo>
                  <a:lnTo>
                    <a:pt x="7485" y="442"/>
                  </a:lnTo>
                  <a:lnTo>
                    <a:pt x="7494" y="442"/>
                  </a:lnTo>
                  <a:lnTo>
                    <a:pt x="7505" y="420"/>
                  </a:lnTo>
                  <a:lnTo>
                    <a:pt x="7514" y="420"/>
                  </a:lnTo>
                  <a:lnTo>
                    <a:pt x="7524" y="398"/>
                  </a:lnTo>
                  <a:lnTo>
                    <a:pt x="7581" y="398"/>
                  </a:lnTo>
                  <a:lnTo>
                    <a:pt x="7591" y="420"/>
                  </a:lnTo>
                  <a:lnTo>
                    <a:pt x="7601" y="420"/>
                  </a:lnTo>
                  <a:lnTo>
                    <a:pt x="7610" y="442"/>
                  </a:lnTo>
                  <a:lnTo>
                    <a:pt x="7621" y="442"/>
                  </a:lnTo>
                  <a:lnTo>
                    <a:pt x="7621" y="500"/>
                  </a:lnTo>
                  <a:lnTo>
                    <a:pt x="7621" y="507"/>
                  </a:lnTo>
                  <a:lnTo>
                    <a:pt x="7621" y="596"/>
                  </a:lnTo>
                  <a:lnTo>
                    <a:pt x="7680" y="596"/>
                  </a:lnTo>
                  <a:lnTo>
                    <a:pt x="7680" y="560"/>
                  </a:lnTo>
                  <a:lnTo>
                    <a:pt x="7861" y="560"/>
                  </a:lnTo>
                  <a:lnTo>
                    <a:pt x="7861" y="317"/>
                  </a:lnTo>
                  <a:lnTo>
                    <a:pt x="7864" y="306"/>
                  </a:lnTo>
                  <a:lnTo>
                    <a:pt x="7868" y="295"/>
                  </a:lnTo>
                  <a:lnTo>
                    <a:pt x="7873" y="287"/>
                  </a:lnTo>
                  <a:lnTo>
                    <a:pt x="7880" y="279"/>
                  </a:lnTo>
                  <a:lnTo>
                    <a:pt x="7888" y="273"/>
                  </a:lnTo>
                  <a:lnTo>
                    <a:pt x="7898" y="267"/>
                  </a:lnTo>
                  <a:lnTo>
                    <a:pt x="7907" y="263"/>
                  </a:lnTo>
                  <a:lnTo>
                    <a:pt x="7918" y="262"/>
                  </a:lnTo>
                  <a:lnTo>
                    <a:pt x="7918" y="227"/>
                  </a:lnTo>
                  <a:lnTo>
                    <a:pt x="7927" y="227"/>
                  </a:lnTo>
                  <a:lnTo>
                    <a:pt x="7927" y="262"/>
                  </a:lnTo>
                  <a:lnTo>
                    <a:pt x="7948" y="267"/>
                  </a:lnTo>
                  <a:lnTo>
                    <a:pt x="7956" y="273"/>
                  </a:lnTo>
                  <a:lnTo>
                    <a:pt x="7964" y="279"/>
                  </a:lnTo>
                  <a:lnTo>
                    <a:pt x="7971" y="287"/>
                  </a:lnTo>
                  <a:lnTo>
                    <a:pt x="7976" y="297"/>
                  </a:lnTo>
                  <a:lnTo>
                    <a:pt x="7980" y="306"/>
                  </a:lnTo>
                  <a:lnTo>
                    <a:pt x="7981" y="317"/>
                  </a:lnTo>
                  <a:lnTo>
                    <a:pt x="7984" y="317"/>
                  </a:lnTo>
                  <a:lnTo>
                    <a:pt x="7984" y="402"/>
                  </a:lnTo>
                  <a:lnTo>
                    <a:pt x="8058" y="405"/>
                  </a:lnTo>
                  <a:lnTo>
                    <a:pt x="8058" y="190"/>
                  </a:lnTo>
                  <a:lnTo>
                    <a:pt x="8058" y="186"/>
                  </a:lnTo>
                  <a:lnTo>
                    <a:pt x="8058" y="182"/>
                  </a:lnTo>
                  <a:lnTo>
                    <a:pt x="8058" y="173"/>
                  </a:lnTo>
                  <a:lnTo>
                    <a:pt x="8062" y="146"/>
                  </a:lnTo>
                  <a:lnTo>
                    <a:pt x="8066" y="132"/>
                  </a:lnTo>
                  <a:lnTo>
                    <a:pt x="8070" y="120"/>
                  </a:lnTo>
                  <a:lnTo>
                    <a:pt x="8081" y="97"/>
                  </a:lnTo>
                  <a:lnTo>
                    <a:pt x="8095" y="77"/>
                  </a:lnTo>
                  <a:lnTo>
                    <a:pt x="8111" y="59"/>
                  </a:lnTo>
                  <a:lnTo>
                    <a:pt x="8130" y="46"/>
                  </a:lnTo>
                  <a:lnTo>
                    <a:pt x="8150" y="38"/>
                  </a:lnTo>
                  <a:lnTo>
                    <a:pt x="8172" y="34"/>
                  </a:lnTo>
                  <a:lnTo>
                    <a:pt x="8172" y="0"/>
                  </a:lnTo>
                  <a:lnTo>
                    <a:pt x="8181" y="0"/>
                  </a:lnTo>
                  <a:lnTo>
                    <a:pt x="8181" y="34"/>
                  </a:lnTo>
                  <a:lnTo>
                    <a:pt x="8203" y="38"/>
                  </a:lnTo>
                  <a:lnTo>
                    <a:pt x="8223" y="46"/>
                  </a:lnTo>
                  <a:lnTo>
                    <a:pt x="8242" y="59"/>
                  </a:lnTo>
                  <a:lnTo>
                    <a:pt x="8258" y="77"/>
                  </a:lnTo>
                  <a:lnTo>
                    <a:pt x="8272" y="97"/>
                  </a:lnTo>
                  <a:lnTo>
                    <a:pt x="8282" y="120"/>
                  </a:lnTo>
                  <a:lnTo>
                    <a:pt x="8290" y="146"/>
                  </a:lnTo>
                  <a:lnTo>
                    <a:pt x="8295" y="173"/>
                  </a:lnTo>
                  <a:lnTo>
                    <a:pt x="8295" y="179"/>
                  </a:lnTo>
                  <a:lnTo>
                    <a:pt x="8295" y="186"/>
                  </a:lnTo>
                  <a:lnTo>
                    <a:pt x="8295" y="190"/>
                  </a:lnTo>
                  <a:lnTo>
                    <a:pt x="8295" y="405"/>
                  </a:lnTo>
                  <a:lnTo>
                    <a:pt x="8369" y="402"/>
                  </a:lnTo>
                  <a:lnTo>
                    <a:pt x="8369" y="317"/>
                  </a:lnTo>
                  <a:lnTo>
                    <a:pt x="8370" y="317"/>
                  </a:lnTo>
                  <a:lnTo>
                    <a:pt x="8375" y="297"/>
                  </a:lnTo>
                  <a:lnTo>
                    <a:pt x="8381" y="287"/>
                  </a:lnTo>
                  <a:lnTo>
                    <a:pt x="8388" y="279"/>
                  </a:lnTo>
                  <a:lnTo>
                    <a:pt x="8405" y="267"/>
                  </a:lnTo>
                  <a:lnTo>
                    <a:pt x="8415" y="263"/>
                  </a:lnTo>
                  <a:lnTo>
                    <a:pt x="8425" y="262"/>
                  </a:lnTo>
                  <a:lnTo>
                    <a:pt x="8425" y="227"/>
                  </a:lnTo>
                  <a:lnTo>
                    <a:pt x="8435" y="227"/>
                  </a:lnTo>
                  <a:lnTo>
                    <a:pt x="8435" y="262"/>
                  </a:lnTo>
                  <a:lnTo>
                    <a:pt x="8446" y="263"/>
                  </a:lnTo>
                  <a:lnTo>
                    <a:pt x="8455" y="267"/>
                  </a:lnTo>
                  <a:lnTo>
                    <a:pt x="8465" y="273"/>
                  </a:lnTo>
                  <a:lnTo>
                    <a:pt x="8471" y="279"/>
                  </a:lnTo>
                  <a:lnTo>
                    <a:pt x="8478" y="287"/>
                  </a:lnTo>
                  <a:lnTo>
                    <a:pt x="8483" y="297"/>
                  </a:lnTo>
                  <a:lnTo>
                    <a:pt x="8487" y="306"/>
                  </a:lnTo>
                  <a:lnTo>
                    <a:pt x="8490" y="317"/>
                  </a:lnTo>
                  <a:lnTo>
                    <a:pt x="8492" y="317"/>
                  </a:lnTo>
                  <a:lnTo>
                    <a:pt x="8492" y="527"/>
                  </a:lnTo>
                  <a:lnTo>
                    <a:pt x="8606" y="527"/>
                  </a:lnTo>
                  <a:lnTo>
                    <a:pt x="8606" y="560"/>
                  </a:lnTo>
                  <a:lnTo>
                    <a:pt x="8672" y="560"/>
                  </a:lnTo>
                  <a:lnTo>
                    <a:pt x="8672" y="596"/>
                  </a:lnTo>
                  <a:lnTo>
                    <a:pt x="8747" y="596"/>
                  </a:lnTo>
                  <a:lnTo>
                    <a:pt x="8747" y="621"/>
                  </a:lnTo>
                  <a:lnTo>
                    <a:pt x="8813" y="621"/>
                  </a:lnTo>
                  <a:lnTo>
                    <a:pt x="8813" y="649"/>
                  </a:lnTo>
                  <a:lnTo>
                    <a:pt x="8884" y="649"/>
                  </a:lnTo>
                  <a:lnTo>
                    <a:pt x="8884" y="621"/>
                  </a:lnTo>
                  <a:lnTo>
                    <a:pt x="8948" y="621"/>
                  </a:lnTo>
                  <a:lnTo>
                    <a:pt x="8948" y="541"/>
                  </a:lnTo>
                  <a:lnTo>
                    <a:pt x="8979" y="506"/>
                  </a:lnTo>
                  <a:lnTo>
                    <a:pt x="9010" y="541"/>
                  </a:lnTo>
                  <a:lnTo>
                    <a:pt x="9041" y="506"/>
                  </a:lnTo>
                  <a:lnTo>
                    <a:pt x="9072" y="541"/>
                  </a:lnTo>
                  <a:lnTo>
                    <a:pt x="9103" y="506"/>
                  </a:lnTo>
                  <a:lnTo>
                    <a:pt x="9134" y="541"/>
                  </a:lnTo>
                  <a:lnTo>
                    <a:pt x="9134" y="621"/>
                  </a:lnTo>
                  <a:lnTo>
                    <a:pt x="9135" y="673"/>
                  </a:lnTo>
                  <a:lnTo>
                    <a:pt x="9172" y="673"/>
                  </a:lnTo>
                  <a:lnTo>
                    <a:pt x="9172" y="599"/>
                  </a:lnTo>
                  <a:lnTo>
                    <a:pt x="9187" y="599"/>
                  </a:lnTo>
                  <a:lnTo>
                    <a:pt x="9249" y="521"/>
                  </a:lnTo>
                  <a:lnTo>
                    <a:pt x="9311" y="599"/>
                  </a:lnTo>
                  <a:lnTo>
                    <a:pt x="9326" y="599"/>
                  </a:lnTo>
                  <a:lnTo>
                    <a:pt x="9326" y="673"/>
                  </a:lnTo>
                  <a:lnTo>
                    <a:pt x="9346" y="673"/>
                  </a:lnTo>
                  <a:lnTo>
                    <a:pt x="9346" y="648"/>
                  </a:lnTo>
                  <a:lnTo>
                    <a:pt x="9416" y="648"/>
                  </a:lnTo>
                  <a:lnTo>
                    <a:pt x="9416" y="576"/>
                  </a:lnTo>
                  <a:lnTo>
                    <a:pt x="9434" y="576"/>
                  </a:lnTo>
                  <a:lnTo>
                    <a:pt x="9434" y="549"/>
                  </a:lnTo>
                  <a:lnTo>
                    <a:pt x="9466" y="549"/>
                  </a:lnTo>
                  <a:lnTo>
                    <a:pt x="9466" y="576"/>
                  </a:lnTo>
                  <a:lnTo>
                    <a:pt x="9477" y="576"/>
                  </a:lnTo>
                  <a:lnTo>
                    <a:pt x="9477" y="476"/>
                  </a:lnTo>
                  <a:lnTo>
                    <a:pt x="9585" y="444"/>
                  </a:lnTo>
                  <a:lnTo>
                    <a:pt x="9585" y="440"/>
                  </a:lnTo>
                  <a:lnTo>
                    <a:pt x="9573" y="440"/>
                  </a:lnTo>
                  <a:lnTo>
                    <a:pt x="9573" y="432"/>
                  </a:lnTo>
                  <a:lnTo>
                    <a:pt x="9585" y="432"/>
                  </a:lnTo>
                  <a:lnTo>
                    <a:pt x="9585" y="421"/>
                  </a:lnTo>
                  <a:lnTo>
                    <a:pt x="9573" y="421"/>
                  </a:lnTo>
                  <a:lnTo>
                    <a:pt x="9573" y="413"/>
                  </a:lnTo>
                  <a:lnTo>
                    <a:pt x="9585" y="413"/>
                  </a:lnTo>
                  <a:lnTo>
                    <a:pt x="9585" y="402"/>
                  </a:lnTo>
                  <a:lnTo>
                    <a:pt x="9573" y="402"/>
                  </a:lnTo>
                  <a:lnTo>
                    <a:pt x="9573" y="394"/>
                  </a:lnTo>
                  <a:lnTo>
                    <a:pt x="9585" y="394"/>
                  </a:lnTo>
                  <a:lnTo>
                    <a:pt x="9585" y="383"/>
                  </a:lnTo>
                  <a:lnTo>
                    <a:pt x="9573" y="383"/>
                  </a:lnTo>
                  <a:lnTo>
                    <a:pt x="9573" y="374"/>
                  </a:lnTo>
                  <a:lnTo>
                    <a:pt x="9585" y="374"/>
                  </a:lnTo>
                  <a:lnTo>
                    <a:pt x="9585" y="364"/>
                  </a:lnTo>
                  <a:lnTo>
                    <a:pt x="9573" y="364"/>
                  </a:lnTo>
                  <a:lnTo>
                    <a:pt x="9573" y="355"/>
                  </a:lnTo>
                  <a:lnTo>
                    <a:pt x="9585" y="355"/>
                  </a:lnTo>
                  <a:lnTo>
                    <a:pt x="9585" y="345"/>
                  </a:lnTo>
                  <a:lnTo>
                    <a:pt x="9573" y="345"/>
                  </a:lnTo>
                  <a:lnTo>
                    <a:pt x="9573" y="336"/>
                  </a:lnTo>
                  <a:lnTo>
                    <a:pt x="9585" y="336"/>
                  </a:lnTo>
                  <a:lnTo>
                    <a:pt x="9585" y="325"/>
                  </a:lnTo>
                  <a:lnTo>
                    <a:pt x="9573" y="325"/>
                  </a:lnTo>
                  <a:lnTo>
                    <a:pt x="9573" y="317"/>
                  </a:lnTo>
                  <a:lnTo>
                    <a:pt x="9585" y="317"/>
                  </a:lnTo>
                  <a:lnTo>
                    <a:pt x="9585" y="306"/>
                  </a:lnTo>
                  <a:lnTo>
                    <a:pt x="9573" y="306"/>
                  </a:lnTo>
                  <a:lnTo>
                    <a:pt x="9573" y="298"/>
                  </a:lnTo>
                  <a:lnTo>
                    <a:pt x="9585" y="298"/>
                  </a:lnTo>
                  <a:lnTo>
                    <a:pt x="9585" y="287"/>
                  </a:lnTo>
                  <a:lnTo>
                    <a:pt x="9670" y="264"/>
                  </a:lnTo>
                  <a:lnTo>
                    <a:pt x="9795" y="332"/>
                  </a:lnTo>
                  <a:lnTo>
                    <a:pt x="9795" y="552"/>
                  </a:lnTo>
                  <a:lnTo>
                    <a:pt x="9830" y="568"/>
                  </a:lnTo>
                  <a:lnTo>
                    <a:pt x="9864" y="558"/>
                  </a:lnTo>
                  <a:lnTo>
                    <a:pt x="9864" y="552"/>
                  </a:lnTo>
                  <a:lnTo>
                    <a:pt x="9845" y="552"/>
                  </a:lnTo>
                  <a:lnTo>
                    <a:pt x="9845" y="541"/>
                  </a:lnTo>
                  <a:lnTo>
                    <a:pt x="9864" y="530"/>
                  </a:lnTo>
                  <a:lnTo>
                    <a:pt x="9864" y="525"/>
                  </a:lnTo>
                  <a:lnTo>
                    <a:pt x="9845" y="525"/>
                  </a:lnTo>
                  <a:lnTo>
                    <a:pt x="9845" y="513"/>
                  </a:lnTo>
                  <a:lnTo>
                    <a:pt x="9864" y="502"/>
                  </a:lnTo>
                  <a:lnTo>
                    <a:pt x="9864" y="496"/>
                  </a:lnTo>
                  <a:lnTo>
                    <a:pt x="9845" y="496"/>
                  </a:lnTo>
                  <a:lnTo>
                    <a:pt x="9845" y="484"/>
                  </a:lnTo>
                  <a:lnTo>
                    <a:pt x="9864" y="475"/>
                  </a:lnTo>
                  <a:lnTo>
                    <a:pt x="9864" y="468"/>
                  </a:lnTo>
                  <a:lnTo>
                    <a:pt x="9845" y="468"/>
                  </a:lnTo>
                  <a:lnTo>
                    <a:pt x="9845" y="456"/>
                  </a:lnTo>
                  <a:lnTo>
                    <a:pt x="9864" y="447"/>
                  </a:lnTo>
                  <a:lnTo>
                    <a:pt x="9864" y="440"/>
                  </a:lnTo>
                  <a:lnTo>
                    <a:pt x="9845" y="440"/>
                  </a:lnTo>
                  <a:lnTo>
                    <a:pt x="9845" y="429"/>
                  </a:lnTo>
                  <a:lnTo>
                    <a:pt x="9864" y="418"/>
                  </a:lnTo>
                  <a:lnTo>
                    <a:pt x="9864" y="413"/>
                  </a:lnTo>
                  <a:lnTo>
                    <a:pt x="9845" y="413"/>
                  </a:lnTo>
                  <a:lnTo>
                    <a:pt x="9845" y="401"/>
                  </a:lnTo>
                  <a:lnTo>
                    <a:pt x="9864" y="391"/>
                  </a:lnTo>
                  <a:lnTo>
                    <a:pt x="9864" y="384"/>
                  </a:lnTo>
                  <a:lnTo>
                    <a:pt x="9845" y="384"/>
                  </a:lnTo>
                  <a:lnTo>
                    <a:pt x="9845" y="372"/>
                  </a:lnTo>
                  <a:lnTo>
                    <a:pt x="9864" y="363"/>
                  </a:lnTo>
                  <a:lnTo>
                    <a:pt x="9864" y="356"/>
                  </a:lnTo>
                  <a:lnTo>
                    <a:pt x="9845" y="356"/>
                  </a:lnTo>
                  <a:lnTo>
                    <a:pt x="9845" y="345"/>
                  </a:lnTo>
                  <a:lnTo>
                    <a:pt x="9864" y="335"/>
                  </a:lnTo>
                  <a:lnTo>
                    <a:pt x="9864" y="329"/>
                  </a:lnTo>
                  <a:lnTo>
                    <a:pt x="9845" y="329"/>
                  </a:lnTo>
                  <a:lnTo>
                    <a:pt x="9845" y="317"/>
                  </a:lnTo>
                  <a:lnTo>
                    <a:pt x="9864" y="306"/>
                  </a:lnTo>
                  <a:lnTo>
                    <a:pt x="9864" y="301"/>
                  </a:lnTo>
                  <a:lnTo>
                    <a:pt x="9845" y="301"/>
                  </a:lnTo>
                  <a:lnTo>
                    <a:pt x="9845" y="289"/>
                  </a:lnTo>
                  <a:lnTo>
                    <a:pt x="9864" y="279"/>
                  </a:lnTo>
                  <a:lnTo>
                    <a:pt x="9864" y="273"/>
                  </a:lnTo>
                  <a:lnTo>
                    <a:pt x="9845" y="273"/>
                  </a:lnTo>
                  <a:lnTo>
                    <a:pt x="9845" y="260"/>
                  </a:lnTo>
                  <a:lnTo>
                    <a:pt x="9864" y="251"/>
                  </a:lnTo>
                  <a:lnTo>
                    <a:pt x="9864" y="244"/>
                  </a:lnTo>
                  <a:lnTo>
                    <a:pt x="9845" y="244"/>
                  </a:lnTo>
                  <a:lnTo>
                    <a:pt x="9845" y="233"/>
                  </a:lnTo>
                  <a:lnTo>
                    <a:pt x="9864" y="223"/>
                  </a:lnTo>
                  <a:lnTo>
                    <a:pt x="9864" y="217"/>
                  </a:lnTo>
                  <a:lnTo>
                    <a:pt x="9845" y="217"/>
                  </a:lnTo>
                  <a:lnTo>
                    <a:pt x="9845" y="205"/>
                  </a:lnTo>
                  <a:lnTo>
                    <a:pt x="9864" y="196"/>
                  </a:lnTo>
                  <a:lnTo>
                    <a:pt x="9864" y="174"/>
                  </a:lnTo>
                  <a:lnTo>
                    <a:pt x="9940" y="123"/>
                  </a:lnTo>
                  <a:lnTo>
                    <a:pt x="10006" y="173"/>
                  </a:lnTo>
                  <a:lnTo>
                    <a:pt x="10006" y="201"/>
                  </a:lnTo>
                  <a:lnTo>
                    <a:pt x="10014" y="205"/>
                  </a:lnTo>
                  <a:lnTo>
                    <a:pt x="10014" y="217"/>
                  </a:lnTo>
                  <a:lnTo>
                    <a:pt x="10006" y="217"/>
                  </a:lnTo>
                  <a:lnTo>
                    <a:pt x="10006" y="228"/>
                  </a:lnTo>
                  <a:lnTo>
                    <a:pt x="10014" y="233"/>
                  </a:lnTo>
                  <a:lnTo>
                    <a:pt x="10014" y="244"/>
                  </a:lnTo>
                  <a:lnTo>
                    <a:pt x="10006" y="244"/>
                  </a:lnTo>
                  <a:lnTo>
                    <a:pt x="10006" y="256"/>
                  </a:lnTo>
                  <a:lnTo>
                    <a:pt x="10014" y="260"/>
                  </a:lnTo>
                  <a:lnTo>
                    <a:pt x="10014" y="273"/>
                  </a:lnTo>
                  <a:lnTo>
                    <a:pt x="10006" y="273"/>
                  </a:lnTo>
                  <a:lnTo>
                    <a:pt x="10006" y="579"/>
                  </a:lnTo>
                  <a:lnTo>
                    <a:pt x="10023" y="579"/>
                  </a:lnTo>
                  <a:lnTo>
                    <a:pt x="10023" y="447"/>
                  </a:lnTo>
                  <a:lnTo>
                    <a:pt x="10045" y="437"/>
                  </a:lnTo>
                  <a:lnTo>
                    <a:pt x="10045" y="413"/>
                  </a:lnTo>
                  <a:lnTo>
                    <a:pt x="10106" y="413"/>
                  </a:lnTo>
                  <a:lnTo>
                    <a:pt x="10145" y="398"/>
                  </a:lnTo>
                  <a:lnTo>
                    <a:pt x="10247" y="448"/>
                  </a:lnTo>
                  <a:lnTo>
                    <a:pt x="10247" y="297"/>
                  </a:lnTo>
                  <a:lnTo>
                    <a:pt x="10305" y="268"/>
                  </a:lnTo>
                  <a:lnTo>
                    <a:pt x="10403" y="289"/>
                  </a:lnTo>
                  <a:lnTo>
                    <a:pt x="10403" y="370"/>
                  </a:lnTo>
                  <a:lnTo>
                    <a:pt x="10416" y="370"/>
                  </a:lnTo>
                  <a:lnTo>
                    <a:pt x="10416" y="389"/>
                  </a:lnTo>
                  <a:lnTo>
                    <a:pt x="10403" y="389"/>
                  </a:lnTo>
                  <a:lnTo>
                    <a:pt x="10403" y="410"/>
                  </a:lnTo>
                  <a:lnTo>
                    <a:pt x="10416" y="410"/>
                  </a:lnTo>
                  <a:lnTo>
                    <a:pt x="10416" y="430"/>
                  </a:lnTo>
                  <a:lnTo>
                    <a:pt x="10403" y="430"/>
                  </a:lnTo>
                  <a:lnTo>
                    <a:pt x="10403" y="452"/>
                  </a:lnTo>
                  <a:lnTo>
                    <a:pt x="10416" y="452"/>
                  </a:lnTo>
                  <a:lnTo>
                    <a:pt x="10416" y="471"/>
                  </a:lnTo>
                  <a:lnTo>
                    <a:pt x="10403" y="471"/>
                  </a:lnTo>
                  <a:lnTo>
                    <a:pt x="10403" y="492"/>
                  </a:lnTo>
                  <a:lnTo>
                    <a:pt x="10416" y="492"/>
                  </a:lnTo>
                  <a:lnTo>
                    <a:pt x="10416" y="511"/>
                  </a:lnTo>
                  <a:lnTo>
                    <a:pt x="10403" y="511"/>
                  </a:lnTo>
                  <a:lnTo>
                    <a:pt x="10403" y="534"/>
                  </a:lnTo>
                  <a:lnTo>
                    <a:pt x="10416" y="534"/>
                  </a:lnTo>
                  <a:lnTo>
                    <a:pt x="10416" y="553"/>
                  </a:lnTo>
                  <a:lnTo>
                    <a:pt x="10403" y="553"/>
                  </a:lnTo>
                  <a:lnTo>
                    <a:pt x="10403" y="575"/>
                  </a:lnTo>
                  <a:lnTo>
                    <a:pt x="10416" y="575"/>
                  </a:lnTo>
                  <a:lnTo>
                    <a:pt x="10416" y="594"/>
                  </a:lnTo>
                  <a:lnTo>
                    <a:pt x="10403" y="594"/>
                  </a:lnTo>
                  <a:lnTo>
                    <a:pt x="10403" y="617"/>
                  </a:lnTo>
                  <a:lnTo>
                    <a:pt x="10416" y="617"/>
                  </a:lnTo>
                  <a:lnTo>
                    <a:pt x="10416" y="634"/>
                  </a:lnTo>
                  <a:lnTo>
                    <a:pt x="10403" y="634"/>
                  </a:lnTo>
                  <a:lnTo>
                    <a:pt x="10403" y="646"/>
                  </a:lnTo>
                  <a:lnTo>
                    <a:pt x="10462" y="646"/>
                  </a:lnTo>
                  <a:lnTo>
                    <a:pt x="10462" y="627"/>
                  </a:lnTo>
                  <a:lnTo>
                    <a:pt x="10486" y="627"/>
                  </a:lnTo>
                  <a:lnTo>
                    <a:pt x="10486" y="583"/>
                  </a:lnTo>
                  <a:lnTo>
                    <a:pt x="10552" y="583"/>
                  </a:lnTo>
                  <a:lnTo>
                    <a:pt x="10552" y="618"/>
                  </a:lnTo>
                  <a:lnTo>
                    <a:pt x="10655" y="617"/>
                  </a:lnTo>
                  <a:lnTo>
                    <a:pt x="10655" y="564"/>
                  </a:lnTo>
                  <a:lnTo>
                    <a:pt x="10722" y="564"/>
                  </a:lnTo>
                  <a:lnTo>
                    <a:pt x="10720" y="406"/>
                  </a:lnTo>
                  <a:lnTo>
                    <a:pt x="10857" y="405"/>
                  </a:lnTo>
                  <a:lnTo>
                    <a:pt x="10861" y="661"/>
                  </a:lnTo>
                  <a:lnTo>
                    <a:pt x="10969" y="660"/>
                  </a:lnTo>
                  <a:lnTo>
                    <a:pt x="10968" y="577"/>
                  </a:lnTo>
                  <a:lnTo>
                    <a:pt x="11052" y="576"/>
                  </a:lnTo>
                  <a:lnTo>
                    <a:pt x="11050" y="468"/>
                  </a:lnTo>
                  <a:lnTo>
                    <a:pt x="11231" y="467"/>
                  </a:lnTo>
                  <a:lnTo>
                    <a:pt x="11230" y="399"/>
                  </a:lnTo>
                  <a:lnTo>
                    <a:pt x="11247" y="399"/>
                  </a:lnTo>
                  <a:lnTo>
                    <a:pt x="11246" y="260"/>
                  </a:lnTo>
                  <a:lnTo>
                    <a:pt x="11261" y="260"/>
                  </a:lnTo>
                  <a:lnTo>
                    <a:pt x="11261" y="239"/>
                  </a:lnTo>
                  <a:lnTo>
                    <a:pt x="11270" y="239"/>
                  </a:lnTo>
                  <a:lnTo>
                    <a:pt x="11270" y="231"/>
                  </a:lnTo>
                  <a:lnTo>
                    <a:pt x="11295" y="231"/>
                  </a:lnTo>
                  <a:lnTo>
                    <a:pt x="11293" y="190"/>
                  </a:lnTo>
                  <a:lnTo>
                    <a:pt x="11300" y="190"/>
                  </a:lnTo>
                  <a:lnTo>
                    <a:pt x="11301" y="231"/>
                  </a:lnTo>
                  <a:lnTo>
                    <a:pt x="11324" y="229"/>
                  </a:lnTo>
                  <a:lnTo>
                    <a:pt x="11324" y="237"/>
                  </a:lnTo>
                  <a:lnTo>
                    <a:pt x="11335" y="237"/>
                  </a:lnTo>
                  <a:lnTo>
                    <a:pt x="11335" y="259"/>
                  </a:lnTo>
                  <a:lnTo>
                    <a:pt x="11350" y="259"/>
                  </a:lnTo>
                  <a:lnTo>
                    <a:pt x="11353" y="398"/>
                  </a:lnTo>
                  <a:lnTo>
                    <a:pt x="11367" y="398"/>
                  </a:lnTo>
                  <a:lnTo>
                    <a:pt x="11370" y="554"/>
                  </a:lnTo>
                  <a:lnTo>
                    <a:pt x="11424" y="554"/>
                  </a:lnTo>
                  <a:lnTo>
                    <a:pt x="11424" y="530"/>
                  </a:lnTo>
                  <a:lnTo>
                    <a:pt x="11440" y="530"/>
                  </a:lnTo>
                  <a:lnTo>
                    <a:pt x="11440" y="509"/>
                  </a:lnTo>
                  <a:lnTo>
                    <a:pt x="11450" y="509"/>
                  </a:lnTo>
                  <a:lnTo>
                    <a:pt x="11450" y="500"/>
                  </a:lnTo>
                  <a:lnTo>
                    <a:pt x="11474" y="500"/>
                  </a:lnTo>
                  <a:lnTo>
                    <a:pt x="11473" y="460"/>
                  </a:lnTo>
                  <a:lnTo>
                    <a:pt x="11480" y="460"/>
                  </a:lnTo>
                  <a:lnTo>
                    <a:pt x="11480" y="500"/>
                  </a:lnTo>
                  <a:lnTo>
                    <a:pt x="11504" y="499"/>
                  </a:lnTo>
                  <a:lnTo>
                    <a:pt x="11504" y="507"/>
                  </a:lnTo>
                  <a:lnTo>
                    <a:pt x="11513" y="507"/>
                  </a:lnTo>
                  <a:lnTo>
                    <a:pt x="11515" y="529"/>
                  </a:lnTo>
                  <a:lnTo>
                    <a:pt x="11516" y="529"/>
                  </a:lnTo>
                  <a:lnTo>
                    <a:pt x="11516" y="1349"/>
                  </a:lnTo>
                  <a:lnTo>
                    <a:pt x="11516" y="2169"/>
                  </a:lnTo>
                  <a:close/>
                  <a:moveTo>
                    <a:pt x="6243" y="679"/>
                  </a:moveTo>
                  <a:lnTo>
                    <a:pt x="6352" y="679"/>
                  </a:lnTo>
                  <a:lnTo>
                    <a:pt x="6350" y="669"/>
                  </a:lnTo>
                  <a:lnTo>
                    <a:pt x="6347" y="650"/>
                  </a:lnTo>
                  <a:lnTo>
                    <a:pt x="6344" y="641"/>
                  </a:lnTo>
                  <a:lnTo>
                    <a:pt x="6344" y="638"/>
                  </a:lnTo>
                  <a:lnTo>
                    <a:pt x="6342" y="631"/>
                  </a:lnTo>
                  <a:lnTo>
                    <a:pt x="6342" y="627"/>
                  </a:lnTo>
                  <a:lnTo>
                    <a:pt x="6340" y="625"/>
                  </a:lnTo>
                  <a:lnTo>
                    <a:pt x="6339" y="622"/>
                  </a:lnTo>
                  <a:lnTo>
                    <a:pt x="6339" y="619"/>
                  </a:lnTo>
                  <a:lnTo>
                    <a:pt x="6338" y="615"/>
                  </a:lnTo>
                  <a:lnTo>
                    <a:pt x="6338" y="612"/>
                  </a:lnTo>
                  <a:lnTo>
                    <a:pt x="6335" y="607"/>
                  </a:lnTo>
                  <a:lnTo>
                    <a:pt x="6336" y="606"/>
                  </a:lnTo>
                  <a:lnTo>
                    <a:pt x="6339" y="603"/>
                  </a:lnTo>
                  <a:lnTo>
                    <a:pt x="6339" y="602"/>
                  </a:lnTo>
                  <a:lnTo>
                    <a:pt x="6338" y="600"/>
                  </a:lnTo>
                  <a:lnTo>
                    <a:pt x="6334" y="598"/>
                  </a:lnTo>
                  <a:lnTo>
                    <a:pt x="6328" y="591"/>
                  </a:lnTo>
                  <a:lnTo>
                    <a:pt x="6327" y="587"/>
                  </a:lnTo>
                  <a:lnTo>
                    <a:pt x="6323" y="579"/>
                  </a:lnTo>
                  <a:lnTo>
                    <a:pt x="6320" y="587"/>
                  </a:lnTo>
                  <a:lnTo>
                    <a:pt x="6315" y="599"/>
                  </a:lnTo>
                  <a:lnTo>
                    <a:pt x="6309" y="611"/>
                  </a:lnTo>
                  <a:lnTo>
                    <a:pt x="6304" y="619"/>
                  </a:lnTo>
                  <a:lnTo>
                    <a:pt x="6301" y="623"/>
                  </a:lnTo>
                  <a:lnTo>
                    <a:pt x="6292" y="629"/>
                  </a:lnTo>
                  <a:lnTo>
                    <a:pt x="6282" y="635"/>
                  </a:lnTo>
                  <a:lnTo>
                    <a:pt x="6277" y="641"/>
                  </a:lnTo>
                  <a:lnTo>
                    <a:pt x="6247" y="669"/>
                  </a:lnTo>
                  <a:lnTo>
                    <a:pt x="6243" y="679"/>
                  </a:lnTo>
                  <a:close/>
                  <a:moveTo>
                    <a:pt x="10753" y="457"/>
                  </a:moveTo>
                  <a:lnTo>
                    <a:pt x="10753" y="484"/>
                  </a:lnTo>
                  <a:lnTo>
                    <a:pt x="10776" y="484"/>
                  </a:lnTo>
                  <a:lnTo>
                    <a:pt x="10775" y="456"/>
                  </a:lnTo>
                  <a:lnTo>
                    <a:pt x="10753" y="457"/>
                  </a:lnTo>
                  <a:close/>
                  <a:moveTo>
                    <a:pt x="10753" y="505"/>
                  </a:moveTo>
                  <a:lnTo>
                    <a:pt x="10755" y="533"/>
                  </a:lnTo>
                  <a:lnTo>
                    <a:pt x="10776" y="533"/>
                  </a:lnTo>
                  <a:lnTo>
                    <a:pt x="10776" y="505"/>
                  </a:lnTo>
                  <a:lnTo>
                    <a:pt x="10753" y="505"/>
                  </a:lnTo>
                  <a:close/>
                  <a:moveTo>
                    <a:pt x="10755" y="553"/>
                  </a:moveTo>
                  <a:lnTo>
                    <a:pt x="10755" y="581"/>
                  </a:lnTo>
                  <a:lnTo>
                    <a:pt x="10776" y="580"/>
                  </a:lnTo>
                  <a:lnTo>
                    <a:pt x="10776" y="553"/>
                  </a:lnTo>
                  <a:lnTo>
                    <a:pt x="10755" y="553"/>
                  </a:lnTo>
                  <a:close/>
                  <a:moveTo>
                    <a:pt x="10755" y="600"/>
                  </a:moveTo>
                  <a:lnTo>
                    <a:pt x="10756" y="629"/>
                  </a:lnTo>
                  <a:lnTo>
                    <a:pt x="10778" y="629"/>
                  </a:lnTo>
                  <a:lnTo>
                    <a:pt x="10778" y="600"/>
                  </a:lnTo>
                  <a:lnTo>
                    <a:pt x="10755" y="600"/>
                  </a:lnTo>
                  <a:close/>
                  <a:moveTo>
                    <a:pt x="10756" y="677"/>
                  </a:moveTo>
                  <a:lnTo>
                    <a:pt x="10778" y="677"/>
                  </a:lnTo>
                  <a:lnTo>
                    <a:pt x="10778" y="649"/>
                  </a:lnTo>
                  <a:lnTo>
                    <a:pt x="10756" y="649"/>
                  </a:lnTo>
                  <a:lnTo>
                    <a:pt x="10756" y="677"/>
                  </a:lnTo>
                  <a:close/>
                  <a:moveTo>
                    <a:pt x="10803" y="505"/>
                  </a:moveTo>
                  <a:lnTo>
                    <a:pt x="10803" y="533"/>
                  </a:lnTo>
                  <a:lnTo>
                    <a:pt x="10826" y="532"/>
                  </a:lnTo>
                  <a:lnTo>
                    <a:pt x="10825" y="503"/>
                  </a:lnTo>
                  <a:lnTo>
                    <a:pt x="10803" y="505"/>
                  </a:lnTo>
                  <a:close/>
                  <a:moveTo>
                    <a:pt x="10805" y="552"/>
                  </a:moveTo>
                  <a:lnTo>
                    <a:pt x="10805" y="580"/>
                  </a:lnTo>
                  <a:lnTo>
                    <a:pt x="10826" y="580"/>
                  </a:lnTo>
                  <a:lnTo>
                    <a:pt x="10826" y="552"/>
                  </a:lnTo>
                  <a:lnTo>
                    <a:pt x="10805" y="552"/>
                  </a:lnTo>
                  <a:close/>
                  <a:moveTo>
                    <a:pt x="10805" y="600"/>
                  </a:moveTo>
                  <a:lnTo>
                    <a:pt x="10805" y="629"/>
                  </a:lnTo>
                  <a:lnTo>
                    <a:pt x="10826" y="629"/>
                  </a:lnTo>
                  <a:lnTo>
                    <a:pt x="10826" y="600"/>
                  </a:lnTo>
                  <a:lnTo>
                    <a:pt x="10805" y="600"/>
                  </a:lnTo>
                  <a:close/>
                  <a:moveTo>
                    <a:pt x="10806" y="676"/>
                  </a:moveTo>
                  <a:lnTo>
                    <a:pt x="10828" y="676"/>
                  </a:lnTo>
                  <a:lnTo>
                    <a:pt x="10828" y="648"/>
                  </a:lnTo>
                  <a:lnTo>
                    <a:pt x="10805" y="648"/>
                  </a:lnTo>
                  <a:lnTo>
                    <a:pt x="10806" y="676"/>
                  </a:lnTo>
                  <a:close/>
                  <a:moveTo>
                    <a:pt x="10986" y="617"/>
                  </a:moveTo>
                  <a:lnTo>
                    <a:pt x="11009" y="617"/>
                  </a:lnTo>
                  <a:lnTo>
                    <a:pt x="11007" y="588"/>
                  </a:lnTo>
                  <a:lnTo>
                    <a:pt x="10986" y="588"/>
                  </a:lnTo>
                  <a:lnTo>
                    <a:pt x="10986" y="617"/>
                  </a:lnTo>
                  <a:close/>
                  <a:moveTo>
                    <a:pt x="11100" y="523"/>
                  </a:moveTo>
                  <a:lnTo>
                    <a:pt x="11122" y="522"/>
                  </a:lnTo>
                  <a:lnTo>
                    <a:pt x="11122" y="494"/>
                  </a:lnTo>
                  <a:lnTo>
                    <a:pt x="11099" y="495"/>
                  </a:lnTo>
                  <a:lnTo>
                    <a:pt x="11100" y="523"/>
                  </a:lnTo>
                  <a:close/>
                  <a:moveTo>
                    <a:pt x="11149" y="496"/>
                  </a:moveTo>
                  <a:lnTo>
                    <a:pt x="11149" y="523"/>
                  </a:lnTo>
                  <a:lnTo>
                    <a:pt x="11172" y="523"/>
                  </a:lnTo>
                  <a:lnTo>
                    <a:pt x="11170" y="495"/>
                  </a:lnTo>
                  <a:lnTo>
                    <a:pt x="11149" y="496"/>
                  </a:lnTo>
                  <a:close/>
                  <a:moveTo>
                    <a:pt x="11150" y="552"/>
                  </a:moveTo>
                  <a:lnTo>
                    <a:pt x="11150" y="580"/>
                  </a:lnTo>
                  <a:lnTo>
                    <a:pt x="11172" y="579"/>
                  </a:lnTo>
                  <a:lnTo>
                    <a:pt x="11172" y="550"/>
                  </a:lnTo>
                  <a:lnTo>
                    <a:pt x="11150" y="552"/>
                  </a:lnTo>
                  <a:close/>
                  <a:moveTo>
                    <a:pt x="11150" y="635"/>
                  </a:moveTo>
                  <a:lnTo>
                    <a:pt x="11173" y="634"/>
                  </a:lnTo>
                  <a:lnTo>
                    <a:pt x="11172" y="607"/>
                  </a:lnTo>
                  <a:lnTo>
                    <a:pt x="11150" y="607"/>
                  </a:lnTo>
                  <a:lnTo>
                    <a:pt x="11150" y="635"/>
                  </a:lnTo>
                  <a:close/>
                  <a:moveTo>
                    <a:pt x="11316" y="448"/>
                  </a:moveTo>
                  <a:lnTo>
                    <a:pt x="11338" y="448"/>
                  </a:lnTo>
                  <a:lnTo>
                    <a:pt x="11338" y="420"/>
                  </a:lnTo>
                  <a:lnTo>
                    <a:pt x="11315" y="420"/>
                  </a:lnTo>
                  <a:lnTo>
                    <a:pt x="11316" y="448"/>
                  </a:lnTo>
                  <a:close/>
                </a:path>
              </a:pathLst>
            </a:custGeom>
            <a:solidFill>
              <a:srgbClr val="E5EFE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fi-FI" sz="1800"/>
            </a:p>
          </p:txBody>
        </p:sp>
        <p:sp>
          <p:nvSpPr>
            <p:cNvPr id="6" name="Freeform 7"/>
            <p:cNvSpPr>
              <a:spLocks noEditPoints="1"/>
            </p:cNvSpPr>
            <p:nvPr userDrawn="1"/>
          </p:nvSpPr>
          <p:spPr bwMode="auto">
            <a:xfrm>
              <a:off x="0" y="1968501"/>
              <a:ext cx="9140825" cy="2249488"/>
            </a:xfrm>
            <a:custGeom>
              <a:avLst/>
              <a:gdLst>
                <a:gd name="T0" fmla="*/ 1166813 w 11516"/>
                <a:gd name="T1" fmla="*/ 2074069 h 2834"/>
                <a:gd name="T2" fmla="*/ 1253331 w 11516"/>
                <a:gd name="T3" fmla="*/ 1929607 h 2834"/>
                <a:gd name="T4" fmla="*/ 2543175 w 11516"/>
                <a:gd name="T5" fmla="*/ 465931 h 2834"/>
                <a:gd name="T6" fmla="*/ 3363913 w 11516"/>
                <a:gd name="T7" fmla="*/ 449263 h 2834"/>
                <a:gd name="T8" fmla="*/ 3521869 w 11516"/>
                <a:gd name="T9" fmla="*/ 402431 h 2834"/>
                <a:gd name="T10" fmla="*/ 3836988 w 11516"/>
                <a:gd name="T11" fmla="*/ 415131 h 2834"/>
                <a:gd name="T12" fmla="*/ 3748088 w 11516"/>
                <a:gd name="T13" fmla="*/ 470694 h 2834"/>
                <a:gd name="T14" fmla="*/ 3790950 w 11516"/>
                <a:gd name="T15" fmla="*/ 495300 h 2834"/>
                <a:gd name="T16" fmla="*/ 5246688 w 11516"/>
                <a:gd name="T17" fmla="*/ 542925 h 2834"/>
                <a:gd name="T18" fmla="*/ 6731794 w 11516"/>
                <a:gd name="T19" fmla="*/ 1755775 h 2834"/>
                <a:gd name="T20" fmla="*/ 6371431 w 11516"/>
                <a:gd name="T21" fmla="*/ 1761332 h 2834"/>
                <a:gd name="T22" fmla="*/ 5899944 w 11516"/>
                <a:gd name="T23" fmla="*/ 1816894 h 2834"/>
                <a:gd name="T24" fmla="*/ 6503194 w 11516"/>
                <a:gd name="T25" fmla="*/ 788194 h 2834"/>
                <a:gd name="T26" fmla="*/ 7028656 w 11516"/>
                <a:gd name="T27" fmla="*/ 792163 h 2834"/>
                <a:gd name="T28" fmla="*/ 7007225 w 11516"/>
                <a:gd name="T29" fmla="*/ 1808163 h 2834"/>
                <a:gd name="T30" fmla="*/ 7454900 w 11516"/>
                <a:gd name="T31" fmla="*/ 1814513 h 2834"/>
                <a:gd name="T32" fmla="*/ 7927975 w 11516"/>
                <a:gd name="T33" fmla="*/ 466725 h 2834"/>
                <a:gd name="T34" fmla="*/ 7859713 w 11516"/>
                <a:gd name="T35" fmla="*/ 642938 h 2834"/>
                <a:gd name="T36" fmla="*/ 8028781 w 11516"/>
                <a:gd name="T37" fmla="*/ 1951038 h 2834"/>
                <a:gd name="T38" fmla="*/ 7857331 w 11516"/>
                <a:gd name="T39" fmla="*/ 1731963 h 2834"/>
                <a:gd name="T40" fmla="*/ 8174831 w 11516"/>
                <a:gd name="T41" fmla="*/ 1785938 h 2834"/>
                <a:gd name="T42" fmla="*/ 8476456 w 11516"/>
                <a:gd name="T43" fmla="*/ 684213 h 2834"/>
                <a:gd name="T44" fmla="*/ 8866188 w 11516"/>
                <a:gd name="T45" fmla="*/ 1491457 h 2834"/>
                <a:gd name="T46" fmla="*/ 8479631 w 11516"/>
                <a:gd name="T47" fmla="*/ 1431132 h 2834"/>
                <a:gd name="T48" fmla="*/ 8317706 w 11516"/>
                <a:gd name="T49" fmla="*/ 1858963 h 2834"/>
                <a:gd name="T50" fmla="*/ 8083550 w 11516"/>
                <a:gd name="T51" fmla="*/ 2021682 h 2834"/>
                <a:gd name="T52" fmla="*/ 7496175 w 11516"/>
                <a:gd name="T53" fmla="*/ 1947863 h 2834"/>
                <a:gd name="T54" fmla="*/ 6938169 w 11516"/>
                <a:gd name="T55" fmla="*/ 1700213 h 2834"/>
                <a:gd name="T56" fmla="*/ 6496844 w 11516"/>
                <a:gd name="T57" fmla="*/ 1472407 h 2834"/>
                <a:gd name="T58" fmla="*/ 6768306 w 11516"/>
                <a:gd name="T59" fmla="*/ 1926432 h 2834"/>
                <a:gd name="T60" fmla="*/ 5870575 w 11516"/>
                <a:gd name="T61" fmla="*/ 1937544 h 2834"/>
                <a:gd name="T62" fmla="*/ 5393531 w 11516"/>
                <a:gd name="T63" fmla="*/ 1447800 h 2834"/>
                <a:gd name="T64" fmla="*/ 5243513 w 11516"/>
                <a:gd name="T65" fmla="*/ 1273175 h 2834"/>
                <a:gd name="T66" fmla="*/ 4903788 w 11516"/>
                <a:gd name="T67" fmla="*/ 1458119 h 2834"/>
                <a:gd name="T68" fmla="*/ 4732338 w 11516"/>
                <a:gd name="T69" fmla="*/ 1273969 h 2834"/>
                <a:gd name="T70" fmla="*/ 4645819 w 11516"/>
                <a:gd name="T71" fmla="*/ 1416050 h 2834"/>
                <a:gd name="T72" fmla="*/ 3739356 w 11516"/>
                <a:gd name="T73" fmla="*/ 1835150 h 2834"/>
                <a:gd name="T74" fmla="*/ 3318669 w 11516"/>
                <a:gd name="T75" fmla="*/ 1393825 h 2834"/>
                <a:gd name="T76" fmla="*/ 3208338 w 11516"/>
                <a:gd name="T77" fmla="*/ 1199357 h 2834"/>
                <a:gd name="T78" fmla="*/ 3003550 w 11516"/>
                <a:gd name="T79" fmla="*/ 1338263 h 2834"/>
                <a:gd name="T80" fmla="*/ 2923381 w 11516"/>
                <a:gd name="T81" fmla="*/ 1538288 h 2834"/>
                <a:gd name="T82" fmla="*/ 2778919 w 11516"/>
                <a:gd name="T83" fmla="*/ 1179513 h 2834"/>
                <a:gd name="T84" fmla="*/ 2740025 w 11516"/>
                <a:gd name="T85" fmla="*/ 1543844 h 2834"/>
                <a:gd name="T86" fmla="*/ 1787525 w 11516"/>
                <a:gd name="T87" fmla="*/ 1326357 h 2834"/>
                <a:gd name="T88" fmla="*/ 1331913 w 11516"/>
                <a:gd name="T89" fmla="*/ 1442244 h 2834"/>
                <a:gd name="T90" fmla="*/ 1434306 w 11516"/>
                <a:gd name="T91" fmla="*/ 1926432 h 2834"/>
                <a:gd name="T92" fmla="*/ 1219994 w 11516"/>
                <a:gd name="T93" fmla="*/ 2018507 h 2834"/>
                <a:gd name="T94" fmla="*/ 906463 w 11516"/>
                <a:gd name="T95" fmla="*/ 1921669 h 2834"/>
                <a:gd name="T96" fmla="*/ 169069 w 11516"/>
                <a:gd name="T97" fmla="*/ 1797844 h 2834"/>
                <a:gd name="T98" fmla="*/ 607219 w 11516"/>
                <a:gd name="T99" fmla="*/ 196850 h 2834"/>
                <a:gd name="T100" fmla="*/ 1474788 w 11516"/>
                <a:gd name="T101" fmla="*/ 280988 h 2834"/>
                <a:gd name="T102" fmla="*/ 1694656 w 11516"/>
                <a:gd name="T103" fmla="*/ 205581 h 2834"/>
                <a:gd name="T104" fmla="*/ 2112169 w 11516"/>
                <a:gd name="T105" fmla="*/ 478631 h 2834"/>
                <a:gd name="T106" fmla="*/ 3239294 w 11516"/>
                <a:gd name="T107" fmla="*/ 435769 h 2834"/>
                <a:gd name="T108" fmla="*/ 3493294 w 11516"/>
                <a:gd name="T109" fmla="*/ 234950 h 2834"/>
                <a:gd name="T110" fmla="*/ 3676650 w 11516"/>
                <a:gd name="T111" fmla="*/ 450850 h 2834"/>
                <a:gd name="T112" fmla="*/ 3849688 w 11516"/>
                <a:gd name="T113" fmla="*/ 338931 h 2834"/>
                <a:gd name="T114" fmla="*/ 3839369 w 11516"/>
                <a:gd name="T115" fmla="*/ 427038 h 2834"/>
                <a:gd name="T116" fmla="*/ 4682331 w 11516"/>
                <a:gd name="T117" fmla="*/ 369888 h 2834"/>
                <a:gd name="T118" fmla="*/ 6019006 w 11516"/>
                <a:gd name="T119" fmla="*/ 417513 h 2834"/>
                <a:gd name="T120" fmla="*/ 6954044 w 11516"/>
                <a:gd name="T121" fmla="*/ 438944 h 2834"/>
                <a:gd name="T122" fmla="*/ 7723188 w 11516"/>
                <a:gd name="T123" fmla="*/ 268288 h 2834"/>
                <a:gd name="T124" fmla="*/ 8886825 w 11516"/>
                <a:gd name="T125" fmla="*/ 550863 h 283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1516" h="2834">
                  <a:moveTo>
                    <a:pt x="11516" y="619"/>
                  </a:moveTo>
                  <a:lnTo>
                    <a:pt x="11516" y="738"/>
                  </a:lnTo>
                  <a:lnTo>
                    <a:pt x="11511" y="719"/>
                  </a:lnTo>
                  <a:lnTo>
                    <a:pt x="11504" y="684"/>
                  </a:lnTo>
                  <a:lnTo>
                    <a:pt x="11507" y="661"/>
                  </a:lnTo>
                  <a:lnTo>
                    <a:pt x="11516" y="619"/>
                  </a:lnTo>
                  <a:close/>
                  <a:moveTo>
                    <a:pt x="1277" y="2642"/>
                  </a:moveTo>
                  <a:lnTo>
                    <a:pt x="1281" y="2632"/>
                  </a:lnTo>
                  <a:lnTo>
                    <a:pt x="1279" y="2535"/>
                  </a:lnTo>
                  <a:lnTo>
                    <a:pt x="1259" y="2541"/>
                  </a:lnTo>
                  <a:lnTo>
                    <a:pt x="1259" y="2633"/>
                  </a:lnTo>
                  <a:lnTo>
                    <a:pt x="1265" y="2634"/>
                  </a:lnTo>
                  <a:lnTo>
                    <a:pt x="1271" y="2637"/>
                  </a:lnTo>
                  <a:lnTo>
                    <a:pt x="1277" y="2641"/>
                  </a:lnTo>
                  <a:lnTo>
                    <a:pt x="1277" y="2642"/>
                  </a:lnTo>
                  <a:close/>
                  <a:moveTo>
                    <a:pt x="1327" y="2588"/>
                  </a:moveTo>
                  <a:lnTo>
                    <a:pt x="1327" y="2502"/>
                  </a:lnTo>
                  <a:lnTo>
                    <a:pt x="1316" y="2489"/>
                  </a:lnTo>
                  <a:lnTo>
                    <a:pt x="1310" y="2501"/>
                  </a:lnTo>
                  <a:lnTo>
                    <a:pt x="1304" y="2513"/>
                  </a:lnTo>
                  <a:lnTo>
                    <a:pt x="1304" y="2601"/>
                  </a:lnTo>
                  <a:lnTo>
                    <a:pt x="1314" y="2594"/>
                  </a:lnTo>
                  <a:lnTo>
                    <a:pt x="1327" y="2588"/>
                  </a:lnTo>
                  <a:close/>
                  <a:moveTo>
                    <a:pt x="1343" y="2401"/>
                  </a:moveTo>
                  <a:lnTo>
                    <a:pt x="1343" y="2340"/>
                  </a:lnTo>
                  <a:lnTo>
                    <a:pt x="1341" y="2338"/>
                  </a:lnTo>
                  <a:lnTo>
                    <a:pt x="1325" y="2336"/>
                  </a:lnTo>
                  <a:lnTo>
                    <a:pt x="1325" y="2413"/>
                  </a:lnTo>
                  <a:lnTo>
                    <a:pt x="1333" y="2406"/>
                  </a:lnTo>
                  <a:lnTo>
                    <a:pt x="1343" y="2401"/>
                  </a:lnTo>
                  <a:close/>
                  <a:moveTo>
                    <a:pt x="1367" y="2359"/>
                  </a:moveTo>
                  <a:lnTo>
                    <a:pt x="1367" y="2398"/>
                  </a:lnTo>
                  <a:lnTo>
                    <a:pt x="1377" y="2401"/>
                  </a:lnTo>
                  <a:lnTo>
                    <a:pt x="1385" y="2405"/>
                  </a:lnTo>
                  <a:lnTo>
                    <a:pt x="1385" y="2365"/>
                  </a:lnTo>
                  <a:lnTo>
                    <a:pt x="1375" y="2362"/>
                  </a:lnTo>
                  <a:lnTo>
                    <a:pt x="1367" y="2359"/>
                  </a:lnTo>
                  <a:close/>
                  <a:moveTo>
                    <a:pt x="1386" y="2598"/>
                  </a:moveTo>
                  <a:lnTo>
                    <a:pt x="1386" y="2525"/>
                  </a:lnTo>
                  <a:lnTo>
                    <a:pt x="1381" y="2524"/>
                  </a:lnTo>
                  <a:lnTo>
                    <a:pt x="1374" y="2521"/>
                  </a:lnTo>
                  <a:lnTo>
                    <a:pt x="1367" y="2516"/>
                  </a:lnTo>
                  <a:lnTo>
                    <a:pt x="1360" y="2517"/>
                  </a:lnTo>
                  <a:lnTo>
                    <a:pt x="1350" y="2516"/>
                  </a:lnTo>
                  <a:lnTo>
                    <a:pt x="1350" y="2584"/>
                  </a:lnTo>
                  <a:lnTo>
                    <a:pt x="1370" y="2588"/>
                  </a:lnTo>
                  <a:lnTo>
                    <a:pt x="1386" y="2598"/>
                  </a:lnTo>
                  <a:close/>
                  <a:moveTo>
                    <a:pt x="1428" y="2625"/>
                  </a:moveTo>
                  <a:lnTo>
                    <a:pt x="1428" y="2547"/>
                  </a:lnTo>
                  <a:lnTo>
                    <a:pt x="1418" y="2533"/>
                  </a:lnTo>
                  <a:lnTo>
                    <a:pt x="1412" y="2516"/>
                  </a:lnTo>
                  <a:lnTo>
                    <a:pt x="1410" y="2626"/>
                  </a:lnTo>
                  <a:lnTo>
                    <a:pt x="1416" y="2640"/>
                  </a:lnTo>
                  <a:lnTo>
                    <a:pt x="1421" y="2632"/>
                  </a:lnTo>
                  <a:lnTo>
                    <a:pt x="1428" y="2625"/>
                  </a:lnTo>
                  <a:close/>
                  <a:moveTo>
                    <a:pt x="1429" y="2425"/>
                  </a:moveTo>
                  <a:lnTo>
                    <a:pt x="1429" y="2356"/>
                  </a:lnTo>
                  <a:lnTo>
                    <a:pt x="1409" y="2365"/>
                  </a:lnTo>
                  <a:lnTo>
                    <a:pt x="1409" y="2436"/>
                  </a:lnTo>
                  <a:lnTo>
                    <a:pt x="1410" y="2445"/>
                  </a:lnTo>
                  <a:lnTo>
                    <a:pt x="1412" y="2455"/>
                  </a:lnTo>
                  <a:lnTo>
                    <a:pt x="1420" y="2439"/>
                  </a:lnTo>
                  <a:lnTo>
                    <a:pt x="1429" y="2425"/>
                  </a:lnTo>
                  <a:close/>
                  <a:moveTo>
                    <a:pt x="1470" y="2613"/>
                  </a:moveTo>
                  <a:lnTo>
                    <a:pt x="1470" y="2572"/>
                  </a:lnTo>
                  <a:lnTo>
                    <a:pt x="1460" y="2570"/>
                  </a:lnTo>
                  <a:lnTo>
                    <a:pt x="1452" y="2566"/>
                  </a:lnTo>
                  <a:lnTo>
                    <a:pt x="1451" y="2613"/>
                  </a:lnTo>
                  <a:lnTo>
                    <a:pt x="1460" y="2611"/>
                  </a:lnTo>
                  <a:lnTo>
                    <a:pt x="1470" y="2613"/>
                  </a:lnTo>
                  <a:close/>
                  <a:moveTo>
                    <a:pt x="1476" y="2402"/>
                  </a:moveTo>
                  <a:lnTo>
                    <a:pt x="1476" y="2325"/>
                  </a:lnTo>
                  <a:lnTo>
                    <a:pt x="1466" y="2312"/>
                  </a:lnTo>
                  <a:lnTo>
                    <a:pt x="1453" y="2335"/>
                  </a:lnTo>
                  <a:lnTo>
                    <a:pt x="1453" y="2408"/>
                  </a:lnTo>
                  <a:lnTo>
                    <a:pt x="1464" y="2404"/>
                  </a:lnTo>
                  <a:lnTo>
                    <a:pt x="1476" y="2402"/>
                  </a:lnTo>
                  <a:close/>
                  <a:moveTo>
                    <a:pt x="1707" y="2243"/>
                  </a:moveTo>
                  <a:lnTo>
                    <a:pt x="1707" y="2296"/>
                  </a:lnTo>
                  <a:lnTo>
                    <a:pt x="1721" y="2305"/>
                  </a:lnTo>
                  <a:lnTo>
                    <a:pt x="1721" y="2219"/>
                  </a:lnTo>
                  <a:lnTo>
                    <a:pt x="1707" y="2243"/>
                  </a:lnTo>
                  <a:close/>
                  <a:moveTo>
                    <a:pt x="1686" y="2456"/>
                  </a:moveTo>
                  <a:lnTo>
                    <a:pt x="1686" y="2495"/>
                  </a:lnTo>
                  <a:lnTo>
                    <a:pt x="1707" y="2482"/>
                  </a:lnTo>
                  <a:lnTo>
                    <a:pt x="1707" y="2450"/>
                  </a:lnTo>
                  <a:lnTo>
                    <a:pt x="1686" y="2456"/>
                  </a:lnTo>
                  <a:close/>
                  <a:moveTo>
                    <a:pt x="1663" y="2273"/>
                  </a:moveTo>
                  <a:lnTo>
                    <a:pt x="1663" y="2288"/>
                  </a:lnTo>
                  <a:lnTo>
                    <a:pt x="1673" y="2286"/>
                  </a:lnTo>
                  <a:lnTo>
                    <a:pt x="1684" y="2288"/>
                  </a:lnTo>
                  <a:lnTo>
                    <a:pt x="1684" y="2265"/>
                  </a:lnTo>
                  <a:lnTo>
                    <a:pt x="1663" y="2273"/>
                  </a:lnTo>
                  <a:close/>
                  <a:moveTo>
                    <a:pt x="1644" y="2502"/>
                  </a:moveTo>
                  <a:lnTo>
                    <a:pt x="1644" y="2524"/>
                  </a:lnTo>
                  <a:lnTo>
                    <a:pt x="1649" y="2525"/>
                  </a:lnTo>
                  <a:lnTo>
                    <a:pt x="1661" y="2532"/>
                  </a:lnTo>
                  <a:lnTo>
                    <a:pt x="1663" y="2456"/>
                  </a:lnTo>
                  <a:lnTo>
                    <a:pt x="1653" y="2455"/>
                  </a:lnTo>
                  <a:lnTo>
                    <a:pt x="1645" y="2451"/>
                  </a:lnTo>
                  <a:lnTo>
                    <a:pt x="1644" y="2472"/>
                  </a:lnTo>
                  <a:lnTo>
                    <a:pt x="1646" y="2486"/>
                  </a:lnTo>
                  <a:lnTo>
                    <a:pt x="1646" y="2489"/>
                  </a:lnTo>
                  <a:lnTo>
                    <a:pt x="1644" y="2502"/>
                  </a:lnTo>
                  <a:close/>
                  <a:moveTo>
                    <a:pt x="1621" y="2266"/>
                  </a:moveTo>
                  <a:lnTo>
                    <a:pt x="1621" y="2311"/>
                  </a:lnTo>
                  <a:lnTo>
                    <a:pt x="1640" y="2296"/>
                  </a:lnTo>
                  <a:lnTo>
                    <a:pt x="1640" y="2273"/>
                  </a:lnTo>
                  <a:lnTo>
                    <a:pt x="1630" y="2270"/>
                  </a:lnTo>
                  <a:lnTo>
                    <a:pt x="1622" y="2267"/>
                  </a:lnTo>
                  <a:lnTo>
                    <a:pt x="1621" y="2266"/>
                  </a:lnTo>
                  <a:close/>
                  <a:moveTo>
                    <a:pt x="1580" y="2217"/>
                  </a:moveTo>
                  <a:lnTo>
                    <a:pt x="1580" y="2334"/>
                  </a:lnTo>
                  <a:lnTo>
                    <a:pt x="1590" y="2335"/>
                  </a:lnTo>
                  <a:lnTo>
                    <a:pt x="1598" y="2339"/>
                  </a:lnTo>
                  <a:lnTo>
                    <a:pt x="1598" y="2247"/>
                  </a:lnTo>
                  <a:lnTo>
                    <a:pt x="1588" y="2234"/>
                  </a:lnTo>
                  <a:lnTo>
                    <a:pt x="1582" y="2216"/>
                  </a:lnTo>
                  <a:lnTo>
                    <a:pt x="1580" y="2217"/>
                  </a:lnTo>
                  <a:close/>
                  <a:moveTo>
                    <a:pt x="1510" y="2339"/>
                  </a:moveTo>
                  <a:lnTo>
                    <a:pt x="1499" y="2339"/>
                  </a:lnTo>
                  <a:lnTo>
                    <a:pt x="1499" y="2404"/>
                  </a:lnTo>
                  <a:lnTo>
                    <a:pt x="1516" y="2412"/>
                  </a:lnTo>
                  <a:lnTo>
                    <a:pt x="1530" y="2424"/>
                  </a:lnTo>
                  <a:lnTo>
                    <a:pt x="1541" y="2439"/>
                  </a:lnTo>
                  <a:lnTo>
                    <a:pt x="1549" y="2456"/>
                  </a:lnTo>
                  <a:lnTo>
                    <a:pt x="1563" y="2440"/>
                  </a:lnTo>
                  <a:lnTo>
                    <a:pt x="1579" y="2431"/>
                  </a:lnTo>
                  <a:lnTo>
                    <a:pt x="1579" y="2410"/>
                  </a:lnTo>
                  <a:lnTo>
                    <a:pt x="1574" y="2409"/>
                  </a:lnTo>
                  <a:lnTo>
                    <a:pt x="1563" y="2404"/>
                  </a:lnTo>
                  <a:lnTo>
                    <a:pt x="1556" y="2396"/>
                  </a:lnTo>
                  <a:lnTo>
                    <a:pt x="1551" y="2386"/>
                  </a:lnTo>
                  <a:lnTo>
                    <a:pt x="1548" y="2374"/>
                  </a:lnTo>
                  <a:lnTo>
                    <a:pt x="1548" y="2371"/>
                  </a:lnTo>
                  <a:lnTo>
                    <a:pt x="1551" y="2358"/>
                  </a:lnTo>
                  <a:lnTo>
                    <a:pt x="1556" y="2347"/>
                  </a:lnTo>
                  <a:lnTo>
                    <a:pt x="1556" y="2307"/>
                  </a:lnTo>
                  <a:lnTo>
                    <a:pt x="1548" y="2320"/>
                  </a:lnTo>
                  <a:lnTo>
                    <a:pt x="1537" y="2331"/>
                  </a:lnTo>
                  <a:lnTo>
                    <a:pt x="1525" y="2338"/>
                  </a:lnTo>
                  <a:lnTo>
                    <a:pt x="1510" y="2339"/>
                  </a:lnTo>
                  <a:close/>
                  <a:moveTo>
                    <a:pt x="2983" y="434"/>
                  </a:moveTo>
                  <a:lnTo>
                    <a:pt x="2983" y="460"/>
                  </a:lnTo>
                  <a:lnTo>
                    <a:pt x="3004" y="460"/>
                  </a:lnTo>
                  <a:lnTo>
                    <a:pt x="3003" y="433"/>
                  </a:lnTo>
                  <a:lnTo>
                    <a:pt x="2983" y="434"/>
                  </a:lnTo>
                  <a:close/>
                  <a:moveTo>
                    <a:pt x="2983" y="479"/>
                  </a:moveTo>
                  <a:lnTo>
                    <a:pt x="2983" y="506"/>
                  </a:lnTo>
                  <a:lnTo>
                    <a:pt x="3004" y="506"/>
                  </a:lnTo>
                  <a:lnTo>
                    <a:pt x="3004" y="479"/>
                  </a:lnTo>
                  <a:lnTo>
                    <a:pt x="2983" y="479"/>
                  </a:lnTo>
                  <a:close/>
                  <a:moveTo>
                    <a:pt x="2984" y="524"/>
                  </a:moveTo>
                  <a:lnTo>
                    <a:pt x="2984" y="551"/>
                  </a:lnTo>
                  <a:lnTo>
                    <a:pt x="3004" y="551"/>
                  </a:lnTo>
                  <a:lnTo>
                    <a:pt x="3004" y="524"/>
                  </a:lnTo>
                  <a:lnTo>
                    <a:pt x="2984" y="524"/>
                  </a:lnTo>
                  <a:close/>
                  <a:moveTo>
                    <a:pt x="2984" y="570"/>
                  </a:moveTo>
                  <a:lnTo>
                    <a:pt x="2984" y="597"/>
                  </a:lnTo>
                  <a:lnTo>
                    <a:pt x="3006" y="597"/>
                  </a:lnTo>
                  <a:lnTo>
                    <a:pt x="3006" y="570"/>
                  </a:lnTo>
                  <a:lnTo>
                    <a:pt x="2984" y="570"/>
                  </a:lnTo>
                  <a:close/>
                  <a:moveTo>
                    <a:pt x="2985" y="643"/>
                  </a:moveTo>
                  <a:lnTo>
                    <a:pt x="3006" y="643"/>
                  </a:lnTo>
                  <a:lnTo>
                    <a:pt x="3006" y="616"/>
                  </a:lnTo>
                  <a:lnTo>
                    <a:pt x="2985" y="616"/>
                  </a:lnTo>
                  <a:lnTo>
                    <a:pt x="2985" y="643"/>
                  </a:lnTo>
                  <a:close/>
                  <a:moveTo>
                    <a:pt x="3030" y="479"/>
                  </a:moveTo>
                  <a:lnTo>
                    <a:pt x="3030" y="506"/>
                  </a:lnTo>
                  <a:lnTo>
                    <a:pt x="3051" y="506"/>
                  </a:lnTo>
                  <a:lnTo>
                    <a:pt x="3051" y="479"/>
                  </a:lnTo>
                  <a:lnTo>
                    <a:pt x="3030" y="479"/>
                  </a:lnTo>
                  <a:close/>
                  <a:moveTo>
                    <a:pt x="3031" y="524"/>
                  </a:moveTo>
                  <a:lnTo>
                    <a:pt x="3031" y="551"/>
                  </a:lnTo>
                  <a:lnTo>
                    <a:pt x="3051" y="551"/>
                  </a:lnTo>
                  <a:lnTo>
                    <a:pt x="3051" y="524"/>
                  </a:lnTo>
                  <a:lnTo>
                    <a:pt x="3031" y="524"/>
                  </a:lnTo>
                  <a:close/>
                  <a:moveTo>
                    <a:pt x="3031" y="570"/>
                  </a:moveTo>
                  <a:lnTo>
                    <a:pt x="3031" y="597"/>
                  </a:lnTo>
                  <a:lnTo>
                    <a:pt x="3053" y="597"/>
                  </a:lnTo>
                  <a:lnTo>
                    <a:pt x="3051" y="570"/>
                  </a:lnTo>
                  <a:lnTo>
                    <a:pt x="3031" y="570"/>
                  </a:lnTo>
                  <a:close/>
                  <a:moveTo>
                    <a:pt x="3033" y="643"/>
                  </a:moveTo>
                  <a:lnTo>
                    <a:pt x="3053" y="642"/>
                  </a:lnTo>
                  <a:lnTo>
                    <a:pt x="3053" y="616"/>
                  </a:lnTo>
                  <a:lnTo>
                    <a:pt x="3031" y="616"/>
                  </a:lnTo>
                  <a:lnTo>
                    <a:pt x="3033" y="643"/>
                  </a:lnTo>
                  <a:close/>
                  <a:moveTo>
                    <a:pt x="3204" y="587"/>
                  </a:moveTo>
                  <a:lnTo>
                    <a:pt x="3224" y="585"/>
                  </a:lnTo>
                  <a:lnTo>
                    <a:pt x="3224" y="558"/>
                  </a:lnTo>
                  <a:lnTo>
                    <a:pt x="3204" y="560"/>
                  </a:lnTo>
                  <a:lnTo>
                    <a:pt x="3204" y="587"/>
                  </a:lnTo>
                  <a:close/>
                  <a:moveTo>
                    <a:pt x="3312" y="496"/>
                  </a:moveTo>
                  <a:lnTo>
                    <a:pt x="3333" y="496"/>
                  </a:lnTo>
                  <a:lnTo>
                    <a:pt x="3333" y="469"/>
                  </a:lnTo>
                  <a:lnTo>
                    <a:pt x="3312" y="469"/>
                  </a:lnTo>
                  <a:lnTo>
                    <a:pt x="3312" y="496"/>
                  </a:lnTo>
                  <a:close/>
                  <a:moveTo>
                    <a:pt x="3359" y="470"/>
                  </a:moveTo>
                  <a:lnTo>
                    <a:pt x="3359" y="497"/>
                  </a:lnTo>
                  <a:lnTo>
                    <a:pt x="3381" y="497"/>
                  </a:lnTo>
                  <a:lnTo>
                    <a:pt x="3379" y="470"/>
                  </a:lnTo>
                  <a:lnTo>
                    <a:pt x="3359" y="470"/>
                  </a:lnTo>
                  <a:close/>
                  <a:moveTo>
                    <a:pt x="3359" y="523"/>
                  </a:moveTo>
                  <a:lnTo>
                    <a:pt x="3360" y="550"/>
                  </a:lnTo>
                  <a:lnTo>
                    <a:pt x="3381" y="550"/>
                  </a:lnTo>
                  <a:lnTo>
                    <a:pt x="3381" y="523"/>
                  </a:lnTo>
                  <a:lnTo>
                    <a:pt x="3359" y="523"/>
                  </a:lnTo>
                  <a:close/>
                  <a:moveTo>
                    <a:pt x="3360" y="603"/>
                  </a:moveTo>
                  <a:lnTo>
                    <a:pt x="3382" y="603"/>
                  </a:lnTo>
                  <a:lnTo>
                    <a:pt x="3381" y="576"/>
                  </a:lnTo>
                  <a:lnTo>
                    <a:pt x="3360" y="576"/>
                  </a:lnTo>
                  <a:lnTo>
                    <a:pt x="3360" y="603"/>
                  </a:lnTo>
                  <a:close/>
                  <a:moveTo>
                    <a:pt x="3518" y="425"/>
                  </a:moveTo>
                  <a:lnTo>
                    <a:pt x="3539" y="425"/>
                  </a:lnTo>
                  <a:lnTo>
                    <a:pt x="3539" y="398"/>
                  </a:lnTo>
                  <a:lnTo>
                    <a:pt x="3517" y="398"/>
                  </a:lnTo>
                  <a:lnTo>
                    <a:pt x="3518" y="425"/>
                  </a:lnTo>
                  <a:close/>
                  <a:moveTo>
                    <a:pt x="4122" y="612"/>
                  </a:moveTo>
                  <a:lnTo>
                    <a:pt x="4122" y="568"/>
                  </a:lnTo>
                  <a:lnTo>
                    <a:pt x="4114" y="557"/>
                  </a:lnTo>
                  <a:lnTo>
                    <a:pt x="4108" y="545"/>
                  </a:lnTo>
                  <a:lnTo>
                    <a:pt x="4108" y="615"/>
                  </a:lnTo>
                  <a:lnTo>
                    <a:pt x="4122" y="612"/>
                  </a:lnTo>
                  <a:close/>
                  <a:moveTo>
                    <a:pt x="4151" y="607"/>
                  </a:moveTo>
                  <a:lnTo>
                    <a:pt x="4151" y="585"/>
                  </a:lnTo>
                  <a:lnTo>
                    <a:pt x="4139" y="581"/>
                  </a:lnTo>
                  <a:lnTo>
                    <a:pt x="4139" y="609"/>
                  </a:lnTo>
                  <a:lnTo>
                    <a:pt x="4151" y="607"/>
                  </a:lnTo>
                  <a:close/>
                  <a:moveTo>
                    <a:pt x="4185" y="603"/>
                  </a:moveTo>
                  <a:lnTo>
                    <a:pt x="4185" y="580"/>
                  </a:lnTo>
                  <a:lnTo>
                    <a:pt x="4170" y="585"/>
                  </a:lnTo>
                  <a:lnTo>
                    <a:pt x="4170" y="605"/>
                  </a:lnTo>
                  <a:lnTo>
                    <a:pt x="4185" y="603"/>
                  </a:lnTo>
                  <a:close/>
                  <a:moveTo>
                    <a:pt x="4220" y="600"/>
                  </a:moveTo>
                  <a:lnTo>
                    <a:pt x="4220" y="557"/>
                  </a:lnTo>
                  <a:lnTo>
                    <a:pt x="4212" y="546"/>
                  </a:lnTo>
                  <a:lnTo>
                    <a:pt x="4203" y="564"/>
                  </a:lnTo>
                  <a:lnTo>
                    <a:pt x="4203" y="601"/>
                  </a:lnTo>
                  <a:lnTo>
                    <a:pt x="4220" y="600"/>
                  </a:lnTo>
                  <a:close/>
                  <a:moveTo>
                    <a:pt x="4232" y="481"/>
                  </a:moveTo>
                  <a:lnTo>
                    <a:pt x="4232" y="435"/>
                  </a:lnTo>
                  <a:lnTo>
                    <a:pt x="4226" y="425"/>
                  </a:lnTo>
                  <a:lnTo>
                    <a:pt x="4220" y="412"/>
                  </a:lnTo>
                  <a:lnTo>
                    <a:pt x="4219" y="491"/>
                  </a:lnTo>
                  <a:lnTo>
                    <a:pt x="4232" y="481"/>
                  </a:lnTo>
                  <a:close/>
                  <a:moveTo>
                    <a:pt x="4250" y="450"/>
                  </a:moveTo>
                  <a:lnTo>
                    <a:pt x="4250" y="480"/>
                  </a:lnTo>
                  <a:lnTo>
                    <a:pt x="4263" y="484"/>
                  </a:lnTo>
                  <a:lnTo>
                    <a:pt x="4263" y="454"/>
                  </a:lnTo>
                  <a:lnTo>
                    <a:pt x="4250" y="450"/>
                  </a:lnTo>
                  <a:close/>
                  <a:moveTo>
                    <a:pt x="4265" y="599"/>
                  </a:moveTo>
                  <a:lnTo>
                    <a:pt x="4265" y="573"/>
                  </a:lnTo>
                  <a:lnTo>
                    <a:pt x="4257" y="572"/>
                  </a:lnTo>
                  <a:lnTo>
                    <a:pt x="4250" y="566"/>
                  </a:lnTo>
                  <a:lnTo>
                    <a:pt x="4244" y="568"/>
                  </a:lnTo>
                  <a:lnTo>
                    <a:pt x="4238" y="566"/>
                  </a:lnTo>
                  <a:lnTo>
                    <a:pt x="4238" y="600"/>
                  </a:lnTo>
                  <a:lnTo>
                    <a:pt x="4265" y="599"/>
                  </a:lnTo>
                  <a:close/>
                  <a:moveTo>
                    <a:pt x="4294" y="599"/>
                  </a:moveTo>
                  <a:lnTo>
                    <a:pt x="4294" y="589"/>
                  </a:lnTo>
                  <a:lnTo>
                    <a:pt x="4288" y="578"/>
                  </a:lnTo>
                  <a:lnTo>
                    <a:pt x="4282" y="566"/>
                  </a:lnTo>
                  <a:lnTo>
                    <a:pt x="4282" y="599"/>
                  </a:lnTo>
                  <a:lnTo>
                    <a:pt x="4294" y="599"/>
                  </a:lnTo>
                  <a:close/>
                  <a:moveTo>
                    <a:pt x="4296" y="500"/>
                  </a:moveTo>
                  <a:lnTo>
                    <a:pt x="4296" y="449"/>
                  </a:lnTo>
                  <a:lnTo>
                    <a:pt x="4281" y="454"/>
                  </a:lnTo>
                  <a:lnTo>
                    <a:pt x="4281" y="507"/>
                  </a:lnTo>
                  <a:lnTo>
                    <a:pt x="4284" y="522"/>
                  </a:lnTo>
                  <a:lnTo>
                    <a:pt x="4289" y="510"/>
                  </a:lnTo>
                  <a:lnTo>
                    <a:pt x="4296" y="500"/>
                  </a:lnTo>
                  <a:close/>
                  <a:moveTo>
                    <a:pt x="4331" y="483"/>
                  </a:moveTo>
                  <a:lnTo>
                    <a:pt x="4331" y="425"/>
                  </a:lnTo>
                  <a:lnTo>
                    <a:pt x="4323" y="415"/>
                  </a:lnTo>
                  <a:lnTo>
                    <a:pt x="4313" y="433"/>
                  </a:lnTo>
                  <a:lnTo>
                    <a:pt x="4313" y="487"/>
                  </a:lnTo>
                  <a:lnTo>
                    <a:pt x="4331" y="483"/>
                  </a:lnTo>
                  <a:close/>
                  <a:moveTo>
                    <a:pt x="4393" y="608"/>
                  </a:moveTo>
                  <a:lnTo>
                    <a:pt x="4393" y="578"/>
                  </a:lnTo>
                  <a:lnTo>
                    <a:pt x="4386" y="568"/>
                  </a:lnTo>
                  <a:lnTo>
                    <a:pt x="4377" y="587"/>
                  </a:lnTo>
                  <a:lnTo>
                    <a:pt x="4377" y="605"/>
                  </a:lnTo>
                  <a:lnTo>
                    <a:pt x="4393" y="608"/>
                  </a:lnTo>
                  <a:close/>
                  <a:moveTo>
                    <a:pt x="4408" y="503"/>
                  </a:moveTo>
                  <a:lnTo>
                    <a:pt x="4408" y="488"/>
                  </a:lnTo>
                  <a:lnTo>
                    <a:pt x="4398" y="485"/>
                  </a:lnTo>
                  <a:lnTo>
                    <a:pt x="4392" y="480"/>
                  </a:lnTo>
                  <a:lnTo>
                    <a:pt x="4386" y="472"/>
                  </a:lnTo>
                  <a:lnTo>
                    <a:pt x="4383" y="461"/>
                  </a:lnTo>
                  <a:lnTo>
                    <a:pt x="4385" y="458"/>
                  </a:lnTo>
                  <a:lnTo>
                    <a:pt x="4386" y="449"/>
                  </a:lnTo>
                  <a:lnTo>
                    <a:pt x="4390" y="441"/>
                  </a:lnTo>
                  <a:lnTo>
                    <a:pt x="4390" y="411"/>
                  </a:lnTo>
                  <a:lnTo>
                    <a:pt x="4385" y="421"/>
                  </a:lnTo>
                  <a:lnTo>
                    <a:pt x="4377" y="429"/>
                  </a:lnTo>
                  <a:lnTo>
                    <a:pt x="4367" y="434"/>
                  </a:lnTo>
                  <a:lnTo>
                    <a:pt x="4355" y="435"/>
                  </a:lnTo>
                  <a:lnTo>
                    <a:pt x="4348" y="435"/>
                  </a:lnTo>
                  <a:lnTo>
                    <a:pt x="4348" y="484"/>
                  </a:lnTo>
                  <a:lnTo>
                    <a:pt x="4360" y="489"/>
                  </a:lnTo>
                  <a:lnTo>
                    <a:pt x="4371" y="497"/>
                  </a:lnTo>
                  <a:lnTo>
                    <a:pt x="4379" y="510"/>
                  </a:lnTo>
                  <a:lnTo>
                    <a:pt x="4386" y="522"/>
                  </a:lnTo>
                  <a:lnTo>
                    <a:pt x="4394" y="511"/>
                  </a:lnTo>
                  <a:lnTo>
                    <a:pt x="4408" y="503"/>
                  </a:lnTo>
                  <a:close/>
                  <a:moveTo>
                    <a:pt x="4408" y="431"/>
                  </a:moveTo>
                  <a:lnTo>
                    <a:pt x="4421" y="435"/>
                  </a:lnTo>
                  <a:lnTo>
                    <a:pt x="4421" y="368"/>
                  </a:lnTo>
                  <a:lnTo>
                    <a:pt x="4413" y="357"/>
                  </a:lnTo>
                  <a:lnTo>
                    <a:pt x="4409" y="345"/>
                  </a:lnTo>
                  <a:lnTo>
                    <a:pt x="4408" y="431"/>
                  </a:lnTo>
                  <a:close/>
                  <a:moveTo>
                    <a:pt x="4428" y="601"/>
                  </a:moveTo>
                  <a:lnTo>
                    <a:pt x="4429" y="593"/>
                  </a:lnTo>
                  <a:lnTo>
                    <a:pt x="4432" y="587"/>
                  </a:lnTo>
                  <a:lnTo>
                    <a:pt x="4419" y="589"/>
                  </a:lnTo>
                  <a:lnTo>
                    <a:pt x="4412" y="589"/>
                  </a:lnTo>
                  <a:lnTo>
                    <a:pt x="4412" y="611"/>
                  </a:lnTo>
                  <a:lnTo>
                    <a:pt x="4432" y="615"/>
                  </a:lnTo>
                  <a:lnTo>
                    <a:pt x="4428" y="601"/>
                  </a:lnTo>
                  <a:close/>
                  <a:moveTo>
                    <a:pt x="4437" y="507"/>
                  </a:moveTo>
                  <a:lnTo>
                    <a:pt x="4437" y="504"/>
                  </a:lnTo>
                  <a:lnTo>
                    <a:pt x="4431" y="493"/>
                  </a:lnTo>
                  <a:lnTo>
                    <a:pt x="4425" y="481"/>
                  </a:lnTo>
                  <a:lnTo>
                    <a:pt x="4425" y="502"/>
                  </a:lnTo>
                  <a:lnTo>
                    <a:pt x="4437" y="507"/>
                  </a:lnTo>
                  <a:close/>
                  <a:moveTo>
                    <a:pt x="4452" y="404"/>
                  </a:moveTo>
                  <a:lnTo>
                    <a:pt x="4452" y="386"/>
                  </a:lnTo>
                  <a:lnTo>
                    <a:pt x="4439" y="381"/>
                  </a:lnTo>
                  <a:lnTo>
                    <a:pt x="4439" y="415"/>
                  </a:lnTo>
                  <a:lnTo>
                    <a:pt x="4452" y="404"/>
                  </a:lnTo>
                  <a:close/>
                  <a:moveTo>
                    <a:pt x="4468" y="578"/>
                  </a:moveTo>
                  <a:lnTo>
                    <a:pt x="4468" y="523"/>
                  </a:lnTo>
                  <a:lnTo>
                    <a:pt x="4456" y="518"/>
                  </a:lnTo>
                  <a:lnTo>
                    <a:pt x="4456" y="535"/>
                  </a:lnTo>
                  <a:lnTo>
                    <a:pt x="4456" y="545"/>
                  </a:lnTo>
                  <a:lnTo>
                    <a:pt x="4456" y="546"/>
                  </a:lnTo>
                  <a:lnTo>
                    <a:pt x="4456" y="555"/>
                  </a:lnTo>
                  <a:lnTo>
                    <a:pt x="4456" y="573"/>
                  </a:lnTo>
                  <a:lnTo>
                    <a:pt x="4463" y="574"/>
                  </a:lnTo>
                  <a:lnTo>
                    <a:pt x="4468" y="578"/>
                  </a:lnTo>
                  <a:close/>
                  <a:moveTo>
                    <a:pt x="4485" y="398"/>
                  </a:moveTo>
                  <a:lnTo>
                    <a:pt x="4485" y="380"/>
                  </a:lnTo>
                  <a:lnTo>
                    <a:pt x="4470" y="386"/>
                  </a:lnTo>
                  <a:lnTo>
                    <a:pt x="4470" y="398"/>
                  </a:lnTo>
                  <a:lnTo>
                    <a:pt x="4478" y="396"/>
                  </a:lnTo>
                  <a:lnTo>
                    <a:pt x="4485" y="398"/>
                  </a:lnTo>
                  <a:close/>
                  <a:moveTo>
                    <a:pt x="4502" y="542"/>
                  </a:moveTo>
                  <a:lnTo>
                    <a:pt x="4502" y="518"/>
                  </a:lnTo>
                  <a:lnTo>
                    <a:pt x="4486" y="523"/>
                  </a:lnTo>
                  <a:lnTo>
                    <a:pt x="4486" y="551"/>
                  </a:lnTo>
                  <a:lnTo>
                    <a:pt x="4502" y="542"/>
                  </a:lnTo>
                  <a:close/>
                  <a:moveTo>
                    <a:pt x="4512" y="411"/>
                  </a:moveTo>
                  <a:lnTo>
                    <a:pt x="4512" y="346"/>
                  </a:lnTo>
                  <a:lnTo>
                    <a:pt x="4502" y="364"/>
                  </a:lnTo>
                  <a:lnTo>
                    <a:pt x="4502" y="403"/>
                  </a:lnTo>
                  <a:lnTo>
                    <a:pt x="4512" y="411"/>
                  </a:lnTo>
                  <a:close/>
                  <a:moveTo>
                    <a:pt x="4655" y="574"/>
                  </a:moveTo>
                  <a:lnTo>
                    <a:pt x="4647" y="580"/>
                  </a:lnTo>
                  <a:lnTo>
                    <a:pt x="4663" y="596"/>
                  </a:lnTo>
                  <a:lnTo>
                    <a:pt x="4655" y="574"/>
                  </a:lnTo>
                  <a:close/>
                  <a:moveTo>
                    <a:pt x="4664" y="613"/>
                  </a:moveTo>
                  <a:lnTo>
                    <a:pt x="4671" y="613"/>
                  </a:lnTo>
                  <a:lnTo>
                    <a:pt x="4668" y="608"/>
                  </a:lnTo>
                  <a:lnTo>
                    <a:pt x="4644" y="592"/>
                  </a:lnTo>
                  <a:lnTo>
                    <a:pt x="4644" y="600"/>
                  </a:lnTo>
                  <a:lnTo>
                    <a:pt x="4664" y="613"/>
                  </a:lnTo>
                  <a:close/>
                  <a:moveTo>
                    <a:pt x="4676" y="608"/>
                  </a:moveTo>
                  <a:lnTo>
                    <a:pt x="4678" y="605"/>
                  </a:lnTo>
                  <a:lnTo>
                    <a:pt x="4672" y="568"/>
                  </a:lnTo>
                  <a:lnTo>
                    <a:pt x="4664" y="570"/>
                  </a:lnTo>
                  <a:lnTo>
                    <a:pt x="4674" y="605"/>
                  </a:lnTo>
                  <a:lnTo>
                    <a:pt x="4676" y="608"/>
                  </a:lnTo>
                  <a:close/>
                  <a:moveTo>
                    <a:pt x="4814" y="479"/>
                  </a:moveTo>
                  <a:lnTo>
                    <a:pt x="4814" y="483"/>
                  </a:lnTo>
                  <a:lnTo>
                    <a:pt x="4817" y="492"/>
                  </a:lnTo>
                  <a:lnTo>
                    <a:pt x="4819" y="503"/>
                  </a:lnTo>
                  <a:lnTo>
                    <a:pt x="4821" y="507"/>
                  </a:lnTo>
                  <a:lnTo>
                    <a:pt x="4822" y="510"/>
                  </a:lnTo>
                  <a:lnTo>
                    <a:pt x="4823" y="512"/>
                  </a:lnTo>
                  <a:lnTo>
                    <a:pt x="4823" y="514"/>
                  </a:lnTo>
                  <a:lnTo>
                    <a:pt x="4826" y="515"/>
                  </a:lnTo>
                  <a:lnTo>
                    <a:pt x="4829" y="518"/>
                  </a:lnTo>
                  <a:lnTo>
                    <a:pt x="4830" y="522"/>
                  </a:lnTo>
                  <a:lnTo>
                    <a:pt x="4834" y="523"/>
                  </a:lnTo>
                  <a:lnTo>
                    <a:pt x="4846" y="522"/>
                  </a:lnTo>
                  <a:lnTo>
                    <a:pt x="4844" y="518"/>
                  </a:lnTo>
                  <a:lnTo>
                    <a:pt x="4837" y="515"/>
                  </a:lnTo>
                  <a:lnTo>
                    <a:pt x="4834" y="508"/>
                  </a:lnTo>
                  <a:lnTo>
                    <a:pt x="4830" y="500"/>
                  </a:lnTo>
                  <a:lnTo>
                    <a:pt x="4823" y="484"/>
                  </a:lnTo>
                  <a:lnTo>
                    <a:pt x="4825" y="477"/>
                  </a:lnTo>
                  <a:lnTo>
                    <a:pt x="4823" y="473"/>
                  </a:lnTo>
                  <a:lnTo>
                    <a:pt x="4821" y="469"/>
                  </a:lnTo>
                  <a:lnTo>
                    <a:pt x="4819" y="465"/>
                  </a:lnTo>
                  <a:lnTo>
                    <a:pt x="4817" y="469"/>
                  </a:lnTo>
                  <a:lnTo>
                    <a:pt x="4814" y="473"/>
                  </a:lnTo>
                  <a:lnTo>
                    <a:pt x="4814" y="479"/>
                  </a:lnTo>
                  <a:close/>
                  <a:moveTo>
                    <a:pt x="4784" y="487"/>
                  </a:moveTo>
                  <a:lnTo>
                    <a:pt x="4782" y="488"/>
                  </a:lnTo>
                  <a:lnTo>
                    <a:pt x="4782" y="491"/>
                  </a:lnTo>
                  <a:lnTo>
                    <a:pt x="4784" y="500"/>
                  </a:lnTo>
                  <a:lnTo>
                    <a:pt x="4787" y="514"/>
                  </a:lnTo>
                  <a:lnTo>
                    <a:pt x="4790" y="522"/>
                  </a:lnTo>
                  <a:lnTo>
                    <a:pt x="4792" y="530"/>
                  </a:lnTo>
                  <a:lnTo>
                    <a:pt x="4794" y="534"/>
                  </a:lnTo>
                  <a:lnTo>
                    <a:pt x="4794" y="538"/>
                  </a:lnTo>
                  <a:lnTo>
                    <a:pt x="4811" y="538"/>
                  </a:lnTo>
                  <a:lnTo>
                    <a:pt x="4811" y="535"/>
                  </a:lnTo>
                  <a:lnTo>
                    <a:pt x="4811" y="533"/>
                  </a:lnTo>
                  <a:lnTo>
                    <a:pt x="4810" y="527"/>
                  </a:lnTo>
                  <a:lnTo>
                    <a:pt x="4811" y="523"/>
                  </a:lnTo>
                  <a:lnTo>
                    <a:pt x="4815" y="523"/>
                  </a:lnTo>
                  <a:lnTo>
                    <a:pt x="4814" y="520"/>
                  </a:lnTo>
                  <a:lnTo>
                    <a:pt x="4813" y="519"/>
                  </a:lnTo>
                  <a:lnTo>
                    <a:pt x="4807" y="518"/>
                  </a:lnTo>
                  <a:lnTo>
                    <a:pt x="4807" y="514"/>
                  </a:lnTo>
                  <a:lnTo>
                    <a:pt x="4806" y="511"/>
                  </a:lnTo>
                  <a:lnTo>
                    <a:pt x="4803" y="503"/>
                  </a:lnTo>
                  <a:lnTo>
                    <a:pt x="4800" y="496"/>
                  </a:lnTo>
                  <a:lnTo>
                    <a:pt x="4794" y="484"/>
                  </a:lnTo>
                  <a:lnTo>
                    <a:pt x="4792" y="480"/>
                  </a:lnTo>
                  <a:lnTo>
                    <a:pt x="4790" y="483"/>
                  </a:lnTo>
                  <a:lnTo>
                    <a:pt x="4787" y="483"/>
                  </a:lnTo>
                  <a:lnTo>
                    <a:pt x="4786" y="484"/>
                  </a:lnTo>
                  <a:lnTo>
                    <a:pt x="4784" y="487"/>
                  </a:lnTo>
                  <a:close/>
                  <a:moveTo>
                    <a:pt x="4710" y="578"/>
                  </a:moveTo>
                  <a:lnTo>
                    <a:pt x="4692" y="608"/>
                  </a:lnTo>
                  <a:lnTo>
                    <a:pt x="4698" y="603"/>
                  </a:lnTo>
                  <a:lnTo>
                    <a:pt x="4717" y="585"/>
                  </a:lnTo>
                  <a:lnTo>
                    <a:pt x="4710" y="578"/>
                  </a:lnTo>
                  <a:close/>
                  <a:moveTo>
                    <a:pt x="4683" y="568"/>
                  </a:moveTo>
                  <a:lnTo>
                    <a:pt x="4684" y="589"/>
                  </a:lnTo>
                  <a:lnTo>
                    <a:pt x="4692" y="570"/>
                  </a:lnTo>
                  <a:lnTo>
                    <a:pt x="4683" y="568"/>
                  </a:lnTo>
                  <a:close/>
                  <a:moveTo>
                    <a:pt x="4709" y="616"/>
                  </a:moveTo>
                  <a:lnTo>
                    <a:pt x="4692" y="619"/>
                  </a:lnTo>
                  <a:lnTo>
                    <a:pt x="4698" y="620"/>
                  </a:lnTo>
                  <a:lnTo>
                    <a:pt x="4714" y="620"/>
                  </a:lnTo>
                  <a:lnTo>
                    <a:pt x="4709" y="616"/>
                  </a:lnTo>
                  <a:close/>
                  <a:moveTo>
                    <a:pt x="4711" y="643"/>
                  </a:moveTo>
                  <a:lnTo>
                    <a:pt x="4718" y="642"/>
                  </a:lnTo>
                  <a:lnTo>
                    <a:pt x="4717" y="640"/>
                  </a:lnTo>
                  <a:lnTo>
                    <a:pt x="4717" y="638"/>
                  </a:lnTo>
                  <a:lnTo>
                    <a:pt x="4688" y="622"/>
                  </a:lnTo>
                  <a:lnTo>
                    <a:pt x="4711" y="643"/>
                  </a:lnTo>
                  <a:close/>
                  <a:moveTo>
                    <a:pt x="4722" y="599"/>
                  </a:moveTo>
                  <a:lnTo>
                    <a:pt x="4725" y="597"/>
                  </a:lnTo>
                  <a:lnTo>
                    <a:pt x="4722" y="593"/>
                  </a:lnTo>
                  <a:lnTo>
                    <a:pt x="4701" y="607"/>
                  </a:lnTo>
                  <a:lnTo>
                    <a:pt x="4695" y="609"/>
                  </a:lnTo>
                  <a:lnTo>
                    <a:pt x="4714" y="605"/>
                  </a:lnTo>
                  <a:lnTo>
                    <a:pt x="4719" y="601"/>
                  </a:lnTo>
                  <a:lnTo>
                    <a:pt x="4722" y="599"/>
                  </a:lnTo>
                  <a:close/>
                  <a:moveTo>
                    <a:pt x="4729" y="589"/>
                  </a:moveTo>
                  <a:lnTo>
                    <a:pt x="4732" y="585"/>
                  </a:lnTo>
                  <a:lnTo>
                    <a:pt x="4721" y="543"/>
                  </a:lnTo>
                  <a:lnTo>
                    <a:pt x="4709" y="568"/>
                  </a:lnTo>
                  <a:lnTo>
                    <a:pt x="4719" y="577"/>
                  </a:lnTo>
                  <a:lnTo>
                    <a:pt x="4729" y="589"/>
                  </a:lnTo>
                  <a:close/>
                  <a:moveTo>
                    <a:pt x="4757" y="549"/>
                  </a:moveTo>
                  <a:lnTo>
                    <a:pt x="4757" y="542"/>
                  </a:lnTo>
                  <a:lnTo>
                    <a:pt x="4726" y="542"/>
                  </a:lnTo>
                  <a:lnTo>
                    <a:pt x="4734" y="578"/>
                  </a:lnTo>
                  <a:lnTo>
                    <a:pt x="4734" y="572"/>
                  </a:lnTo>
                  <a:lnTo>
                    <a:pt x="4733" y="564"/>
                  </a:lnTo>
                  <a:lnTo>
                    <a:pt x="4736" y="560"/>
                  </a:lnTo>
                  <a:lnTo>
                    <a:pt x="4737" y="557"/>
                  </a:lnTo>
                  <a:lnTo>
                    <a:pt x="4738" y="558"/>
                  </a:lnTo>
                  <a:lnTo>
                    <a:pt x="4741" y="558"/>
                  </a:lnTo>
                  <a:lnTo>
                    <a:pt x="4744" y="561"/>
                  </a:lnTo>
                  <a:lnTo>
                    <a:pt x="4757" y="549"/>
                  </a:lnTo>
                  <a:close/>
                  <a:moveTo>
                    <a:pt x="4764" y="600"/>
                  </a:moveTo>
                  <a:lnTo>
                    <a:pt x="4765" y="604"/>
                  </a:lnTo>
                  <a:lnTo>
                    <a:pt x="4769" y="599"/>
                  </a:lnTo>
                  <a:lnTo>
                    <a:pt x="4769" y="596"/>
                  </a:lnTo>
                  <a:lnTo>
                    <a:pt x="4772" y="596"/>
                  </a:lnTo>
                  <a:lnTo>
                    <a:pt x="4779" y="589"/>
                  </a:lnTo>
                  <a:lnTo>
                    <a:pt x="4780" y="588"/>
                  </a:lnTo>
                  <a:lnTo>
                    <a:pt x="4782" y="591"/>
                  </a:lnTo>
                  <a:lnTo>
                    <a:pt x="4779" y="592"/>
                  </a:lnTo>
                  <a:lnTo>
                    <a:pt x="4775" y="599"/>
                  </a:lnTo>
                  <a:lnTo>
                    <a:pt x="4815" y="555"/>
                  </a:lnTo>
                  <a:lnTo>
                    <a:pt x="4811" y="555"/>
                  </a:lnTo>
                  <a:lnTo>
                    <a:pt x="4809" y="553"/>
                  </a:lnTo>
                  <a:lnTo>
                    <a:pt x="4810" y="550"/>
                  </a:lnTo>
                  <a:lnTo>
                    <a:pt x="4814" y="550"/>
                  </a:lnTo>
                  <a:lnTo>
                    <a:pt x="4809" y="547"/>
                  </a:lnTo>
                  <a:lnTo>
                    <a:pt x="4802" y="543"/>
                  </a:lnTo>
                  <a:lnTo>
                    <a:pt x="4794" y="543"/>
                  </a:lnTo>
                  <a:lnTo>
                    <a:pt x="4786" y="554"/>
                  </a:lnTo>
                  <a:lnTo>
                    <a:pt x="4782" y="562"/>
                  </a:lnTo>
                  <a:lnTo>
                    <a:pt x="4775" y="574"/>
                  </a:lnTo>
                  <a:lnTo>
                    <a:pt x="4767" y="589"/>
                  </a:lnTo>
                  <a:lnTo>
                    <a:pt x="4768" y="592"/>
                  </a:lnTo>
                  <a:lnTo>
                    <a:pt x="4767" y="593"/>
                  </a:lnTo>
                  <a:lnTo>
                    <a:pt x="4764" y="593"/>
                  </a:lnTo>
                  <a:lnTo>
                    <a:pt x="4764" y="600"/>
                  </a:lnTo>
                  <a:close/>
                  <a:moveTo>
                    <a:pt x="4767" y="635"/>
                  </a:moveTo>
                  <a:lnTo>
                    <a:pt x="4790" y="631"/>
                  </a:lnTo>
                  <a:lnTo>
                    <a:pt x="4788" y="620"/>
                  </a:lnTo>
                  <a:lnTo>
                    <a:pt x="4791" y="604"/>
                  </a:lnTo>
                  <a:lnTo>
                    <a:pt x="4796" y="589"/>
                  </a:lnTo>
                  <a:lnTo>
                    <a:pt x="4806" y="577"/>
                  </a:lnTo>
                  <a:lnTo>
                    <a:pt x="4818" y="569"/>
                  </a:lnTo>
                  <a:lnTo>
                    <a:pt x="4819" y="564"/>
                  </a:lnTo>
                  <a:lnTo>
                    <a:pt x="4771" y="611"/>
                  </a:lnTo>
                  <a:lnTo>
                    <a:pt x="4778" y="613"/>
                  </a:lnTo>
                  <a:lnTo>
                    <a:pt x="4782" y="613"/>
                  </a:lnTo>
                  <a:lnTo>
                    <a:pt x="4784" y="616"/>
                  </a:lnTo>
                  <a:lnTo>
                    <a:pt x="4783" y="620"/>
                  </a:lnTo>
                  <a:lnTo>
                    <a:pt x="4778" y="622"/>
                  </a:lnTo>
                  <a:lnTo>
                    <a:pt x="4776" y="624"/>
                  </a:lnTo>
                  <a:lnTo>
                    <a:pt x="4773" y="627"/>
                  </a:lnTo>
                  <a:lnTo>
                    <a:pt x="4771" y="628"/>
                  </a:lnTo>
                  <a:lnTo>
                    <a:pt x="4767" y="630"/>
                  </a:lnTo>
                  <a:lnTo>
                    <a:pt x="4767" y="632"/>
                  </a:lnTo>
                  <a:lnTo>
                    <a:pt x="4767" y="635"/>
                  </a:lnTo>
                  <a:close/>
                  <a:moveTo>
                    <a:pt x="4796" y="611"/>
                  </a:moveTo>
                  <a:lnTo>
                    <a:pt x="4821" y="615"/>
                  </a:lnTo>
                  <a:lnTo>
                    <a:pt x="4798" y="607"/>
                  </a:lnTo>
                  <a:lnTo>
                    <a:pt x="4796" y="611"/>
                  </a:lnTo>
                  <a:close/>
                  <a:moveTo>
                    <a:pt x="4799" y="601"/>
                  </a:moveTo>
                  <a:lnTo>
                    <a:pt x="4830" y="611"/>
                  </a:lnTo>
                  <a:lnTo>
                    <a:pt x="4826" y="608"/>
                  </a:lnTo>
                  <a:lnTo>
                    <a:pt x="4803" y="593"/>
                  </a:lnTo>
                  <a:lnTo>
                    <a:pt x="4799" y="601"/>
                  </a:lnTo>
                  <a:close/>
                  <a:moveTo>
                    <a:pt x="4830" y="605"/>
                  </a:moveTo>
                  <a:lnTo>
                    <a:pt x="4836" y="611"/>
                  </a:lnTo>
                  <a:lnTo>
                    <a:pt x="4817" y="578"/>
                  </a:lnTo>
                  <a:lnTo>
                    <a:pt x="4810" y="584"/>
                  </a:lnTo>
                  <a:lnTo>
                    <a:pt x="4830" y="605"/>
                  </a:lnTo>
                  <a:close/>
                  <a:moveTo>
                    <a:pt x="4841" y="589"/>
                  </a:moveTo>
                  <a:lnTo>
                    <a:pt x="4844" y="570"/>
                  </a:lnTo>
                  <a:lnTo>
                    <a:pt x="4837" y="570"/>
                  </a:lnTo>
                  <a:lnTo>
                    <a:pt x="4841" y="589"/>
                  </a:lnTo>
                  <a:close/>
                  <a:moveTo>
                    <a:pt x="4871" y="578"/>
                  </a:moveTo>
                  <a:lnTo>
                    <a:pt x="4861" y="597"/>
                  </a:lnTo>
                  <a:lnTo>
                    <a:pt x="4876" y="584"/>
                  </a:lnTo>
                  <a:lnTo>
                    <a:pt x="4871" y="578"/>
                  </a:lnTo>
                  <a:close/>
                  <a:moveTo>
                    <a:pt x="4848" y="611"/>
                  </a:moveTo>
                  <a:lnTo>
                    <a:pt x="4861" y="573"/>
                  </a:lnTo>
                  <a:lnTo>
                    <a:pt x="4853" y="570"/>
                  </a:lnTo>
                  <a:lnTo>
                    <a:pt x="4846" y="608"/>
                  </a:lnTo>
                  <a:lnTo>
                    <a:pt x="4848" y="611"/>
                  </a:lnTo>
                  <a:close/>
                  <a:moveTo>
                    <a:pt x="4853" y="618"/>
                  </a:moveTo>
                  <a:lnTo>
                    <a:pt x="4887" y="599"/>
                  </a:lnTo>
                  <a:lnTo>
                    <a:pt x="4884" y="592"/>
                  </a:lnTo>
                  <a:lnTo>
                    <a:pt x="4856" y="611"/>
                  </a:lnTo>
                  <a:lnTo>
                    <a:pt x="4852" y="618"/>
                  </a:lnTo>
                  <a:lnTo>
                    <a:pt x="4853" y="618"/>
                  </a:lnTo>
                  <a:close/>
                  <a:moveTo>
                    <a:pt x="5622" y="607"/>
                  </a:moveTo>
                  <a:lnTo>
                    <a:pt x="5651" y="601"/>
                  </a:lnTo>
                  <a:lnTo>
                    <a:pt x="5622" y="601"/>
                  </a:lnTo>
                  <a:lnTo>
                    <a:pt x="5622" y="607"/>
                  </a:lnTo>
                  <a:close/>
                  <a:moveTo>
                    <a:pt x="5741" y="585"/>
                  </a:moveTo>
                  <a:lnTo>
                    <a:pt x="5745" y="562"/>
                  </a:lnTo>
                  <a:lnTo>
                    <a:pt x="5725" y="562"/>
                  </a:lnTo>
                  <a:lnTo>
                    <a:pt x="5725" y="587"/>
                  </a:lnTo>
                  <a:lnTo>
                    <a:pt x="5741" y="585"/>
                  </a:lnTo>
                  <a:close/>
                  <a:moveTo>
                    <a:pt x="5848" y="573"/>
                  </a:moveTo>
                  <a:lnTo>
                    <a:pt x="5848" y="546"/>
                  </a:lnTo>
                  <a:lnTo>
                    <a:pt x="5829" y="546"/>
                  </a:lnTo>
                  <a:lnTo>
                    <a:pt x="5829" y="551"/>
                  </a:lnTo>
                  <a:lnTo>
                    <a:pt x="5803" y="561"/>
                  </a:lnTo>
                  <a:lnTo>
                    <a:pt x="5803" y="565"/>
                  </a:lnTo>
                  <a:lnTo>
                    <a:pt x="5833" y="570"/>
                  </a:lnTo>
                  <a:lnTo>
                    <a:pt x="5834" y="574"/>
                  </a:lnTo>
                  <a:lnTo>
                    <a:pt x="5848" y="573"/>
                  </a:lnTo>
                  <a:close/>
                  <a:moveTo>
                    <a:pt x="6643" y="684"/>
                  </a:moveTo>
                  <a:lnTo>
                    <a:pt x="6860" y="692"/>
                  </a:lnTo>
                  <a:lnTo>
                    <a:pt x="6852" y="684"/>
                  </a:lnTo>
                  <a:lnTo>
                    <a:pt x="6848" y="673"/>
                  </a:lnTo>
                  <a:lnTo>
                    <a:pt x="6832" y="673"/>
                  </a:lnTo>
                  <a:lnTo>
                    <a:pt x="6817" y="673"/>
                  </a:lnTo>
                  <a:lnTo>
                    <a:pt x="6614" y="673"/>
                  </a:lnTo>
                  <a:lnTo>
                    <a:pt x="6610" y="684"/>
                  </a:lnTo>
                  <a:lnTo>
                    <a:pt x="6643" y="684"/>
                  </a:lnTo>
                  <a:close/>
                  <a:moveTo>
                    <a:pt x="7265" y="2278"/>
                  </a:moveTo>
                  <a:lnTo>
                    <a:pt x="7265" y="2219"/>
                  </a:lnTo>
                  <a:lnTo>
                    <a:pt x="7262" y="2211"/>
                  </a:lnTo>
                  <a:lnTo>
                    <a:pt x="7258" y="2208"/>
                  </a:lnTo>
                  <a:lnTo>
                    <a:pt x="7242" y="2208"/>
                  </a:lnTo>
                  <a:lnTo>
                    <a:pt x="7236" y="2211"/>
                  </a:lnTo>
                  <a:lnTo>
                    <a:pt x="7235" y="2219"/>
                  </a:lnTo>
                  <a:lnTo>
                    <a:pt x="7230" y="2259"/>
                  </a:lnTo>
                  <a:lnTo>
                    <a:pt x="7230" y="2278"/>
                  </a:lnTo>
                  <a:lnTo>
                    <a:pt x="7231" y="2285"/>
                  </a:lnTo>
                  <a:lnTo>
                    <a:pt x="7236" y="2289"/>
                  </a:lnTo>
                  <a:lnTo>
                    <a:pt x="7258" y="2289"/>
                  </a:lnTo>
                  <a:lnTo>
                    <a:pt x="7262" y="2285"/>
                  </a:lnTo>
                  <a:lnTo>
                    <a:pt x="7265" y="2278"/>
                  </a:lnTo>
                  <a:close/>
                  <a:moveTo>
                    <a:pt x="7311" y="2278"/>
                  </a:moveTo>
                  <a:lnTo>
                    <a:pt x="7311" y="2219"/>
                  </a:lnTo>
                  <a:lnTo>
                    <a:pt x="7308" y="2211"/>
                  </a:lnTo>
                  <a:lnTo>
                    <a:pt x="7303" y="2208"/>
                  </a:lnTo>
                  <a:lnTo>
                    <a:pt x="7285" y="2208"/>
                  </a:lnTo>
                  <a:lnTo>
                    <a:pt x="7278" y="2211"/>
                  </a:lnTo>
                  <a:lnTo>
                    <a:pt x="7276" y="2219"/>
                  </a:lnTo>
                  <a:lnTo>
                    <a:pt x="7276" y="2278"/>
                  </a:lnTo>
                  <a:lnTo>
                    <a:pt x="7278" y="2285"/>
                  </a:lnTo>
                  <a:lnTo>
                    <a:pt x="7285" y="2289"/>
                  </a:lnTo>
                  <a:lnTo>
                    <a:pt x="7303" y="2289"/>
                  </a:lnTo>
                  <a:lnTo>
                    <a:pt x="7308" y="2285"/>
                  </a:lnTo>
                  <a:lnTo>
                    <a:pt x="7311" y="2278"/>
                  </a:lnTo>
                  <a:close/>
                  <a:moveTo>
                    <a:pt x="7413" y="2278"/>
                  </a:moveTo>
                  <a:lnTo>
                    <a:pt x="7413" y="2219"/>
                  </a:lnTo>
                  <a:lnTo>
                    <a:pt x="7411" y="2212"/>
                  </a:lnTo>
                  <a:lnTo>
                    <a:pt x="7405" y="2209"/>
                  </a:lnTo>
                  <a:lnTo>
                    <a:pt x="7388" y="2209"/>
                  </a:lnTo>
                  <a:lnTo>
                    <a:pt x="7381" y="2212"/>
                  </a:lnTo>
                  <a:lnTo>
                    <a:pt x="7378" y="2219"/>
                  </a:lnTo>
                  <a:lnTo>
                    <a:pt x="7378" y="2278"/>
                  </a:lnTo>
                  <a:lnTo>
                    <a:pt x="7381" y="2286"/>
                  </a:lnTo>
                  <a:lnTo>
                    <a:pt x="7388" y="2289"/>
                  </a:lnTo>
                  <a:lnTo>
                    <a:pt x="7405" y="2289"/>
                  </a:lnTo>
                  <a:lnTo>
                    <a:pt x="7411" y="2286"/>
                  </a:lnTo>
                  <a:lnTo>
                    <a:pt x="7413" y="2278"/>
                  </a:lnTo>
                  <a:close/>
                  <a:moveTo>
                    <a:pt x="8496" y="2219"/>
                  </a:moveTo>
                  <a:lnTo>
                    <a:pt x="8496" y="2278"/>
                  </a:lnTo>
                  <a:lnTo>
                    <a:pt x="8498" y="2286"/>
                  </a:lnTo>
                  <a:lnTo>
                    <a:pt x="8502" y="2289"/>
                  </a:lnTo>
                  <a:lnTo>
                    <a:pt x="8524" y="2289"/>
                  </a:lnTo>
                  <a:lnTo>
                    <a:pt x="8528" y="2286"/>
                  </a:lnTo>
                  <a:lnTo>
                    <a:pt x="8531" y="2278"/>
                  </a:lnTo>
                  <a:lnTo>
                    <a:pt x="8531" y="2261"/>
                  </a:lnTo>
                  <a:lnTo>
                    <a:pt x="8525" y="2219"/>
                  </a:lnTo>
                  <a:lnTo>
                    <a:pt x="8523" y="2212"/>
                  </a:lnTo>
                  <a:lnTo>
                    <a:pt x="8519" y="2209"/>
                  </a:lnTo>
                  <a:lnTo>
                    <a:pt x="8502" y="2209"/>
                  </a:lnTo>
                  <a:lnTo>
                    <a:pt x="8497" y="2212"/>
                  </a:lnTo>
                  <a:lnTo>
                    <a:pt x="8496" y="2219"/>
                  </a:lnTo>
                  <a:close/>
                  <a:moveTo>
                    <a:pt x="8448" y="2219"/>
                  </a:moveTo>
                  <a:lnTo>
                    <a:pt x="8448" y="2278"/>
                  </a:lnTo>
                  <a:lnTo>
                    <a:pt x="8451" y="2286"/>
                  </a:lnTo>
                  <a:lnTo>
                    <a:pt x="8458" y="2289"/>
                  </a:lnTo>
                  <a:lnTo>
                    <a:pt x="8475" y="2289"/>
                  </a:lnTo>
                  <a:lnTo>
                    <a:pt x="8481" y="2286"/>
                  </a:lnTo>
                  <a:lnTo>
                    <a:pt x="8483" y="2278"/>
                  </a:lnTo>
                  <a:lnTo>
                    <a:pt x="8483" y="2219"/>
                  </a:lnTo>
                  <a:lnTo>
                    <a:pt x="8481" y="2212"/>
                  </a:lnTo>
                  <a:lnTo>
                    <a:pt x="8475" y="2209"/>
                  </a:lnTo>
                  <a:lnTo>
                    <a:pt x="8458" y="2209"/>
                  </a:lnTo>
                  <a:lnTo>
                    <a:pt x="8451" y="2212"/>
                  </a:lnTo>
                  <a:lnTo>
                    <a:pt x="8448" y="2219"/>
                  </a:lnTo>
                  <a:close/>
                  <a:moveTo>
                    <a:pt x="8346" y="2219"/>
                  </a:moveTo>
                  <a:lnTo>
                    <a:pt x="8346" y="2278"/>
                  </a:lnTo>
                  <a:lnTo>
                    <a:pt x="8348" y="2286"/>
                  </a:lnTo>
                  <a:lnTo>
                    <a:pt x="8354" y="2289"/>
                  </a:lnTo>
                  <a:lnTo>
                    <a:pt x="8373" y="2289"/>
                  </a:lnTo>
                  <a:lnTo>
                    <a:pt x="8378" y="2286"/>
                  </a:lnTo>
                  <a:lnTo>
                    <a:pt x="8381" y="2278"/>
                  </a:lnTo>
                  <a:lnTo>
                    <a:pt x="8381" y="2219"/>
                  </a:lnTo>
                  <a:lnTo>
                    <a:pt x="8378" y="2212"/>
                  </a:lnTo>
                  <a:lnTo>
                    <a:pt x="8373" y="2209"/>
                  </a:lnTo>
                  <a:lnTo>
                    <a:pt x="8354" y="2209"/>
                  </a:lnTo>
                  <a:lnTo>
                    <a:pt x="8348" y="2212"/>
                  </a:lnTo>
                  <a:lnTo>
                    <a:pt x="8346" y="2219"/>
                  </a:lnTo>
                  <a:close/>
                  <a:moveTo>
                    <a:pt x="8299" y="2219"/>
                  </a:moveTo>
                  <a:lnTo>
                    <a:pt x="8299" y="2278"/>
                  </a:lnTo>
                  <a:lnTo>
                    <a:pt x="8301" y="2286"/>
                  </a:lnTo>
                  <a:lnTo>
                    <a:pt x="8308" y="2289"/>
                  </a:lnTo>
                  <a:lnTo>
                    <a:pt x="8326" y="2289"/>
                  </a:lnTo>
                  <a:lnTo>
                    <a:pt x="8331" y="2286"/>
                  </a:lnTo>
                  <a:lnTo>
                    <a:pt x="8334" y="2278"/>
                  </a:lnTo>
                  <a:lnTo>
                    <a:pt x="8334" y="2219"/>
                  </a:lnTo>
                  <a:lnTo>
                    <a:pt x="8331" y="2212"/>
                  </a:lnTo>
                  <a:lnTo>
                    <a:pt x="8326" y="2209"/>
                  </a:lnTo>
                  <a:lnTo>
                    <a:pt x="8308" y="2209"/>
                  </a:lnTo>
                  <a:lnTo>
                    <a:pt x="8301" y="2212"/>
                  </a:lnTo>
                  <a:lnTo>
                    <a:pt x="8299" y="2219"/>
                  </a:lnTo>
                  <a:close/>
                  <a:moveTo>
                    <a:pt x="8135" y="2215"/>
                  </a:moveTo>
                  <a:lnTo>
                    <a:pt x="8135" y="2284"/>
                  </a:lnTo>
                  <a:lnTo>
                    <a:pt x="8138" y="2286"/>
                  </a:lnTo>
                  <a:lnTo>
                    <a:pt x="8143" y="2289"/>
                  </a:lnTo>
                  <a:lnTo>
                    <a:pt x="8230" y="2289"/>
                  </a:lnTo>
                  <a:lnTo>
                    <a:pt x="8235" y="2286"/>
                  </a:lnTo>
                  <a:lnTo>
                    <a:pt x="8238" y="2284"/>
                  </a:lnTo>
                  <a:lnTo>
                    <a:pt x="8238" y="2215"/>
                  </a:lnTo>
                  <a:lnTo>
                    <a:pt x="8235" y="2211"/>
                  </a:lnTo>
                  <a:lnTo>
                    <a:pt x="8230" y="2209"/>
                  </a:lnTo>
                  <a:lnTo>
                    <a:pt x="8143" y="2209"/>
                  </a:lnTo>
                  <a:lnTo>
                    <a:pt x="8138" y="2211"/>
                  </a:lnTo>
                  <a:lnTo>
                    <a:pt x="8135" y="2215"/>
                  </a:lnTo>
                  <a:close/>
                  <a:moveTo>
                    <a:pt x="8039" y="2219"/>
                  </a:moveTo>
                  <a:lnTo>
                    <a:pt x="8039" y="2278"/>
                  </a:lnTo>
                  <a:lnTo>
                    <a:pt x="8041" y="2286"/>
                  </a:lnTo>
                  <a:lnTo>
                    <a:pt x="8048" y="2289"/>
                  </a:lnTo>
                  <a:lnTo>
                    <a:pt x="8065" y="2289"/>
                  </a:lnTo>
                  <a:lnTo>
                    <a:pt x="8072" y="2286"/>
                  </a:lnTo>
                  <a:lnTo>
                    <a:pt x="8073" y="2278"/>
                  </a:lnTo>
                  <a:lnTo>
                    <a:pt x="8073" y="2219"/>
                  </a:lnTo>
                  <a:lnTo>
                    <a:pt x="8072" y="2212"/>
                  </a:lnTo>
                  <a:lnTo>
                    <a:pt x="8065" y="2209"/>
                  </a:lnTo>
                  <a:lnTo>
                    <a:pt x="8048" y="2209"/>
                  </a:lnTo>
                  <a:lnTo>
                    <a:pt x="8041" y="2212"/>
                  </a:lnTo>
                  <a:lnTo>
                    <a:pt x="8039" y="2219"/>
                  </a:lnTo>
                  <a:close/>
                  <a:moveTo>
                    <a:pt x="7992" y="2219"/>
                  </a:moveTo>
                  <a:lnTo>
                    <a:pt x="7992" y="2278"/>
                  </a:lnTo>
                  <a:lnTo>
                    <a:pt x="7995" y="2286"/>
                  </a:lnTo>
                  <a:lnTo>
                    <a:pt x="8000" y="2289"/>
                  </a:lnTo>
                  <a:lnTo>
                    <a:pt x="8018" y="2289"/>
                  </a:lnTo>
                  <a:lnTo>
                    <a:pt x="8025" y="2286"/>
                  </a:lnTo>
                  <a:lnTo>
                    <a:pt x="8027" y="2278"/>
                  </a:lnTo>
                  <a:lnTo>
                    <a:pt x="8027" y="2219"/>
                  </a:lnTo>
                  <a:lnTo>
                    <a:pt x="8025" y="2212"/>
                  </a:lnTo>
                  <a:lnTo>
                    <a:pt x="8018" y="2209"/>
                  </a:lnTo>
                  <a:lnTo>
                    <a:pt x="8000" y="2209"/>
                  </a:lnTo>
                  <a:lnTo>
                    <a:pt x="7995" y="2212"/>
                  </a:lnTo>
                  <a:lnTo>
                    <a:pt x="7992" y="2219"/>
                  </a:lnTo>
                  <a:close/>
                  <a:moveTo>
                    <a:pt x="7829" y="2215"/>
                  </a:moveTo>
                  <a:lnTo>
                    <a:pt x="7829" y="2284"/>
                  </a:lnTo>
                  <a:lnTo>
                    <a:pt x="7832" y="2286"/>
                  </a:lnTo>
                  <a:lnTo>
                    <a:pt x="7837" y="2289"/>
                  </a:lnTo>
                  <a:lnTo>
                    <a:pt x="7922" y="2289"/>
                  </a:lnTo>
                  <a:lnTo>
                    <a:pt x="7929" y="2286"/>
                  </a:lnTo>
                  <a:lnTo>
                    <a:pt x="7930" y="2284"/>
                  </a:lnTo>
                  <a:lnTo>
                    <a:pt x="7930" y="2215"/>
                  </a:lnTo>
                  <a:lnTo>
                    <a:pt x="7929" y="2211"/>
                  </a:lnTo>
                  <a:lnTo>
                    <a:pt x="7922" y="2209"/>
                  </a:lnTo>
                  <a:lnTo>
                    <a:pt x="7837" y="2209"/>
                  </a:lnTo>
                  <a:lnTo>
                    <a:pt x="7832" y="2211"/>
                  </a:lnTo>
                  <a:lnTo>
                    <a:pt x="7829" y="2215"/>
                  </a:lnTo>
                  <a:close/>
                  <a:moveTo>
                    <a:pt x="7732" y="2219"/>
                  </a:moveTo>
                  <a:lnTo>
                    <a:pt x="7732" y="2278"/>
                  </a:lnTo>
                  <a:lnTo>
                    <a:pt x="7734" y="2286"/>
                  </a:lnTo>
                  <a:lnTo>
                    <a:pt x="7741" y="2289"/>
                  </a:lnTo>
                  <a:lnTo>
                    <a:pt x="7759" y="2289"/>
                  </a:lnTo>
                  <a:lnTo>
                    <a:pt x="7764" y="2286"/>
                  </a:lnTo>
                  <a:lnTo>
                    <a:pt x="7767" y="2278"/>
                  </a:lnTo>
                  <a:lnTo>
                    <a:pt x="7767" y="2219"/>
                  </a:lnTo>
                  <a:lnTo>
                    <a:pt x="7764" y="2212"/>
                  </a:lnTo>
                  <a:lnTo>
                    <a:pt x="7759" y="2209"/>
                  </a:lnTo>
                  <a:lnTo>
                    <a:pt x="7741" y="2209"/>
                  </a:lnTo>
                  <a:lnTo>
                    <a:pt x="7734" y="2212"/>
                  </a:lnTo>
                  <a:lnTo>
                    <a:pt x="7732" y="2219"/>
                  </a:lnTo>
                  <a:close/>
                  <a:moveTo>
                    <a:pt x="7686" y="2219"/>
                  </a:moveTo>
                  <a:lnTo>
                    <a:pt x="7686" y="2278"/>
                  </a:lnTo>
                  <a:lnTo>
                    <a:pt x="7689" y="2286"/>
                  </a:lnTo>
                  <a:lnTo>
                    <a:pt x="7694" y="2289"/>
                  </a:lnTo>
                  <a:lnTo>
                    <a:pt x="7711" y="2289"/>
                  </a:lnTo>
                  <a:lnTo>
                    <a:pt x="7718" y="2286"/>
                  </a:lnTo>
                  <a:lnTo>
                    <a:pt x="7721" y="2278"/>
                  </a:lnTo>
                  <a:lnTo>
                    <a:pt x="7721" y="2219"/>
                  </a:lnTo>
                  <a:lnTo>
                    <a:pt x="7718" y="2212"/>
                  </a:lnTo>
                  <a:lnTo>
                    <a:pt x="7711" y="2209"/>
                  </a:lnTo>
                  <a:lnTo>
                    <a:pt x="7694" y="2209"/>
                  </a:lnTo>
                  <a:lnTo>
                    <a:pt x="7689" y="2212"/>
                  </a:lnTo>
                  <a:lnTo>
                    <a:pt x="7686" y="2219"/>
                  </a:lnTo>
                  <a:close/>
                  <a:moveTo>
                    <a:pt x="7521" y="2215"/>
                  </a:moveTo>
                  <a:lnTo>
                    <a:pt x="7521" y="2284"/>
                  </a:lnTo>
                  <a:lnTo>
                    <a:pt x="7524" y="2286"/>
                  </a:lnTo>
                  <a:lnTo>
                    <a:pt x="7529" y="2289"/>
                  </a:lnTo>
                  <a:lnTo>
                    <a:pt x="7616" y="2289"/>
                  </a:lnTo>
                  <a:lnTo>
                    <a:pt x="7621" y="2286"/>
                  </a:lnTo>
                  <a:lnTo>
                    <a:pt x="7624" y="2284"/>
                  </a:lnTo>
                  <a:lnTo>
                    <a:pt x="7624" y="2215"/>
                  </a:lnTo>
                  <a:lnTo>
                    <a:pt x="7621" y="2211"/>
                  </a:lnTo>
                  <a:lnTo>
                    <a:pt x="7616" y="2209"/>
                  </a:lnTo>
                  <a:lnTo>
                    <a:pt x="7529" y="2209"/>
                  </a:lnTo>
                  <a:lnTo>
                    <a:pt x="7524" y="2211"/>
                  </a:lnTo>
                  <a:lnTo>
                    <a:pt x="7521" y="2215"/>
                  </a:lnTo>
                  <a:close/>
                  <a:moveTo>
                    <a:pt x="7452" y="2209"/>
                  </a:moveTo>
                  <a:lnTo>
                    <a:pt x="7433" y="2209"/>
                  </a:lnTo>
                  <a:lnTo>
                    <a:pt x="7428" y="2212"/>
                  </a:lnTo>
                  <a:lnTo>
                    <a:pt x="7425" y="2219"/>
                  </a:lnTo>
                  <a:lnTo>
                    <a:pt x="7425" y="2278"/>
                  </a:lnTo>
                  <a:lnTo>
                    <a:pt x="7428" y="2286"/>
                  </a:lnTo>
                  <a:lnTo>
                    <a:pt x="7433" y="2289"/>
                  </a:lnTo>
                  <a:lnTo>
                    <a:pt x="7452" y="2289"/>
                  </a:lnTo>
                  <a:lnTo>
                    <a:pt x="7458" y="2286"/>
                  </a:lnTo>
                  <a:lnTo>
                    <a:pt x="7460" y="2278"/>
                  </a:lnTo>
                  <a:lnTo>
                    <a:pt x="7460" y="2219"/>
                  </a:lnTo>
                  <a:lnTo>
                    <a:pt x="7458" y="2212"/>
                  </a:lnTo>
                  <a:lnTo>
                    <a:pt x="7452" y="2209"/>
                  </a:lnTo>
                  <a:close/>
                  <a:moveTo>
                    <a:pt x="7622" y="765"/>
                  </a:moveTo>
                  <a:lnTo>
                    <a:pt x="7636" y="762"/>
                  </a:lnTo>
                  <a:lnTo>
                    <a:pt x="7647" y="758"/>
                  </a:lnTo>
                  <a:lnTo>
                    <a:pt x="7667" y="743"/>
                  </a:lnTo>
                  <a:lnTo>
                    <a:pt x="7680" y="721"/>
                  </a:lnTo>
                  <a:lnTo>
                    <a:pt x="7684" y="709"/>
                  </a:lnTo>
                  <a:lnTo>
                    <a:pt x="7684" y="696"/>
                  </a:lnTo>
                  <a:lnTo>
                    <a:pt x="7683" y="682"/>
                  </a:lnTo>
                  <a:lnTo>
                    <a:pt x="7679" y="669"/>
                  </a:lnTo>
                  <a:lnTo>
                    <a:pt x="7674" y="657"/>
                  </a:lnTo>
                  <a:lnTo>
                    <a:pt x="7664" y="647"/>
                  </a:lnTo>
                  <a:lnTo>
                    <a:pt x="7655" y="639"/>
                  </a:lnTo>
                  <a:lnTo>
                    <a:pt x="7643" y="632"/>
                  </a:lnTo>
                  <a:lnTo>
                    <a:pt x="7631" y="628"/>
                  </a:lnTo>
                  <a:lnTo>
                    <a:pt x="7616" y="627"/>
                  </a:lnTo>
                  <a:lnTo>
                    <a:pt x="7591" y="631"/>
                  </a:lnTo>
                  <a:lnTo>
                    <a:pt x="7579" y="636"/>
                  </a:lnTo>
                  <a:lnTo>
                    <a:pt x="7570" y="643"/>
                  </a:lnTo>
                  <a:lnTo>
                    <a:pt x="7444" y="659"/>
                  </a:lnTo>
                  <a:lnTo>
                    <a:pt x="7431" y="662"/>
                  </a:lnTo>
                  <a:lnTo>
                    <a:pt x="7424" y="666"/>
                  </a:lnTo>
                  <a:lnTo>
                    <a:pt x="7420" y="670"/>
                  </a:lnTo>
                  <a:lnTo>
                    <a:pt x="7412" y="682"/>
                  </a:lnTo>
                  <a:lnTo>
                    <a:pt x="7409" y="696"/>
                  </a:lnTo>
                  <a:lnTo>
                    <a:pt x="7411" y="708"/>
                  </a:lnTo>
                  <a:lnTo>
                    <a:pt x="7416" y="717"/>
                  </a:lnTo>
                  <a:lnTo>
                    <a:pt x="7424" y="725"/>
                  </a:lnTo>
                  <a:lnTo>
                    <a:pt x="7433" y="730"/>
                  </a:lnTo>
                  <a:lnTo>
                    <a:pt x="7446" y="732"/>
                  </a:lnTo>
                  <a:lnTo>
                    <a:pt x="7570" y="748"/>
                  </a:lnTo>
                  <a:lnTo>
                    <a:pt x="7590" y="761"/>
                  </a:lnTo>
                  <a:lnTo>
                    <a:pt x="7614" y="765"/>
                  </a:lnTo>
                  <a:lnTo>
                    <a:pt x="7622" y="765"/>
                  </a:lnTo>
                  <a:close/>
                  <a:moveTo>
                    <a:pt x="8266" y="975"/>
                  </a:moveTo>
                  <a:lnTo>
                    <a:pt x="8266" y="839"/>
                  </a:lnTo>
                  <a:lnTo>
                    <a:pt x="7811" y="839"/>
                  </a:lnTo>
                  <a:lnTo>
                    <a:pt x="7811" y="975"/>
                  </a:lnTo>
                  <a:lnTo>
                    <a:pt x="7841" y="975"/>
                  </a:lnTo>
                  <a:lnTo>
                    <a:pt x="7844" y="984"/>
                  </a:lnTo>
                  <a:lnTo>
                    <a:pt x="7848" y="993"/>
                  </a:lnTo>
                  <a:lnTo>
                    <a:pt x="7856" y="998"/>
                  </a:lnTo>
                  <a:lnTo>
                    <a:pt x="7865" y="999"/>
                  </a:lnTo>
                  <a:lnTo>
                    <a:pt x="7875" y="998"/>
                  </a:lnTo>
                  <a:lnTo>
                    <a:pt x="7882" y="993"/>
                  </a:lnTo>
                  <a:lnTo>
                    <a:pt x="7887" y="984"/>
                  </a:lnTo>
                  <a:lnTo>
                    <a:pt x="7888" y="975"/>
                  </a:lnTo>
                  <a:lnTo>
                    <a:pt x="7910" y="975"/>
                  </a:lnTo>
                  <a:lnTo>
                    <a:pt x="7911" y="984"/>
                  </a:lnTo>
                  <a:lnTo>
                    <a:pt x="7917" y="993"/>
                  </a:lnTo>
                  <a:lnTo>
                    <a:pt x="7925" y="998"/>
                  </a:lnTo>
                  <a:lnTo>
                    <a:pt x="7934" y="999"/>
                  </a:lnTo>
                  <a:lnTo>
                    <a:pt x="7942" y="998"/>
                  </a:lnTo>
                  <a:lnTo>
                    <a:pt x="7950" y="993"/>
                  </a:lnTo>
                  <a:lnTo>
                    <a:pt x="7956" y="984"/>
                  </a:lnTo>
                  <a:lnTo>
                    <a:pt x="7957" y="975"/>
                  </a:lnTo>
                  <a:lnTo>
                    <a:pt x="8187" y="975"/>
                  </a:lnTo>
                  <a:lnTo>
                    <a:pt x="8189" y="984"/>
                  </a:lnTo>
                  <a:lnTo>
                    <a:pt x="8193" y="993"/>
                  </a:lnTo>
                  <a:lnTo>
                    <a:pt x="8201" y="998"/>
                  </a:lnTo>
                  <a:lnTo>
                    <a:pt x="8211" y="999"/>
                  </a:lnTo>
                  <a:lnTo>
                    <a:pt x="8220" y="998"/>
                  </a:lnTo>
                  <a:lnTo>
                    <a:pt x="8227" y="993"/>
                  </a:lnTo>
                  <a:lnTo>
                    <a:pt x="8232" y="984"/>
                  </a:lnTo>
                  <a:lnTo>
                    <a:pt x="8234" y="975"/>
                  </a:lnTo>
                  <a:lnTo>
                    <a:pt x="8266" y="975"/>
                  </a:lnTo>
                  <a:close/>
                  <a:moveTo>
                    <a:pt x="8583" y="975"/>
                  </a:moveTo>
                  <a:lnTo>
                    <a:pt x="8583" y="926"/>
                  </a:lnTo>
                  <a:lnTo>
                    <a:pt x="8737" y="926"/>
                  </a:lnTo>
                  <a:lnTo>
                    <a:pt x="8737" y="839"/>
                  </a:lnTo>
                  <a:lnTo>
                    <a:pt x="8583" y="839"/>
                  </a:lnTo>
                  <a:lnTo>
                    <a:pt x="8578" y="839"/>
                  </a:lnTo>
                  <a:lnTo>
                    <a:pt x="8286" y="839"/>
                  </a:lnTo>
                  <a:lnTo>
                    <a:pt x="8286" y="975"/>
                  </a:lnTo>
                  <a:lnTo>
                    <a:pt x="8308" y="975"/>
                  </a:lnTo>
                  <a:lnTo>
                    <a:pt x="8309" y="984"/>
                  </a:lnTo>
                  <a:lnTo>
                    <a:pt x="8315" y="993"/>
                  </a:lnTo>
                  <a:lnTo>
                    <a:pt x="8323" y="998"/>
                  </a:lnTo>
                  <a:lnTo>
                    <a:pt x="8332" y="999"/>
                  </a:lnTo>
                  <a:lnTo>
                    <a:pt x="8340" y="998"/>
                  </a:lnTo>
                  <a:lnTo>
                    <a:pt x="8348" y="993"/>
                  </a:lnTo>
                  <a:lnTo>
                    <a:pt x="8354" y="984"/>
                  </a:lnTo>
                  <a:lnTo>
                    <a:pt x="8355" y="975"/>
                  </a:lnTo>
                  <a:lnTo>
                    <a:pt x="8382" y="975"/>
                  </a:lnTo>
                  <a:lnTo>
                    <a:pt x="8385" y="984"/>
                  </a:lnTo>
                  <a:lnTo>
                    <a:pt x="8389" y="993"/>
                  </a:lnTo>
                  <a:lnTo>
                    <a:pt x="8397" y="998"/>
                  </a:lnTo>
                  <a:lnTo>
                    <a:pt x="8407" y="999"/>
                  </a:lnTo>
                  <a:lnTo>
                    <a:pt x="8416" y="998"/>
                  </a:lnTo>
                  <a:lnTo>
                    <a:pt x="8423" y="993"/>
                  </a:lnTo>
                  <a:lnTo>
                    <a:pt x="8428" y="984"/>
                  </a:lnTo>
                  <a:lnTo>
                    <a:pt x="8429" y="975"/>
                  </a:lnTo>
                  <a:lnTo>
                    <a:pt x="8583" y="975"/>
                  </a:lnTo>
                  <a:close/>
                  <a:moveTo>
                    <a:pt x="8913" y="975"/>
                  </a:moveTo>
                  <a:lnTo>
                    <a:pt x="8913" y="839"/>
                  </a:lnTo>
                  <a:lnTo>
                    <a:pt x="8767" y="839"/>
                  </a:lnTo>
                  <a:lnTo>
                    <a:pt x="8767" y="944"/>
                  </a:lnTo>
                  <a:lnTo>
                    <a:pt x="8608" y="944"/>
                  </a:lnTo>
                  <a:lnTo>
                    <a:pt x="8608" y="975"/>
                  </a:lnTo>
                  <a:lnTo>
                    <a:pt x="8625" y="975"/>
                  </a:lnTo>
                  <a:lnTo>
                    <a:pt x="8627" y="984"/>
                  </a:lnTo>
                  <a:lnTo>
                    <a:pt x="8632" y="993"/>
                  </a:lnTo>
                  <a:lnTo>
                    <a:pt x="8639" y="998"/>
                  </a:lnTo>
                  <a:lnTo>
                    <a:pt x="8648" y="999"/>
                  </a:lnTo>
                  <a:lnTo>
                    <a:pt x="8658" y="998"/>
                  </a:lnTo>
                  <a:lnTo>
                    <a:pt x="8666" y="993"/>
                  </a:lnTo>
                  <a:lnTo>
                    <a:pt x="8670" y="984"/>
                  </a:lnTo>
                  <a:lnTo>
                    <a:pt x="8672" y="975"/>
                  </a:lnTo>
                  <a:lnTo>
                    <a:pt x="8698" y="975"/>
                  </a:lnTo>
                  <a:lnTo>
                    <a:pt x="8699" y="984"/>
                  </a:lnTo>
                  <a:lnTo>
                    <a:pt x="8705" y="993"/>
                  </a:lnTo>
                  <a:lnTo>
                    <a:pt x="8712" y="998"/>
                  </a:lnTo>
                  <a:lnTo>
                    <a:pt x="8721" y="999"/>
                  </a:lnTo>
                  <a:lnTo>
                    <a:pt x="8730" y="998"/>
                  </a:lnTo>
                  <a:lnTo>
                    <a:pt x="8739" y="993"/>
                  </a:lnTo>
                  <a:lnTo>
                    <a:pt x="8743" y="984"/>
                  </a:lnTo>
                  <a:lnTo>
                    <a:pt x="8745" y="975"/>
                  </a:lnTo>
                  <a:lnTo>
                    <a:pt x="8767" y="975"/>
                  </a:lnTo>
                  <a:lnTo>
                    <a:pt x="8779" y="975"/>
                  </a:lnTo>
                  <a:lnTo>
                    <a:pt x="8840" y="975"/>
                  </a:lnTo>
                  <a:lnTo>
                    <a:pt x="8841" y="984"/>
                  </a:lnTo>
                  <a:lnTo>
                    <a:pt x="8846" y="993"/>
                  </a:lnTo>
                  <a:lnTo>
                    <a:pt x="8855" y="998"/>
                  </a:lnTo>
                  <a:lnTo>
                    <a:pt x="8864" y="999"/>
                  </a:lnTo>
                  <a:lnTo>
                    <a:pt x="8872" y="998"/>
                  </a:lnTo>
                  <a:lnTo>
                    <a:pt x="8880" y="993"/>
                  </a:lnTo>
                  <a:lnTo>
                    <a:pt x="8886" y="984"/>
                  </a:lnTo>
                  <a:lnTo>
                    <a:pt x="8887" y="975"/>
                  </a:lnTo>
                  <a:lnTo>
                    <a:pt x="8913" y="975"/>
                  </a:lnTo>
                  <a:close/>
                  <a:moveTo>
                    <a:pt x="9305" y="730"/>
                  </a:moveTo>
                  <a:lnTo>
                    <a:pt x="9305" y="716"/>
                  </a:lnTo>
                  <a:lnTo>
                    <a:pt x="9251" y="716"/>
                  </a:lnTo>
                  <a:lnTo>
                    <a:pt x="9251" y="730"/>
                  </a:lnTo>
                  <a:lnTo>
                    <a:pt x="9305" y="730"/>
                  </a:lnTo>
                  <a:close/>
                  <a:moveTo>
                    <a:pt x="8632" y="2278"/>
                  </a:moveTo>
                  <a:lnTo>
                    <a:pt x="8632" y="2219"/>
                  </a:lnTo>
                  <a:lnTo>
                    <a:pt x="8629" y="2211"/>
                  </a:lnTo>
                  <a:lnTo>
                    <a:pt x="8625" y="2208"/>
                  </a:lnTo>
                  <a:lnTo>
                    <a:pt x="8609" y="2208"/>
                  </a:lnTo>
                  <a:lnTo>
                    <a:pt x="8604" y="2211"/>
                  </a:lnTo>
                  <a:lnTo>
                    <a:pt x="8602" y="2219"/>
                  </a:lnTo>
                  <a:lnTo>
                    <a:pt x="8597" y="2261"/>
                  </a:lnTo>
                  <a:lnTo>
                    <a:pt x="8597" y="2278"/>
                  </a:lnTo>
                  <a:lnTo>
                    <a:pt x="8600" y="2285"/>
                  </a:lnTo>
                  <a:lnTo>
                    <a:pt x="8604" y="2289"/>
                  </a:lnTo>
                  <a:lnTo>
                    <a:pt x="8625" y="2289"/>
                  </a:lnTo>
                  <a:lnTo>
                    <a:pt x="8629" y="2285"/>
                  </a:lnTo>
                  <a:lnTo>
                    <a:pt x="8632" y="2278"/>
                  </a:lnTo>
                  <a:close/>
                  <a:moveTo>
                    <a:pt x="8678" y="2278"/>
                  </a:moveTo>
                  <a:lnTo>
                    <a:pt x="8678" y="2219"/>
                  </a:lnTo>
                  <a:lnTo>
                    <a:pt x="8676" y="2212"/>
                  </a:lnTo>
                  <a:lnTo>
                    <a:pt x="8670" y="2208"/>
                  </a:lnTo>
                  <a:lnTo>
                    <a:pt x="8652" y="2208"/>
                  </a:lnTo>
                  <a:lnTo>
                    <a:pt x="8645" y="2212"/>
                  </a:lnTo>
                  <a:lnTo>
                    <a:pt x="8644" y="2219"/>
                  </a:lnTo>
                  <a:lnTo>
                    <a:pt x="8644" y="2278"/>
                  </a:lnTo>
                  <a:lnTo>
                    <a:pt x="8645" y="2285"/>
                  </a:lnTo>
                  <a:lnTo>
                    <a:pt x="8652" y="2289"/>
                  </a:lnTo>
                  <a:lnTo>
                    <a:pt x="8670" y="2289"/>
                  </a:lnTo>
                  <a:lnTo>
                    <a:pt x="8676" y="2285"/>
                  </a:lnTo>
                  <a:lnTo>
                    <a:pt x="8678" y="2278"/>
                  </a:lnTo>
                  <a:close/>
                  <a:moveTo>
                    <a:pt x="8782" y="2278"/>
                  </a:moveTo>
                  <a:lnTo>
                    <a:pt x="8782" y="2219"/>
                  </a:lnTo>
                  <a:lnTo>
                    <a:pt x="8779" y="2212"/>
                  </a:lnTo>
                  <a:lnTo>
                    <a:pt x="8772" y="2209"/>
                  </a:lnTo>
                  <a:lnTo>
                    <a:pt x="8755" y="2209"/>
                  </a:lnTo>
                  <a:lnTo>
                    <a:pt x="8748" y="2212"/>
                  </a:lnTo>
                  <a:lnTo>
                    <a:pt x="8747" y="2219"/>
                  </a:lnTo>
                  <a:lnTo>
                    <a:pt x="8747" y="2278"/>
                  </a:lnTo>
                  <a:lnTo>
                    <a:pt x="8748" y="2286"/>
                  </a:lnTo>
                  <a:lnTo>
                    <a:pt x="8755" y="2289"/>
                  </a:lnTo>
                  <a:lnTo>
                    <a:pt x="8772" y="2289"/>
                  </a:lnTo>
                  <a:lnTo>
                    <a:pt x="8779" y="2286"/>
                  </a:lnTo>
                  <a:lnTo>
                    <a:pt x="8782" y="2278"/>
                  </a:lnTo>
                  <a:close/>
                  <a:moveTo>
                    <a:pt x="8828" y="2278"/>
                  </a:moveTo>
                  <a:lnTo>
                    <a:pt x="8828" y="2219"/>
                  </a:lnTo>
                  <a:lnTo>
                    <a:pt x="8825" y="2212"/>
                  </a:lnTo>
                  <a:lnTo>
                    <a:pt x="8819" y="2209"/>
                  </a:lnTo>
                  <a:lnTo>
                    <a:pt x="8802" y="2209"/>
                  </a:lnTo>
                  <a:lnTo>
                    <a:pt x="8795" y="2212"/>
                  </a:lnTo>
                  <a:lnTo>
                    <a:pt x="8793" y="2219"/>
                  </a:lnTo>
                  <a:lnTo>
                    <a:pt x="8793" y="2278"/>
                  </a:lnTo>
                  <a:lnTo>
                    <a:pt x="8795" y="2286"/>
                  </a:lnTo>
                  <a:lnTo>
                    <a:pt x="8802" y="2289"/>
                  </a:lnTo>
                  <a:lnTo>
                    <a:pt x="8819" y="2289"/>
                  </a:lnTo>
                  <a:lnTo>
                    <a:pt x="8825" y="2286"/>
                  </a:lnTo>
                  <a:lnTo>
                    <a:pt x="8828" y="2278"/>
                  </a:lnTo>
                  <a:close/>
                  <a:moveTo>
                    <a:pt x="8991" y="2284"/>
                  </a:moveTo>
                  <a:lnTo>
                    <a:pt x="8991" y="2215"/>
                  </a:lnTo>
                  <a:lnTo>
                    <a:pt x="8990" y="2212"/>
                  </a:lnTo>
                  <a:lnTo>
                    <a:pt x="8983" y="2209"/>
                  </a:lnTo>
                  <a:lnTo>
                    <a:pt x="8898" y="2209"/>
                  </a:lnTo>
                  <a:lnTo>
                    <a:pt x="8891" y="2212"/>
                  </a:lnTo>
                  <a:lnTo>
                    <a:pt x="8888" y="2215"/>
                  </a:lnTo>
                  <a:lnTo>
                    <a:pt x="8888" y="2284"/>
                  </a:lnTo>
                  <a:lnTo>
                    <a:pt x="8891" y="2288"/>
                  </a:lnTo>
                  <a:lnTo>
                    <a:pt x="8898" y="2289"/>
                  </a:lnTo>
                  <a:lnTo>
                    <a:pt x="8983" y="2289"/>
                  </a:lnTo>
                  <a:lnTo>
                    <a:pt x="8990" y="2288"/>
                  </a:lnTo>
                  <a:lnTo>
                    <a:pt x="8991" y="2284"/>
                  </a:lnTo>
                  <a:close/>
                  <a:moveTo>
                    <a:pt x="9088" y="2278"/>
                  </a:moveTo>
                  <a:lnTo>
                    <a:pt x="9088" y="2219"/>
                  </a:lnTo>
                  <a:lnTo>
                    <a:pt x="9085" y="2212"/>
                  </a:lnTo>
                  <a:lnTo>
                    <a:pt x="9079" y="2209"/>
                  </a:lnTo>
                  <a:lnTo>
                    <a:pt x="9061" y="2209"/>
                  </a:lnTo>
                  <a:lnTo>
                    <a:pt x="9056" y="2212"/>
                  </a:lnTo>
                  <a:lnTo>
                    <a:pt x="9053" y="2219"/>
                  </a:lnTo>
                  <a:lnTo>
                    <a:pt x="9053" y="2278"/>
                  </a:lnTo>
                  <a:lnTo>
                    <a:pt x="9056" y="2286"/>
                  </a:lnTo>
                  <a:lnTo>
                    <a:pt x="9061" y="2289"/>
                  </a:lnTo>
                  <a:lnTo>
                    <a:pt x="9079" y="2289"/>
                  </a:lnTo>
                  <a:lnTo>
                    <a:pt x="9085" y="2286"/>
                  </a:lnTo>
                  <a:lnTo>
                    <a:pt x="9088" y="2278"/>
                  </a:lnTo>
                  <a:close/>
                  <a:moveTo>
                    <a:pt x="9134" y="2278"/>
                  </a:moveTo>
                  <a:lnTo>
                    <a:pt x="9134" y="2219"/>
                  </a:lnTo>
                  <a:lnTo>
                    <a:pt x="9133" y="2212"/>
                  </a:lnTo>
                  <a:lnTo>
                    <a:pt x="9126" y="2209"/>
                  </a:lnTo>
                  <a:lnTo>
                    <a:pt x="9108" y="2209"/>
                  </a:lnTo>
                  <a:lnTo>
                    <a:pt x="9102" y="2212"/>
                  </a:lnTo>
                  <a:lnTo>
                    <a:pt x="9100" y="2219"/>
                  </a:lnTo>
                  <a:lnTo>
                    <a:pt x="9100" y="2278"/>
                  </a:lnTo>
                  <a:lnTo>
                    <a:pt x="9102" y="2286"/>
                  </a:lnTo>
                  <a:lnTo>
                    <a:pt x="9108" y="2289"/>
                  </a:lnTo>
                  <a:lnTo>
                    <a:pt x="9126" y="2289"/>
                  </a:lnTo>
                  <a:lnTo>
                    <a:pt x="9133" y="2286"/>
                  </a:lnTo>
                  <a:lnTo>
                    <a:pt x="9134" y="2278"/>
                  </a:lnTo>
                  <a:close/>
                  <a:moveTo>
                    <a:pt x="9299" y="2284"/>
                  </a:moveTo>
                  <a:lnTo>
                    <a:pt x="9299" y="2215"/>
                  </a:lnTo>
                  <a:lnTo>
                    <a:pt x="9296" y="2212"/>
                  </a:lnTo>
                  <a:lnTo>
                    <a:pt x="9289" y="2209"/>
                  </a:lnTo>
                  <a:lnTo>
                    <a:pt x="9204" y="2209"/>
                  </a:lnTo>
                  <a:lnTo>
                    <a:pt x="9199" y="2212"/>
                  </a:lnTo>
                  <a:lnTo>
                    <a:pt x="9196" y="2215"/>
                  </a:lnTo>
                  <a:lnTo>
                    <a:pt x="9196" y="2284"/>
                  </a:lnTo>
                  <a:lnTo>
                    <a:pt x="9199" y="2288"/>
                  </a:lnTo>
                  <a:lnTo>
                    <a:pt x="9204" y="2289"/>
                  </a:lnTo>
                  <a:lnTo>
                    <a:pt x="9289" y="2289"/>
                  </a:lnTo>
                  <a:lnTo>
                    <a:pt x="9296" y="2288"/>
                  </a:lnTo>
                  <a:lnTo>
                    <a:pt x="9299" y="2284"/>
                  </a:lnTo>
                  <a:close/>
                  <a:moveTo>
                    <a:pt x="9394" y="2278"/>
                  </a:moveTo>
                  <a:lnTo>
                    <a:pt x="9394" y="2219"/>
                  </a:lnTo>
                  <a:lnTo>
                    <a:pt x="9392" y="2212"/>
                  </a:lnTo>
                  <a:lnTo>
                    <a:pt x="9386" y="2209"/>
                  </a:lnTo>
                  <a:lnTo>
                    <a:pt x="9367" y="2209"/>
                  </a:lnTo>
                  <a:lnTo>
                    <a:pt x="9362" y="2212"/>
                  </a:lnTo>
                  <a:lnTo>
                    <a:pt x="9359" y="2219"/>
                  </a:lnTo>
                  <a:lnTo>
                    <a:pt x="9359" y="2278"/>
                  </a:lnTo>
                  <a:lnTo>
                    <a:pt x="9362" y="2286"/>
                  </a:lnTo>
                  <a:lnTo>
                    <a:pt x="9367" y="2289"/>
                  </a:lnTo>
                  <a:lnTo>
                    <a:pt x="9386" y="2289"/>
                  </a:lnTo>
                  <a:lnTo>
                    <a:pt x="9392" y="2286"/>
                  </a:lnTo>
                  <a:lnTo>
                    <a:pt x="9394" y="2278"/>
                  </a:lnTo>
                  <a:close/>
                  <a:moveTo>
                    <a:pt x="9442" y="2278"/>
                  </a:moveTo>
                  <a:lnTo>
                    <a:pt x="9442" y="2219"/>
                  </a:lnTo>
                  <a:lnTo>
                    <a:pt x="9439" y="2212"/>
                  </a:lnTo>
                  <a:lnTo>
                    <a:pt x="9432" y="2209"/>
                  </a:lnTo>
                  <a:lnTo>
                    <a:pt x="9415" y="2209"/>
                  </a:lnTo>
                  <a:lnTo>
                    <a:pt x="9409" y="2212"/>
                  </a:lnTo>
                  <a:lnTo>
                    <a:pt x="9407" y="2219"/>
                  </a:lnTo>
                  <a:lnTo>
                    <a:pt x="9407" y="2278"/>
                  </a:lnTo>
                  <a:lnTo>
                    <a:pt x="9409" y="2286"/>
                  </a:lnTo>
                  <a:lnTo>
                    <a:pt x="9415" y="2289"/>
                  </a:lnTo>
                  <a:lnTo>
                    <a:pt x="9432" y="2289"/>
                  </a:lnTo>
                  <a:lnTo>
                    <a:pt x="9439" y="2286"/>
                  </a:lnTo>
                  <a:lnTo>
                    <a:pt x="9442" y="2278"/>
                  </a:lnTo>
                  <a:close/>
                  <a:moveTo>
                    <a:pt x="9470" y="730"/>
                  </a:moveTo>
                  <a:lnTo>
                    <a:pt x="9470" y="716"/>
                  </a:lnTo>
                  <a:lnTo>
                    <a:pt x="9349" y="716"/>
                  </a:lnTo>
                  <a:lnTo>
                    <a:pt x="9349" y="730"/>
                  </a:lnTo>
                  <a:lnTo>
                    <a:pt x="9470" y="730"/>
                  </a:lnTo>
                  <a:close/>
                  <a:moveTo>
                    <a:pt x="10350" y="860"/>
                  </a:moveTo>
                  <a:lnTo>
                    <a:pt x="10312" y="860"/>
                  </a:lnTo>
                  <a:lnTo>
                    <a:pt x="10168" y="1005"/>
                  </a:lnTo>
                  <a:lnTo>
                    <a:pt x="10207" y="1005"/>
                  </a:lnTo>
                  <a:lnTo>
                    <a:pt x="10350" y="862"/>
                  </a:lnTo>
                  <a:lnTo>
                    <a:pt x="10350" y="860"/>
                  </a:lnTo>
                  <a:close/>
                  <a:moveTo>
                    <a:pt x="10139" y="902"/>
                  </a:moveTo>
                  <a:lnTo>
                    <a:pt x="10139" y="941"/>
                  </a:lnTo>
                  <a:lnTo>
                    <a:pt x="10219" y="862"/>
                  </a:lnTo>
                  <a:lnTo>
                    <a:pt x="10181" y="860"/>
                  </a:lnTo>
                  <a:lnTo>
                    <a:pt x="10139" y="902"/>
                  </a:lnTo>
                  <a:close/>
                  <a:moveTo>
                    <a:pt x="10139" y="967"/>
                  </a:moveTo>
                  <a:lnTo>
                    <a:pt x="10139" y="1005"/>
                  </a:lnTo>
                  <a:lnTo>
                    <a:pt x="10285" y="862"/>
                  </a:lnTo>
                  <a:lnTo>
                    <a:pt x="10247" y="860"/>
                  </a:lnTo>
                  <a:lnTo>
                    <a:pt x="10139" y="967"/>
                  </a:lnTo>
                  <a:close/>
                  <a:moveTo>
                    <a:pt x="10129" y="673"/>
                  </a:moveTo>
                  <a:lnTo>
                    <a:pt x="10123" y="653"/>
                  </a:lnTo>
                  <a:lnTo>
                    <a:pt x="10079" y="697"/>
                  </a:lnTo>
                  <a:lnTo>
                    <a:pt x="10099" y="704"/>
                  </a:lnTo>
                  <a:lnTo>
                    <a:pt x="10129" y="673"/>
                  </a:lnTo>
                  <a:close/>
                  <a:moveTo>
                    <a:pt x="10104" y="607"/>
                  </a:moveTo>
                  <a:lnTo>
                    <a:pt x="10030" y="681"/>
                  </a:lnTo>
                  <a:lnTo>
                    <a:pt x="10050" y="686"/>
                  </a:lnTo>
                  <a:lnTo>
                    <a:pt x="10112" y="624"/>
                  </a:lnTo>
                  <a:lnTo>
                    <a:pt x="10104" y="607"/>
                  </a:lnTo>
                  <a:close/>
                  <a:moveTo>
                    <a:pt x="9932" y="647"/>
                  </a:moveTo>
                  <a:lnTo>
                    <a:pt x="9932" y="653"/>
                  </a:lnTo>
                  <a:lnTo>
                    <a:pt x="9949" y="657"/>
                  </a:lnTo>
                  <a:lnTo>
                    <a:pt x="10018" y="588"/>
                  </a:lnTo>
                  <a:lnTo>
                    <a:pt x="10054" y="588"/>
                  </a:lnTo>
                  <a:lnTo>
                    <a:pt x="9980" y="665"/>
                  </a:lnTo>
                  <a:lnTo>
                    <a:pt x="10000" y="672"/>
                  </a:lnTo>
                  <a:lnTo>
                    <a:pt x="10084" y="588"/>
                  </a:lnTo>
                  <a:lnTo>
                    <a:pt x="10092" y="588"/>
                  </a:lnTo>
                  <a:lnTo>
                    <a:pt x="10077" y="569"/>
                  </a:lnTo>
                  <a:lnTo>
                    <a:pt x="10061" y="551"/>
                  </a:lnTo>
                  <a:lnTo>
                    <a:pt x="10023" y="522"/>
                  </a:lnTo>
                  <a:lnTo>
                    <a:pt x="10002" y="510"/>
                  </a:lnTo>
                  <a:lnTo>
                    <a:pt x="9980" y="500"/>
                  </a:lnTo>
                  <a:lnTo>
                    <a:pt x="9956" y="493"/>
                  </a:lnTo>
                  <a:lnTo>
                    <a:pt x="9932" y="488"/>
                  </a:lnTo>
                  <a:lnTo>
                    <a:pt x="9932" y="608"/>
                  </a:lnTo>
                  <a:lnTo>
                    <a:pt x="9952" y="588"/>
                  </a:lnTo>
                  <a:lnTo>
                    <a:pt x="9988" y="588"/>
                  </a:lnTo>
                  <a:lnTo>
                    <a:pt x="9932" y="647"/>
                  </a:lnTo>
                  <a:close/>
                  <a:moveTo>
                    <a:pt x="9605" y="2284"/>
                  </a:moveTo>
                  <a:lnTo>
                    <a:pt x="9605" y="2215"/>
                  </a:lnTo>
                  <a:lnTo>
                    <a:pt x="9602" y="2212"/>
                  </a:lnTo>
                  <a:lnTo>
                    <a:pt x="9597" y="2209"/>
                  </a:lnTo>
                  <a:lnTo>
                    <a:pt x="9510" y="2209"/>
                  </a:lnTo>
                  <a:lnTo>
                    <a:pt x="9505" y="2212"/>
                  </a:lnTo>
                  <a:lnTo>
                    <a:pt x="9502" y="2215"/>
                  </a:lnTo>
                  <a:lnTo>
                    <a:pt x="9502" y="2284"/>
                  </a:lnTo>
                  <a:lnTo>
                    <a:pt x="9505" y="2288"/>
                  </a:lnTo>
                  <a:lnTo>
                    <a:pt x="9510" y="2289"/>
                  </a:lnTo>
                  <a:lnTo>
                    <a:pt x="9597" y="2289"/>
                  </a:lnTo>
                  <a:lnTo>
                    <a:pt x="9602" y="2288"/>
                  </a:lnTo>
                  <a:lnTo>
                    <a:pt x="9605" y="2284"/>
                  </a:lnTo>
                  <a:close/>
                  <a:moveTo>
                    <a:pt x="9702" y="2278"/>
                  </a:moveTo>
                  <a:lnTo>
                    <a:pt x="9702" y="2219"/>
                  </a:lnTo>
                  <a:lnTo>
                    <a:pt x="9699" y="2212"/>
                  </a:lnTo>
                  <a:lnTo>
                    <a:pt x="9693" y="2209"/>
                  </a:lnTo>
                  <a:lnTo>
                    <a:pt x="9675" y="2209"/>
                  </a:lnTo>
                  <a:lnTo>
                    <a:pt x="9668" y="2212"/>
                  </a:lnTo>
                  <a:lnTo>
                    <a:pt x="9667" y="2219"/>
                  </a:lnTo>
                  <a:lnTo>
                    <a:pt x="9667" y="2278"/>
                  </a:lnTo>
                  <a:lnTo>
                    <a:pt x="9668" y="2286"/>
                  </a:lnTo>
                  <a:lnTo>
                    <a:pt x="9675" y="2289"/>
                  </a:lnTo>
                  <a:lnTo>
                    <a:pt x="9693" y="2289"/>
                  </a:lnTo>
                  <a:lnTo>
                    <a:pt x="9699" y="2286"/>
                  </a:lnTo>
                  <a:lnTo>
                    <a:pt x="9702" y="2278"/>
                  </a:lnTo>
                  <a:close/>
                  <a:moveTo>
                    <a:pt x="9492" y="716"/>
                  </a:moveTo>
                  <a:lnTo>
                    <a:pt x="9492" y="730"/>
                  </a:lnTo>
                  <a:lnTo>
                    <a:pt x="9802" y="730"/>
                  </a:lnTo>
                  <a:lnTo>
                    <a:pt x="9802" y="716"/>
                  </a:lnTo>
                  <a:lnTo>
                    <a:pt x="9492" y="716"/>
                  </a:lnTo>
                  <a:close/>
                  <a:moveTo>
                    <a:pt x="9748" y="2278"/>
                  </a:moveTo>
                  <a:lnTo>
                    <a:pt x="9748" y="2219"/>
                  </a:lnTo>
                  <a:lnTo>
                    <a:pt x="9745" y="2212"/>
                  </a:lnTo>
                  <a:lnTo>
                    <a:pt x="9740" y="2209"/>
                  </a:lnTo>
                  <a:lnTo>
                    <a:pt x="9722" y="2209"/>
                  </a:lnTo>
                  <a:lnTo>
                    <a:pt x="9716" y="2212"/>
                  </a:lnTo>
                  <a:lnTo>
                    <a:pt x="9713" y="2219"/>
                  </a:lnTo>
                  <a:lnTo>
                    <a:pt x="9713" y="2278"/>
                  </a:lnTo>
                  <a:lnTo>
                    <a:pt x="9716" y="2286"/>
                  </a:lnTo>
                  <a:lnTo>
                    <a:pt x="9722" y="2289"/>
                  </a:lnTo>
                  <a:lnTo>
                    <a:pt x="9740" y="2289"/>
                  </a:lnTo>
                  <a:lnTo>
                    <a:pt x="9745" y="2286"/>
                  </a:lnTo>
                  <a:lnTo>
                    <a:pt x="9748" y="2278"/>
                  </a:lnTo>
                  <a:close/>
                  <a:moveTo>
                    <a:pt x="9730" y="846"/>
                  </a:moveTo>
                  <a:lnTo>
                    <a:pt x="9732" y="863"/>
                  </a:lnTo>
                  <a:lnTo>
                    <a:pt x="9737" y="879"/>
                  </a:lnTo>
                  <a:lnTo>
                    <a:pt x="9745" y="894"/>
                  </a:lnTo>
                  <a:lnTo>
                    <a:pt x="9756" y="908"/>
                  </a:lnTo>
                  <a:lnTo>
                    <a:pt x="9770" y="918"/>
                  </a:lnTo>
                  <a:lnTo>
                    <a:pt x="9784" y="926"/>
                  </a:lnTo>
                  <a:lnTo>
                    <a:pt x="9802" y="932"/>
                  </a:lnTo>
                  <a:lnTo>
                    <a:pt x="9820" y="933"/>
                  </a:lnTo>
                  <a:lnTo>
                    <a:pt x="9837" y="932"/>
                  </a:lnTo>
                  <a:lnTo>
                    <a:pt x="9855" y="926"/>
                  </a:lnTo>
                  <a:lnTo>
                    <a:pt x="9869" y="918"/>
                  </a:lnTo>
                  <a:lnTo>
                    <a:pt x="9883" y="908"/>
                  </a:lnTo>
                  <a:lnTo>
                    <a:pt x="9894" y="894"/>
                  </a:lnTo>
                  <a:lnTo>
                    <a:pt x="9902" y="879"/>
                  </a:lnTo>
                  <a:lnTo>
                    <a:pt x="9906" y="863"/>
                  </a:lnTo>
                  <a:lnTo>
                    <a:pt x="9909" y="846"/>
                  </a:lnTo>
                  <a:lnTo>
                    <a:pt x="9906" y="827"/>
                  </a:lnTo>
                  <a:lnTo>
                    <a:pt x="9902" y="810"/>
                  </a:lnTo>
                  <a:lnTo>
                    <a:pt x="9894" y="796"/>
                  </a:lnTo>
                  <a:lnTo>
                    <a:pt x="9883" y="782"/>
                  </a:lnTo>
                  <a:lnTo>
                    <a:pt x="9869" y="771"/>
                  </a:lnTo>
                  <a:lnTo>
                    <a:pt x="9855" y="763"/>
                  </a:lnTo>
                  <a:lnTo>
                    <a:pt x="9837" y="758"/>
                  </a:lnTo>
                  <a:lnTo>
                    <a:pt x="9820" y="756"/>
                  </a:lnTo>
                  <a:lnTo>
                    <a:pt x="9802" y="758"/>
                  </a:lnTo>
                  <a:lnTo>
                    <a:pt x="9784" y="763"/>
                  </a:lnTo>
                  <a:lnTo>
                    <a:pt x="9770" y="771"/>
                  </a:lnTo>
                  <a:lnTo>
                    <a:pt x="9756" y="782"/>
                  </a:lnTo>
                  <a:lnTo>
                    <a:pt x="9745" y="796"/>
                  </a:lnTo>
                  <a:lnTo>
                    <a:pt x="9737" y="810"/>
                  </a:lnTo>
                  <a:lnTo>
                    <a:pt x="9732" y="827"/>
                  </a:lnTo>
                  <a:lnTo>
                    <a:pt x="9730" y="846"/>
                  </a:lnTo>
                  <a:close/>
                  <a:moveTo>
                    <a:pt x="9965" y="2475"/>
                  </a:moveTo>
                  <a:lnTo>
                    <a:pt x="9969" y="2464"/>
                  </a:lnTo>
                  <a:lnTo>
                    <a:pt x="9968" y="2381"/>
                  </a:lnTo>
                  <a:lnTo>
                    <a:pt x="9965" y="2382"/>
                  </a:lnTo>
                  <a:lnTo>
                    <a:pt x="9965" y="2369"/>
                  </a:lnTo>
                  <a:lnTo>
                    <a:pt x="9948" y="2375"/>
                  </a:lnTo>
                  <a:lnTo>
                    <a:pt x="9948" y="2466"/>
                  </a:lnTo>
                  <a:lnTo>
                    <a:pt x="9957" y="2468"/>
                  </a:lnTo>
                  <a:lnTo>
                    <a:pt x="9965" y="2475"/>
                  </a:lnTo>
                  <a:close/>
                  <a:moveTo>
                    <a:pt x="10014" y="2421"/>
                  </a:moveTo>
                  <a:lnTo>
                    <a:pt x="10014" y="2367"/>
                  </a:lnTo>
                  <a:lnTo>
                    <a:pt x="10013" y="2366"/>
                  </a:lnTo>
                  <a:lnTo>
                    <a:pt x="10013" y="2332"/>
                  </a:lnTo>
                  <a:lnTo>
                    <a:pt x="10008" y="2327"/>
                  </a:lnTo>
                  <a:lnTo>
                    <a:pt x="10004" y="2321"/>
                  </a:lnTo>
                  <a:lnTo>
                    <a:pt x="9999" y="2334"/>
                  </a:lnTo>
                  <a:lnTo>
                    <a:pt x="9991" y="2346"/>
                  </a:lnTo>
                  <a:lnTo>
                    <a:pt x="9991" y="2433"/>
                  </a:lnTo>
                  <a:lnTo>
                    <a:pt x="10003" y="2427"/>
                  </a:lnTo>
                  <a:lnTo>
                    <a:pt x="10014" y="2421"/>
                  </a:lnTo>
                  <a:close/>
                  <a:moveTo>
                    <a:pt x="10031" y="2234"/>
                  </a:moveTo>
                  <a:lnTo>
                    <a:pt x="10031" y="2180"/>
                  </a:lnTo>
                  <a:lnTo>
                    <a:pt x="10029" y="2180"/>
                  </a:lnTo>
                  <a:lnTo>
                    <a:pt x="10029" y="2170"/>
                  </a:lnTo>
                  <a:lnTo>
                    <a:pt x="10021" y="2157"/>
                  </a:lnTo>
                  <a:lnTo>
                    <a:pt x="10014" y="2142"/>
                  </a:lnTo>
                  <a:lnTo>
                    <a:pt x="10014" y="2246"/>
                  </a:lnTo>
                  <a:lnTo>
                    <a:pt x="10022" y="2239"/>
                  </a:lnTo>
                  <a:lnTo>
                    <a:pt x="10031" y="2234"/>
                  </a:lnTo>
                  <a:close/>
                  <a:moveTo>
                    <a:pt x="10075" y="2431"/>
                  </a:moveTo>
                  <a:lnTo>
                    <a:pt x="10075" y="2412"/>
                  </a:lnTo>
                  <a:lnTo>
                    <a:pt x="10072" y="2408"/>
                  </a:lnTo>
                  <a:lnTo>
                    <a:pt x="10072" y="2358"/>
                  </a:lnTo>
                  <a:lnTo>
                    <a:pt x="10062" y="2355"/>
                  </a:lnTo>
                  <a:lnTo>
                    <a:pt x="10054" y="2350"/>
                  </a:lnTo>
                  <a:lnTo>
                    <a:pt x="10049" y="2350"/>
                  </a:lnTo>
                  <a:lnTo>
                    <a:pt x="10049" y="2379"/>
                  </a:lnTo>
                  <a:lnTo>
                    <a:pt x="10038" y="2374"/>
                  </a:lnTo>
                  <a:lnTo>
                    <a:pt x="10038" y="2418"/>
                  </a:lnTo>
                  <a:lnTo>
                    <a:pt x="10057" y="2423"/>
                  </a:lnTo>
                  <a:lnTo>
                    <a:pt x="10075" y="2431"/>
                  </a:lnTo>
                  <a:close/>
                  <a:moveTo>
                    <a:pt x="10072" y="2224"/>
                  </a:moveTo>
                  <a:lnTo>
                    <a:pt x="10071" y="2217"/>
                  </a:lnTo>
                  <a:lnTo>
                    <a:pt x="10071" y="2197"/>
                  </a:lnTo>
                  <a:lnTo>
                    <a:pt x="10054" y="2192"/>
                  </a:lnTo>
                  <a:lnTo>
                    <a:pt x="10054" y="2231"/>
                  </a:lnTo>
                  <a:lnTo>
                    <a:pt x="10064" y="2234"/>
                  </a:lnTo>
                  <a:lnTo>
                    <a:pt x="10072" y="2238"/>
                  </a:lnTo>
                  <a:lnTo>
                    <a:pt x="10072" y="2224"/>
                  </a:lnTo>
                  <a:close/>
                  <a:moveTo>
                    <a:pt x="10115" y="2458"/>
                  </a:moveTo>
                  <a:lnTo>
                    <a:pt x="10115" y="2393"/>
                  </a:lnTo>
                  <a:lnTo>
                    <a:pt x="10114" y="2378"/>
                  </a:lnTo>
                  <a:lnTo>
                    <a:pt x="10106" y="2365"/>
                  </a:lnTo>
                  <a:lnTo>
                    <a:pt x="10099" y="2350"/>
                  </a:lnTo>
                  <a:lnTo>
                    <a:pt x="10099" y="2459"/>
                  </a:lnTo>
                  <a:lnTo>
                    <a:pt x="10104" y="2472"/>
                  </a:lnTo>
                  <a:lnTo>
                    <a:pt x="10115" y="2458"/>
                  </a:lnTo>
                  <a:close/>
                  <a:moveTo>
                    <a:pt x="10116" y="2259"/>
                  </a:moveTo>
                  <a:lnTo>
                    <a:pt x="10116" y="2191"/>
                  </a:lnTo>
                  <a:lnTo>
                    <a:pt x="10096" y="2197"/>
                  </a:lnTo>
                  <a:lnTo>
                    <a:pt x="10096" y="2269"/>
                  </a:lnTo>
                  <a:lnTo>
                    <a:pt x="10100" y="2288"/>
                  </a:lnTo>
                  <a:lnTo>
                    <a:pt x="10107" y="2273"/>
                  </a:lnTo>
                  <a:lnTo>
                    <a:pt x="10116" y="2259"/>
                  </a:lnTo>
                  <a:close/>
                  <a:moveTo>
                    <a:pt x="10157" y="2445"/>
                  </a:moveTo>
                  <a:lnTo>
                    <a:pt x="10157" y="2405"/>
                  </a:lnTo>
                  <a:lnTo>
                    <a:pt x="10139" y="2400"/>
                  </a:lnTo>
                  <a:lnTo>
                    <a:pt x="10139" y="2445"/>
                  </a:lnTo>
                  <a:lnTo>
                    <a:pt x="10149" y="2444"/>
                  </a:lnTo>
                  <a:lnTo>
                    <a:pt x="10157" y="2445"/>
                  </a:lnTo>
                  <a:close/>
                  <a:moveTo>
                    <a:pt x="10164" y="2235"/>
                  </a:moveTo>
                  <a:lnTo>
                    <a:pt x="10164" y="2158"/>
                  </a:lnTo>
                  <a:lnTo>
                    <a:pt x="10153" y="2145"/>
                  </a:lnTo>
                  <a:lnTo>
                    <a:pt x="10149" y="2157"/>
                  </a:lnTo>
                  <a:lnTo>
                    <a:pt x="10141" y="2168"/>
                  </a:lnTo>
                  <a:lnTo>
                    <a:pt x="10141" y="2240"/>
                  </a:lnTo>
                  <a:lnTo>
                    <a:pt x="10152" y="2236"/>
                  </a:lnTo>
                  <a:lnTo>
                    <a:pt x="10164" y="2235"/>
                  </a:lnTo>
                  <a:close/>
                  <a:moveTo>
                    <a:pt x="10153" y="2083"/>
                  </a:moveTo>
                  <a:lnTo>
                    <a:pt x="10162" y="2070"/>
                  </a:lnTo>
                  <a:lnTo>
                    <a:pt x="10172" y="2061"/>
                  </a:lnTo>
                  <a:lnTo>
                    <a:pt x="10184" y="2056"/>
                  </a:lnTo>
                  <a:lnTo>
                    <a:pt x="10197" y="2053"/>
                  </a:lnTo>
                  <a:lnTo>
                    <a:pt x="10212" y="2056"/>
                  </a:lnTo>
                  <a:lnTo>
                    <a:pt x="10226" y="2062"/>
                  </a:lnTo>
                  <a:lnTo>
                    <a:pt x="10237" y="2073"/>
                  </a:lnTo>
                  <a:lnTo>
                    <a:pt x="10245" y="2087"/>
                  </a:lnTo>
                  <a:lnTo>
                    <a:pt x="10245" y="2058"/>
                  </a:lnTo>
                  <a:lnTo>
                    <a:pt x="10233" y="2056"/>
                  </a:lnTo>
                  <a:lnTo>
                    <a:pt x="10227" y="2052"/>
                  </a:lnTo>
                  <a:lnTo>
                    <a:pt x="10223" y="2048"/>
                  </a:lnTo>
                  <a:lnTo>
                    <a:pt x="10216" y="2037"/>
                  </a:lnTo>
                  <a:lnTo>
                    <a:pt x="10214" y="2022"/>
                  </a:lnTo>
                  <a:lnTo>
                    <a:pt x="10214" y="2021"/>
                  </a:lnTo>
                  <a:lnTo>
                    <a:pt x="10218" y="2002"/>
                  </a:lnTo>
                  <a:lnTo>
                    <a:pt x="10228" y="1990"/>
                  </a:lnTo>
                  <a:lnTo>
                    <a:pt x="10180" y="1990"/>
                  </a:lnTo>
                  <a:lnTo>
                    <a:pt x="10137" y="1994"/>
                  </a:lnTo>
                  <a:lnTo>
                    <a:pt x="10098" y="1999"/>
                  </a:lnTo>
                  <a:lnTo>
                    <a:pt x="10062" y="2006"/>
                  </a:lnTo>
                  <a:lnTo>
                    <a:pt x="10030" y="2015"/>
                  </a:lnTo>
                  <a:lnTo>
                    <a:pt x="10002" y="2026"/>
                  </a:lnTo>
                  <a:lnTo>
                    <a:pt x="9975" y="2037"/>
                  </a:lnTo>
                  <a:lnTo>
                    <a:pt x="9950" y="2050"/>
                  </a:lnTo>
                  <a:lnTo>
                    <a:pt x="9927" y="2064"/>
                  </a:lnTo>
                  <a:lnTo>
                    <a:pt x="9906" y="2077"/>
                  </a:lnTo>
                  <a:lnTo>
                    <a:pt x="9864" y="2107"/>
                  </a:lnTo>
                  <a:lnTo>
                    <a:pt x="9820" y="2137"/>
                  </a:lnTo>
                  <a:lnTo>
                    <a:pt x="9771" y="2164"/>
                  </a:lnTo>
                  <a:lnTo>
                    <a:pt x="9884" y="2164"/>
                  </a:lnTo>
                  <a:lnTo>
                    <a:pt x="9890" y="2164"/>
                  </a:lnTo>
                  <a:lnTo>
                    <a:pt x="9894" y="2166"/>
                  </a:lnTo>
                  <a:lnTo>
                    <a:pt x="9896" y="2172"/>
                  </a:lnTo>
                  <a:lnTo>
                    <a:pt x="9899" y="2182"/>
                  </a:lnTo>
                  <a:lnTo>
                    <a:pt x="9902" y="2213"/>
                  </a:lnTo>
                  <a:lnTo>
                    <a:pt x="9918" y="2207"/>
                  </a:lnTo>
                  <a:lnTo>
                    <a:pt x="9934" y="2204"/>
                  </a:lnTo>
                  <a:lnTo>
                    <a:pt x="9950" y="2207"/>
                  </a:lnTo>
                  <a:lnTo>
                    <a:pt x="9965" y="2212"/>
                  </a:lnTo>
                  <a:lnTo>
                    <a:pt x="9979" y="2220"/>
                  </a:lnTo>
                  <a:lnTo>
                    <a:pt x="9984" y="2226"/>
                  </a:lnTo>
                  <a:lnTo>
                    <a:pt x="9990" y="2232"/>
                  </a:lnTo>
                  <a:lnTo>
                    <a:pt x="9990" y="2192"/>
                  </a:lnTo>
                  <a:lnTo>
                    <a:pt x="9988" y="2151"/>
                  </a:lnTo>
                  <a:lnTo>
                    <a:pt x="9976" y="2147"/>
                  </a:lnTo>
                  <a:lnTo>
                    <a:pt x="9968" y="2139"/>
                  </a:lnTo>
                  <a:lnTo>
                    <a:pt x="9961" y="2128"/>
                  </a:lnTo>
                  <a:lnTo>
                    <a:pt x="9959" y="2115"/>
                  </a:lnTo>
                  <a:lnTo>
                    <a:pt x="9959" y="2112"/>
                  </a:lnTo>
                  <a:lnTo>
                    <a:pt x="9961" y="2097"/>
                  </a:lnTo>
                  <a:lnTo>
                    <a:pt x="9969" y="2085"/>
                  </a:lnTo>
                  <a:lnTo>
                    <a:pt x="9973" y="2081"/>
                  </a:lnTo>
                  <a:lnTo>
                    <a:pt x="9980" y="2077"/>
                  </a:lnTo>
                  <a:lnTo>
                    <a:pt x="9992" y="2074"/>
                  </a:lnTo>
                  <a:lnTo>
                    <a:pt x="10004" y="2077"/>
                  </a:lnTo>
                  <a:lnTo>
                    <a:pt x="10014" y="2084"/>
                  </a:lnTo>
                  <a:lnTo>
                    <a:pt x="10025" y="2061"/>
                  </a:lnTo>
                  <a:lnTo>
                    <a:pt x="10033" y="2052"/>
                  </a:lnTo>
                  <a:lnTo>
                    <a:pt x="10041" y="2043"/>
                  </a:lnTo>
                  <a:lnTo>
                    <a:pt x="10061" y="2031"/>
                  </a:lnTo>
                  <a:lnTo>
                    <a:pt x="10084" y="2027"/>
                  </a:lnTo>
                  <a:lnTo>
                    <a:pt x="10107" y="2031"/>
                  </a:lnTo>
                  <a:lnTo>
                    <a:pt x="10127" y="2042"/>
                  </a:lnTo>
                  <a:lnTo>
                    <a:pt x="10142" y="2060"/>
                  </a:lnTo>
                  <a:lnTo>
                    <a:pt x="10153" y="2083"/>
                  </a:lnTo>
                  <a:close/>
                  <a:moveTo>
                    <a:pt x="10268" y="2263"/>
                  </a:moveTo>
                  <a:lnTo>
                    <a:pt x="10268" y="2243"/>
                  </a:lnTo>
                  <a:lnTo>
                    <a:pt x="10255" y="2239"/>
                  </a:lnTo>
                  <a:lnTo>
                    <a:pt x="10250" y="2236"/>
                  </a:lnTo>
                  <a:lnTo>
                    <a:pt x="10246" y="2232"/>
                  </a:lnTo>
                  <a:lnTo>
                    <a:pt x="10239" y="2220"/>
                  </a:lnTo>
                  <a:lnTo>
                    <a:pt x="10237" y="2207"/>
                  </a:lnTo>
                  <a:lnTo>
                    <a:pt x="10237" y="2204"/>
                  </a:lnTo>
                  <a:lnTo>
                    <a:pt x="10238" y="2191"/>
                  </a:lnTo>
                  <a:lnTo>
                    <a:pt x="10245" y="2180"/>
                  </a:lnTo>
                  <a:lnTo>
                    <a:pt x="10245" y="2139"/>
                  </a:lnTo>
                  <a:lnTo>
                    <a:pt x="10237" y="2153"/>
                  </a:lnTo>
                  <a:lnTo>
                    <a:pt x="10226" y="2164"/>
                  </a:lnTo>
                  <a:lnTo>
                    <a:pt x="10212" y="2170"/>
                  </a:lnTo>
                  <a:lnTo>
                    <a:pt x="10197" y="2173"/>
                  </a:lnTo>
                  <a:lnTo>
                    <a:pt x="10188" y="2172"/>
                  </a:lnTo>
                  <a:lnTo>
                    <a:pt x="10188" y="2238"/>
                  </a:lnTo>
                  <a:lnTo>
                    <a:pt x="10204" y="2244"/>
                  </a:lnTo>
                  <a:lnTo>
                    <a:pt x="10219" y="2257"/>
                  </a:lnTo>
                  <a:lnTo>
                    <a:pt x="10230" y="2271"/>
                  </a:lnTo>
                  <a:lnTo>
                    <a:pt x="10238" y="2289"/>
                  </a:lnTo>
                  <a:lnTo>
                    <a:pt x="10243" y="2281"/>
                  </a:lnTo>
                  <a:lnTo>
                    <a:pt x="10250" y="2273"/>
                  </a:lnTo>
                  <a:lnTo>
                    <a:pt x="10268" y="2263"/>
                  </a:lnTo>
                  <a:close/>
                  <a:moveTo>
                    <a:pt x="10285" y="2172"/>
                  </a:moveTo>
                  <a:lnTo>
                    <a:pt x="10285" y="2080"/>
                  </a:lnTo>
                  <a:lnTo>
                    <a:pt x="10276" y="2066"/>
                  </a:lnTo>
                  <a:lnTo>
                    <a:pt x="10269" y="2050"/>
                  </a:lnTo>
                  <a:lnTo>
                    <a:pt x="10269" y="2168"/>
                  </a:lnTo>
                  <a:lnTo>
                    <a:pt x="10285" y="2172"/>
                  </a:lnTo>
                  <a:close/>
                  <a:moveTo>
                    <a:pt x="10308" y="2269"/>
                  </a:moveTo>
                  <a:lnTo>
                    <a:pt x="10308" y="2265"/>
                  </a:lnTo>
                  <a:lnTo>
                    <a:pt x="10299" y="2250"/>
                  </a:lnTo>
                  <a:lnTo>
                    <a:pt x="10292" y="2234"/>
                  </a:lnTo>
                  <a:lnTo>
                    <a:pt x="10292" y="2262"/>
                  </a:lnTo>
                  <a:lnTo>
                    <a:pt x="10308" y="2269"/>
                  </a:lnTo>
                  <a:close/>
                  <a:moveTo>
                    <a:pt x="10327" y="2130"/>
                  </a:moveTo>
                  <a:lnTo>
                    <a:pt x="10327" y="2106"/>
                  </a:lnTo>
                  <a:lnTo>
                    <a:pt x="10309" y="2100"/>
                  </a:lnTo>
                  <a:lnTo>
                    <a:pt x="10309" y="2145"/>
                  </a:lnTo>
                  <a:lnTo>
                    <a:pt x="10327" y="2130"/>
                  </a:lnTo>
                  <a:close/>
                  <a:moveTo>
                    <a:pt x="10350" y="2365"/>
                  </a:moveTo>
                  <a:lnTo>
                    <a:pt x="10350" y="2290"/>
                  </a:lnTo>
                  <a:lnTo>
                    <a:pt x="10332" y="2284"/>
                  </a:lnTo>
                  <a:lnTo>
                    <a:pt x="10332" y="2305"/>
                  </a:lnTo>
                  <a:lnTo>
                    <a:pt x="10334" y="2319"/>
                  </a:lnTo>
                  <a:lnTo>
                    <a:pt x="10334" y="2321"/>
                  </a:lnTo>
                  <a:lnTo>
                    <a:pt x="10332" y="2335"/>
                  </a:lnTo>
                  <a:lnTo>
                    <a:pt x="10332" y="2356"/>
                  </a:lnTo>
                  <a:lnTo>
                    <a:pt x="10342" y="2359"/>
                  </a:lnTo>
                  <a:lnTo>
                    <a:pt x="10350" y="2365"/>
                  </a:lnTo>
                  <a:close/>
                  <a:moveTo>
                    <a:pt x="10255" y="1005"/>
                  </a:moveTo>
                  <a:lnTo>
                    <a:pt x="10262" y="990"/>
                  </a:lnTo>
                  <a:lnTo>
                    <a:pt x="10272" y="974"/>
                  </a:lnTo>
                  <a:lnTo>
                    <a:pt x="10282" y="960"/>
                  </a:lnTo>
                  <a:lnTo>
                    <a:pt x="10296" y="947"/>
                  </a:lnTo>
                  <a:lnTo>
                    <a:pt x="10330" y="924"/>
                  </a:lnTo>
                  <a:lnTo>
                    <a:pt x="10370" y="908"/>
                  </a:lnTo>
                  <a:lnTo>
                    <a:pt x="10416" y="862"/>
                  </a:lnTo>
                  <a:lnTo>
                    <a:pt x="10378" y="860"/>
                  </a:lnTo>
                  <a:lnTo>
                    <a:pt x="10233" y="1005"/>
                  </a:lnTo>
                  <a:lnTo>
                    <a:pt x="10255" y="1005"/>
                  </a:lnTo>
                  <a:close/>
                  <a:moveTo>
                    <a:pt x="10372" y="2120"/>
                  </a:moveTo>
                  <a:lnTo>
                    <a:pt x="10372" y="2097"/>
                  </a:lnTo>
                  <a:lnTo>
                    <a:pt x="10351" y="2106"/>
                  </a:lnTo>
                  <a:lnTo>
                    <a:pt x="10351" y="2120"/>
                  </a:lnTo>
                  <a:lnTo>
                    <a:pt x="10362" y="2119"/>
                  </a:lnTo>
                  <a:lnTo>
                    <a:pt x="10372" y="2120"/>
                  </a:lnTo>
                  <a:close/>
                  <a:moveTo>
                    <a:pt x="10394" y="2315"/>
                  </a:moveTo>
                  <a:lnTo>
                    <a:pt x="10394" y="2282"/>
                  </a:lnTo>
                  <a:lnTo>
                    <a:pt x="10374" y="2290"/>
                  </a:lnTo>
                  <a:lnTo>
                    <a:pt x="10374" y="2329"/>
                  </a:lnTo>
                  <a:lnTo>
                    <a:pt x="10394" y="2315"/>
                  </a:lnTo>
                  <a:close/>
                  <a:moveTo>
                    <a:pt x="10408" y="2138"/>
                  </a:moveTo>
                  <a:lnTo>
                    <a:pt x="10408" y="2052"/>
                  </a:lnTo>
                  <a:lnTo>
                    <a:pt x="10396" y="2076"/>
                  </a:lnTo>
                  <a:lnTo>
                    <a:pt x="10396" y="2128"/>
                  </a:lnTo>
                  <a:lnTo>
                    <a:pt x="10408" y="2138"/>
                  </a:lnTo>
                  <a:close/>
                  <a:moveTo>
                    <a:pt x="10450" y="894"/>
                  </a:moveTo>
                  <a:lnTo>
                    <a:pt x="10482" y="862"/>
                  </a:lnTo>
                  <a:lnTo>
                    <a:pt x="10444" y="860"/>
                  </a:lnTo>
                  <a:lnTo>
                    <a:pt x="10405" y="898"/>
                  </a:lnTo>
                  <a:lnTo>
                    <a:pt x="10450" y="894"/>
                  </a:lnTo>
                  <a:close/>
                  <a:moveTo>
                    <a:pt x="10505" y="904"/>
                  </a:moveTo>
                  <a:lnTo>
                    <a:pt x="10548" y="862"/>
                  </a:lnTo>
                  <a:lnTo>
                    <a:pt x="10509" y="860"/>
                  </a:lnTo>
                  <a:lnTo>
                    <a:pt x="10475" y="895"/>
                  </a:lnTo>
                  <a:lnTo>
                    <a:pt x="10490" y="898"/>
                  </a:lnTo>
                  <a:lnTo>
                    <a:pt x="10505" y="904"/>
                  </a:lnTo>
                  <a:close/>
                  <a:moveTo>
                    <a:pt x="10546" y="929"/>
                  </a:moveTo>
                  <a:lnTo>
                    <a:pt x="10613" y="862"/>
                  </a:lnTo>
                  <a:lnTo>
                    <a:pt x="10575" y="860"/>
                  </a:lnTo>
                  <a:lnTo>
                    <a:pt x="10523" y="913"/>
                  </a:lnTo>
                  <a:lnTo>
                    <a:pt x="10546" y="929"/>
                  </a:lnTo>
                  <a:close/>
                  <a:moveTo>
                    <a:pt x="10562" y="939"/>
                  </a:moveTo>
                  <a:lnTo>
                    <a:pt x="10587" y="953"/>
                  </a:lnTo>
                  <a:lnTo>
                    <a:pt x="10679" y="862"/>
                  </a:lnTo>
                  <a:lnTo>
                    <a:pt x="10641" y="860"/>
                  </a:lnTo>
                  <a:lnTo>
                    <a:pt x="10562" y="939"/>
                  </a:lnTo>
                  <a:close/>
                  <a:moveTo>
                    <a:pt x="10644" y="962"/>
                  </a:moveTo>
                  <a:lnTo>
                    <a:pt x="10745" y="862"/>
                  </a:lnTo>
                  <a:lnTo>
                    <a:pt x="10706" y="860"/>
                  </a:lnTo>
                  <a:lnTo>
                    <a:pt x="10608" y="959"/>
                  </a:lnTo>
                  <a:lnTo>
                    <a:pt x="10637" y="962"/>
                  </a:lnTo>
                  <a:lnTo>
                    <a:pt x="10644" y="962"/>
                  </a:lnTo>
                  <a:close/>
                  <a:moveTo>
                    <a:pt x="10766" y="906"/>
                  </a:moveTo>
                  <a:lnTo>
                    <a:pt x="10810" y="862"/>
                  </a:lnTo>
                  <a:lnTo>
                    <a:pt x="10772" y="860"/>
                  </a:lnTo>
                  <a:lnTo>
                    <a:pt x="10677" y="956"/>
                  </a:lnTo>
                  <a:lnTo>
                    <a:pt x="10702" y="947"/>
                  </a:lnTo>
                  <a:lnTo>
                    <a:pt x="10714" y="941"/>
                  </a:lnTo>
                  <a:lnTo>
                    <a:pt x="10725" y="936"/>
                  </a:lnTo>
                  <a:lnTo>
                    <a:pt x="10747" y="921"/>
                  </a:lnTo>
                  <a:lnTo>
                    <a:pt x="10766" y="906"/>
                  </a:lnTo>
                  <a:close/>
                  <a:moveTo>
                    <a:pt x="11448" y="750"/>
                  </a:moveTo>
                  <a:lnTo>
                    <a:pt x="11516" y="746"/>
                  </a:lnTo>
                  <a:lnTo>
                    <a:pt x="11516" y="1529"/>
                  </a:lnTo>
                  <a:lnTo>
                    <a:pt x="11516" y="2315"/>
                  </a:lnTo>
                  <a:lnTo>
                    <a:pt x="11478" y="2293"/>
                  </a:lnTo>
                  <a:lnTo>
                    <a:pt x="11462" y="2280"/>
                  </a:lnTo>
                  <a:lnTo>
                    <a:pt x="11446" y="2266"/>
                  </a:lnTo>
                  <a:lnTo>
                    <a:pt x="11416" y="2236"/>
                  </a:lnTo>
                  <a:lnTo>
                    <a:pt x="11388" y="2205"/>
                  </a:lnTo>
                  <a:lnTo>
                    <a:pt x="11359" y="2176"/>
                  </a:lnTo>
                  <a:lnTo>
                    <a:pt x="11328" y="2150"/>
                  </a:lnTo>
                  <a:lnTo>
                    <a:pt x="11311" y="2139"/>
                  </a:lnTo>
                  <a:lnTo>
                    <a:pt x="11292" y="2128"/>
                  </a:lnTo>
                  <a:lnTo>
                    <a:pt x="11272" y="2122"/>
                  </a:lnTo>
                  <a:lnTo>
                    <a:pt x="11249" y="2116"/>
                  </a:lnTo>
                  <a:lnTo>
                    <a:pt x="11242" y="2096"/>
                  </a:lnTo>
                  <a:lnTo>
                    <a:pt x="11231" y="2074"/>
                  </a:lnTo>
                  <a:lnTo>
                    <a:pt x="11218" y="2058"/>
                  </a:lnTo>
                  <a:lnTo>
                    <a:pt x="11210" y="2053"/>
                  </a:lnTo>
                  <a:lnTo>
                    <a:pt x="11201" y="2052"/>
                  </a:lnTo>
                  <a:lnTo>
                    <a:pt x="11188" y="2052"/>
                  </a:lnTo>
                  <a:lnTo>
                    <a:pt x="11177" y="2053"/>
                  </a:lnTo>
                  <a:lnTo>
                    <a:pt x="11166" y="2058"/>
                  </a:lnTo>
                  <a:lnTo>
                    <a:pt x="11160" y="2068"/>
                  </a:lnTo>
                  <a:lnTo>
                    <a:pt x="11154" y="2057"/>
                  </a:lnTo>
                  <a:lnTo>
                    <a:pt x="11149" y="2049"/>
                  </a:lnTo>
                  <a:lnTo>
                    <a:pt x="11141" y="2042"/>
                  </a:lnTo>
                  <a:lnTo>
                    <a:pt x="11133" y="2037"/>
                  </a:lnTo>
                  <a:lnTo>
                    <a:pt x="11112" y="2031"/>
                  </a:lnTo>
                  <a:lnTo>
                    <a:pt x="11089" y="2029"/>
                  </a:lnTo>
                  <a:lnTo>
                    <a:pt x="11087" y="2029"/>
                  </a:lnTo>
                  <a:lnTo>
                    <a:pt x="11087" y="1981"/>
                  </a:lnTo>
                  <a:lnTo>
                    <a:pt x="11094" y="1971"/>
                  </a:lnTo>
                  <a:lnTo>
                    <a:pt x="11099" y="1958"/>
                  </a:lnTo>
                  <a:lnTo>
                    <a:pt x="11107" y="1969"/>
                  </a:lnTo>
                  <a:lnTo>
                    <a:pt x="11118" y="1979"/>
                  </a:lnTo>
                  <a:lnTo>
                    <a:pt x="11129" y="1984"/>
                  </a:lnTo>
                  <a:lnTo>
                    <a:pt x="11142" y="1985"/>
                  </a:lnTo>
                  <a:lnTo>
                    <a:pt x="11162" y="1981"/>
                  </a:lnTo>
                  <a:lnTo>
                    <a:pt x="11177" y="1969"/>
                  </a:lnTo>
                  <a:lnTo>
                    <a:pt x="11188" y="1952"/>
                  </a:lnTo>
                  <a:lnTo>
                    <a:pt x="11193" y="1929"/>
                  </a:lnTo>
                  <a:lnTo>
                    <a:pt x="11193" y="1926"/>
                  </a:lnTo>
                  <a:lnTo>
                    <a:pt x="11192" y="1915"/>
                  </a:lnTo>
                  <a:lnTo>
                    <a:pt x="11188" y="1905"/>
                  </a:lnTo>
                  <a:lnTo>
                    <a:pt x="11177" y="1887"/>
                  </a:lnTo>
                  <a:lnTo>
                    <a:pt x="11170" y="1879"/>
                  </a:lnTo>
                  <a:lnTo>
                    <a:pt x="11162" y="1875"/>
                  </a:lnTo>
                  <a:lnTo>
                    <a:pt x="11142" y="1869"/>
                  </a:lnTo>
                  <a:lnTo>
                    <a:pt x="11130" y="1872"/>
                  </a:lnTo>
                  <a:lnTo>
                    <a:pt x="11118" y="1876"/>
                  </a:lnTo>
                  <a:lnTo>
                    <a:pt x="11108" y="1884"/>
                  </a:lnTo>
                  <a:lnTo>
                    <a:pt x="11100" y="1895"/>
                  </a:lnTo>
                  <a:lnTo>
                    <a:pt x="11100" y="1802"/>
                  </a:lnTo>
                  <a:lnTo>
                    <a:pt x="11110" y="1805"/>
                  </a:lnTo>
                  <a:lnTo>
                    <a:pt x="11121" y="1806"/>
                  </a:lnTo>
                  <a:lnTo>
                    <a:pt x="11139" y="1802"/>
                  </a:lnTo>
                  <a:lnTo>
                    <a:pt x="11156" y="1790"/>
                  </a:lnTo>
                  <a:lnTo>
                    <a:pt x="11162" y="1780"/>
                  </a:lnTo>
                  <a:lnTo>
                    <a:pt x="11166" y="1771"/>
                  </a:lnTo>
                  <a:lnTo>
                    <a:pt x="11169" y="1760"/>
                  </a:lnTo>
                  <a:lnTo>
                    <a:pt x="11170" y="1749"/>
                  </a:lnTo>
                  <a:lnTo>
                    <a:pt x="11169" y="1737"/>
                  </a:lnTo>
                  <a:lnTo>
                    <a:pt x="11166" y="1725"/>
                  </a:lnTo>
                  <a:lnTo>
                    <a:pt x="11156" y="1708"/>
                  </a:lnTo>
                  <a:lnTo>
                    <a:pt x="11149" y="1699"/>
                  </a:lnTo>
                  <a:lnTo>
                    <a:pt x="11139" y="1694"/>
                  </a:lnTo>
                  <a:lnTo>
                    <a:pt x="11121" y="1690"/>
                  </a:lnTo>
                  <a:lnTo>
                    <a:pt x="11107" y="1693"/>
                  </a:lnTo>
                  <a:lnTo>
                    <a:pt x="11095" y="1698"/>
                  </a:lnTo>
                  <a:lnTo>
                    <a:pt x="11085" y="1706"/>
                  </a:lnTo>
                  <a:lnTo>
                    <a:pt x="11077" y="1718"/>
                  </a:lnTo>
                  <a:lnTo>
                    <a:pt x="11067" y="1697"/>
                  </a:lnTo>
                  <a:lnTo>
                    <a:pt x="11050" y="1679"/>
                  </a:lnTo>
                  <a:lnTo>
                    <a:pt x="11042" y="1674"/>
                  </a:lnTo>
                  <a:lnTo>
                    <a:pt x="11031" y="1668"/>
                  </a:lnTo>
                  <a:lnTo>
                    <a:pt x="11010" y="1664"/>
                  </a:lnTo>
                  <a:lnTo>
                    <a:pt x="10987" y="1668"/>
                  </a:lnTo>
                  <a:lnTo>
                    <a:pt x="10968" y="1681"/>
                  </a:lnTo>
                  <a:lnTo>
                    <a:pt x="10952" y="1698"/>
                  </a:lnTo>
                  <a:lnTo>
                    <a:pt x="10941" y="1720"/>
                  </a:lnTo>
                  <a:lnTo>
                    <a:pt x="10932" y="1713"/>
                  </a:lnTo>
                  <a:lnTo>
                    <a:pt x="10919" y="1710"/>
                  </a:lnTo>
                  <a:lnTo>
                    <a:pt x="10907" y="1713"/>
                  </a:lnTo>
                  <a:lnTo>
                    <a:pt x="10896" y="1721"/>
                  </a:lnTo>
                  <a:lnTo>
                    <a:pt x="10890" y="1733"/>
                  </a:lnTo>
                  <a:lnTo>
                    <a:pt x="10887" y="1747"/>
                  </a:lnTo>
                  <a:lnTo>
                    <a:pt x="10887" y="1749"/>
                  </a:lnTo>
                  <a:lnTo>
                    <a:pt x="10890" y="1763"/>
                  </a:lnTo>
                  <a:lnTo>
                    <a:pt x="10896" y="1774"/>
                  </a:lnTo>
                  <a:lnTo>
                    <a:pt x="10906" y="1782"/>
                  </a:lnTo>
                  <a:lnTo>
                    <a:pt x="10917" y="1786"/>
                  </a:lnTo>
                  <a:lnTo>
                    <a:pt x="10917" y="1813"/>
                  </a:lnTo>
                  <a:lnTo>
                    <a:pt x="10910" y="1799"/>
                  </a:lnTo>
                  <a:lnTo>
                    <a:pt x="10899" y="1789"/>
                  </a:lnTo>
                  <a:lnTo>
                    <a:pt x="10886" y="1782"/>
                  </a:lnTo>
                  <a:lnTo>
                    <a:pt x="10872" y="1780"/>
                  </a:lnTo>
                  <a:lnTo>
                    <a:pt x="10859" y="1782"/>
                  </a:lnTo>
                  <a:lnTo>
                    <a:pt x="10847" y="1787"/>
                  </a:lnTo>
                  <a:lnTo>
                    <a:pt x="10837" y="1797"/>
                  </a:lnTo>
                  <a:lnTo>
                    <a:pt x="10829" y="1807"/>
                  </a:lnTo>
                  <a:lnTo>
                    <a:pt x="10818" y="1786"/>
                  </a:lnTo>
                  <a:lnTo>
                    <a:pt x="10803" y="1770"/>
                  </a:lnTo>
                  <a:lnTo>
                    <a:pt x="10794" y="1763"/>
                  </a:lnTo>
                  <a:lnTo>
                    <a:pt x="10783" y="1759"/>
                  </a:lnTo>
                  <a:lnTo>
                    <a:pt x="10762" y="1755"/>
                  </a:lnTo>
                  <a:lnTo>
                    <a:pt x="10739" y="1759"/>
                  </a:lnTo>
                  <a:lnTo>
                    <a:pt x="10720" y="1770"/>
                  </a:lnTo>
                  <a:lnTo>
                    <a:pt x="10704" y="1787"/>
                  </a:lnTo>
                  <a:lnTo>
                    <a:pt x="10693" y="1810"/>
                  </a:lnTo>
                  <a:lnTo>
                    <a:pt x="10683" y="1803"/>
                  </a:lnTo>
                  <a:lnTo>
                    <a:pt x="10671" y="1801"/>
                  </a:lnTo>
                  <a:lnTo>
                    <a:pt x="10659" y="1803"/>
                  </a:lnTo>
                  <a:lnTo>
                    <a:pt x="10650" y="1811"/>
                  </a:lnTo>
                  <a:lnTo>
                    <a:pt x="10641" y="1822"/>
                  </a:lnTo>
                  <a:lnTo>
                    <a:pt x="10639" y="1837"/>
                  </a:lnTo>
                  <a:lnTo>
                    <a:pt x="10639" y="1838"/>
                  </a:lnTo>
                  <a:lnTo>
                    <a:pt x="10641" y="1852"/>
                  </a:lnTo>
                  <a:lnTo>
                    <a:pt x="10648" y="1864"/>
                  </a:lnTo>
                  <a:lnTo>
                    <a:pt x="10658" y="1872"/>
                  </a:lnTo>
                  <a:lnTo>
                    <a:pt x="10670" y="1875"/>
                  </a:lnTo>
                  <a:lnTo>
                    <a:pt x="10670" y="1954"/>
                  </a:lnTo>
                  <a:lnTo>
                    <a:pt x="10658" y="1944"/>
                  </a:lnTo>
                  <a:lnTo>
                    <a:pt x="10645" y="1934"/>
                  </a:lnTo>
                  <a:lnTo>
                    <a:pt x="10631" y="1929"/>
                  </a:lnTo>
                  <a:lnTo>
                    <a:pt x="10616" y="1927"/>
                  </a:lnTo>
                  <a:lnTo>
                    <a:pt x="10593" y="1931"/>
                  </a:lnTo>
                  <a:lnTo>
                    <a:pt x="10574" y="1942"/>
                  </a:lnTo>
                  <a:lnTo>
                    <a:pt x="10558" y="1960"/>
                  </a:lnTo>
                  <a:lnTo>
                    <a:pt x="10547" y="1983"/>
                  </a:lnTo>
                  <a:lnTo>
                    <a:pt x="10538" y="1976"/>
                  </a:lnTo>
                  <a:lnTo>
                    <a:pt x="10525" y="1973"/>
                  </a:lnTo>
                  <a:lnTo>
                    <a:pt x="10513" y="1976"/>
                  </a:lnTo>
                  <a:lnTo>
                    <a:pt x="10502" y="1984"/>
                  </a:lnTo>
                  <a:lnTo>
                    <a:pt x="10496" y="1995"/>
                  </a:lnTo>
                  <a:lnTo>
                    <a:pt x="10493" y="2010"/>
                  </a:lnTo>
                  <a:lnTo>
                    <a:pt x="10493" y="2011"/>
                  </a:lnTo>
                  <a:lnTo>
                    <a:pt x="10496" y="2026"/>
                  </a:lnTo>
                  <a:lnTo>
                    <a:pt x="10502" y="2037"/>
                  </a:lnTo>
                  <a:lnTo>
                    <a:pt x="10496" y="2054"/>
                  </a:lnTo>
                  <a:lnTo>
                    <a:pt x="10484" y="2068"/>
                  </a:lnTo>
                  <a:lnTo>
                    <a:pt x="10470" y="2077"/>
                  </a:lnTo>
                  <a:lnTo>
                    <a:pt x="10461" y="2080"/>
                  </a:lnTo>
                  <a:lnTo>
                    <a:pt x="10452" y="2080"/>
                  </a:lnTo>
                  <a:lnTo>
                    <a:pt x="10432" y="2076"/>
                  </a:lnTo>
                  <a:lnTo>
                    <a:pt x="10432" y="2172"/>
                  </a:lnTo>
                  <a:lnTo>
                    <a:pt x="10440" y="2161"/>
                  </a:lnTo>
                  <a:lnTo>
                    <a:pt x="10451" y="2153"/>
                  </a:lnTo>
                  <a:lnTo>
                    <a:pt x="10462" y="2147"/>
                  </a:lnTo>
                  <a:lnTo>
                    <a:pt x="10475" y="2146"/>
                  </a:lnTo>
                  <a:lnTo>
                    <a:pt x="10496" y="2150"/>
                  </a:lnTo>
                  <a:lnTo>
                    <a:pt x="10504" y="2155"/>
                  </a:lnTo>
                  <a:lnTo>
                    <a:pt x="10512" y="2162"/>
                  </a:lnTo>
                  <a:lnTo>
                    <a:pt x="10523" y="2181"/>
                  </a:lnTo>
                  <a:lnTo>
                    <a:pt x="10525" y="2192"/>
                  </a:lnTo>
                  <a:lnTo>
                    <a:pt x="10527" y="2204"/>
                  </a:lnTo>
                  <a:lnTo>
                    <a:pt x="10527" y="2207"/>
                  </a:lnTo>
                  <a:lnTo>
                    <a:pt x="10525" y="2219"/>
                  </a:lnTo>
                  <a:lnTo>
                    <a:pt x="10523" y="2230"/>
                  </a:lnTo>
                  <a:lnTo>
                    <a:pt x="10512" y="2247"/>
                  </a:lnTo>
                  <a:lnTo>
                    <a:pt x="10504" y="2255"/>
                  </a:lnTo>
                  <a:lnTo>
                    <a:pt x="10496" y="2261"/>
                  </a:lnTo>
                  <a:lnTo>
                    <a:pt x="10485" y="2263"/>
                  </a:lnTo>
                  <a:lnTo>
                    <a:pt x="10475" y="2265"/>
                  </a:lnTo>
                  <a:lnTo>
                    <a:pt x="10462" y="2262"/>
                  </a:lnTo>
                  <a:lnTo>
                    <a:pt x="10450" y="2257"/>
                  </a:lnTo>
                  <a:lnTo>
                    <a:pt x="10439" y="2247"/>
                  </a:lnTo>
                  <a:lnTo>
                    <a:pt x="10431" y="2236"/>
                  </a:lnTo>
                  <a:lnTo>
                    <a:pt x="10425" y="2249"/>
                  </a:lnTo>
                  <a:lnTo>
                    <a:pt x="10419" y="2261"/>
                  </a:lnTo>
                  <a:lnTo>
                    <a:pt x="10419" y="2309"/>
                  </a:lnTo>
                  <a:lnTo>
                    <a:pt x="10421" y="2309"/>
                  </a:lnTo>
                  <a:lnTo>
                    <a:pt x="10444" y="2313"/>
                  </a:lnTo>
                  <a:lnTo>
                    <a:pt x="10465" y="2324"/>
                  </a:lnTo>
                  <a:lnTo>
                    <a:pt x="10479" y="2342"/>
                  </a:lnTo>
                  <a:lnTo>
                    <a:pt x="10490" y="2365"/>
                  </a:lnTo>
                  <a:lnTo>
                    <a:pt x="10498" y="2352"/>
                  </a:lnTo>
                  <a:lnTo>
                    <a:pt x="10509" y="2343"/>
                  </a:lnTo>
                  <a:lnTo>
                    <a:pt x="10521" y="2338"/>
                  </a:lnTo>
                  <a:lnTo>
                    <a:pt x="10535" y="2335"/>
                  </a:lnTo>
                  <a:lnTo>
                    <a:pt x="10555" y="2340"/>
                  </a:lnTo>
                  <a:lnTo>
                    <a:pt x="10564" y="2346"/>
                  </a:lnTo>
                  <a:lnTo>
                    <a:pt x="10571" y="2352"/>
                  </a:lnTo>
                  <a:lnTo>
                    <a:pt x="10582" y="2371"/>
                  </a:lnTo>
                  <a:lnTo>
                    <a:pt x="10586" y="2382"/>
                  </a:lnTo>
                  <a:lnTo>
                    <a:pt x="10587" y="2394"/>
                  </a:lnTo>
                  <a:lnTo>
                    <a:pt x="10582" y="2418"/>
                  </a:lnTo>
                  <a:lnTo>
                    <a:pt x="10571" y="2437"/>
                  </a:lnTo>
                  <a:lnTo>
                    <a:pt x="10564" y="2444"/>
                  </a:lnTo>
                  <a:lnTo>
                    <a:pt x="10555" y="2450"/>
                  </a:lnTo>
                  <a:lnTo>
                    <a:pt x="10535" y="2455"/>
                  </a:lnTo>
                  <a:lnTo>
                    <a:pt x="10521" y="2452"/>
                  </a:lnTo>
                  <a:lnTo>
                    <a:pt x="10509" y="2447"/>
                  </a:lnTo>
                  <a:lnTo>
                    <a:pt x="10498" y="2437"/>
                  </a:lnTo>
                  <a:lnTo>
                    <a:pt x="10490" y="2425"/>
                  </a:lnTo>
                  <a:lnTo>
                    <a:pt x="10482" y="2445"/>
                  </a:lnTo>
                  <a:lnTo>
                    <a:pt x="10469" y="2462"/>
                  </a:lnTo>
                  <a:lnTo>
                    <a:pt x="10452" y="2472"/>
                  </a:lnTo>
                  <a:lnTo>
                    <a:pt x="10434" y="2479"/>
                  </a:lnTo>
                  <a:lnTo>
                    <a:pt x="10434" y="2599"/>
                  </a:lnTo>
                  <a:lnTo>
                    <a:pt x="10409" y="2599"/>
                  </a:lnTo>
                  <a:lnTo>
                    <a:pt x="10409" y="2479"/>
                  </a:lnTo>
                  <a:lnTo>
                    <a:pt x="10392" y="2474"/>
                  </a:lnTo>
                  <a:lnTo>
                    <a:pt x="10392" y="2570"/>
                  </a:lnTo>
                  <a:lnTo>
                    <a:pt x="10367" y="2570"/>
                  </a:lnTo>
                  <a:lnTo>
                    <a:pt x="10367" y="2455"/>
                  </a:lnTo>
                  <a:lnTo>
                    <a:pt x="10358" y="2440"/>
                  </a:lnTo>
                  <a:lnTo>
                    <a:pt x="10351" y="2424"/>
                  </a:lnTo>
                  <a:lnTo>
                    <a:pt x="10351" y="2557"/>
                  </a:lnTo>
                  <a:lnTo>
                    <a:pt x="10327" y="2557"/>
                  </a:lnTo>
                  <a:lnTo>
                    <a:pt x="10327" y="2433"/>
                  </a:lnTo>
                  <a:lnTo>
                    <a:pt x="10315" y="2429"/>
                  </a:lnTo>
                  <a:lnTo>
                    <a:pt x="10309" y="2425"/>
                  </a:lnTo>
                  <a:lnTo>
                    <a:pt x="10305" y="2421"/>
                  </a:lnTo>
                  <a:lnTo>
                    <a:pt x="10299" y="2410"/>
                  </a:lnTo>
                  <a:lnTo>
                    <a:pt x="10296" y="2397"/>
                  </a:lnTo>
                  <a:lnTo>
                    <a:pt x="10296" y="2394"/>
                  </a:lnTo>
                  <a:lnTo>
                    <a:pt x="10300" y="2377"/>
                  </a:lnTo>
                  <a:lnTo>
                    <a:pt x="10282" y="2379"/>
                  </a:lnTo>
                  <a:lnTo>
                    <a:pt x="10273" y="2378"/>
                  </a:lnTo>
                  <a:lnTo>
                    <a:pt x="10273" y="2495"/>
                  </a:lnTo>
                  <a:lnTo>
                    <a:pt x="10249" y="2495"/>
                  </a:lnTo>
                  <a:lnTo>
                    <a:pt x="10249" y="2365"/>
                  </a:lnTo>
                  <a:lnTo>
                    <a:pt x="10238" y="2351"/>
                  </a:lnTo>
                  <a:lnTo>
                    <a:pt x="10233" y="2365"/>
                  </a:lnTo>
                  <a:lnTo>
                    <a:pt x="10226" y="2375"/>
                  </a:lnTo>
                  <a:lnTo>
                    <a:pt x="10226" y="2495"/>
                  </a:lnTo>
                  <a:lnTo>
                    <a:pt x="10201" y="2495"/>
                  </a:lnTo>
                  <a:lnTo>
                    <a:pt x="10201" y="2397"/>
                  </a:lnTo>
                  <a:lnTo>
                    <a:pt x="10181" y="2405"/>
                  </a:lnTo>
                  <a:lnTo>
                    <a:pt x="10181" y="2458"/>
                  </a:lnTo>
                  <a:lnTo>
                    <a:pt x="10189" y="2467"/>
                  </a:lnTo>
                  <a:lnTo>
                    <a:pt x="10195" y="2478"/>
                  </a:lnTo>
                  <a:lnTo>
                    <a:pt x="10199" y="2489"/>
                  </a:lnTo>
                  <a:lnTo>
                    <a:pt x="10200" y="2502"/>
                  </a:lnTo>
                  <a:lnTo>
                    <a:pt x="10200" y="2505"/>
                  </a:lnTo>
                  <a:lnTo>
                    <a:pt x="10199" y="2517"/>
                  </a:lnTo>
                  <a:lnTo>
                    <a:pt x="10196" y="2528"/>
                  </a:lnTo>
                  <a:lnTo>
                    <a:pt x="10184" y="2547"/>
                  </a:lnTo>
                  <a:lnTo>
                    <a:pt x="10177" y="2553"/>
                  </a:lnTo>
                  <a:lnTo>
                    <a:pt x="10168" y="2559"/>
                  </a:lnTo>
                  <a:lnTo>
                    <a:pt x="10149" y="2563"/>
                  </a:lnTo>
                  <a:lnTo>
                    <a:pt x="10135" y="2561"/>
                  </a:lnTo>
                  <a:lnTo>
                    <a:pt x="10123" y="2556"/>
                  </a:lnTo>
                  <a:lnTo>
                    <a:pt x="10112" y="2547"/>
                  </a:lnTo>
                  <a:lnTo>
                    <a:pt x="10104" y="2535"/>
                  </a:lnTo>
                  <a:lnTo>
                    <a:pt x="10093" y="2557"/>
                  </a:lnTo>
                  <a:lnTo>
                    <a:pt x="10085" y="2566"/>
                  </a:lnTo>
                  <a:lnTo>
                    <a:pt x="10077" y="2574"/>
                  </a:lnTo>
                  <a:lnTo>
                    <a:pt x="10068" y="2580"/>
                  </a:lnTo>
                  <a:lnTo>
                    <a:pt x="10057" y="2586"/>
                  </a:lnTo>
                  <a:lnTo>
                    <a:pt x="10034" y="2590"/>
                  </a:lnTo>
                  <a:lnTo>
                    <a:pt x="10011" y="2586"/>
                  </a:lnTo>
                  <a:lnTo>
                    <a:pt x="9991" y="2574"/>
                  </a:lnTo>
                  <a:lnTo>
                    <a:pt x="9983" y="2566"/>
                  </a:lnTo>
                  <a:lnTo>
                    <a:pt x="9976" y="2556"/>
                  </a:lnTo>
                  <a:lnTo>
                    <a:pt x="9965" y="2533"/>
                  </a:lnTo>
                  <a:lnTo>
                    <a:pt x="9964" y="2667"/>
                  </a:lnTo>
                  <a:lnTo>
                    <a:pt x="9940" y="2667"/>
                  </a:lnTo>
                  <a:lnTo>
                    <a:pt x="9940" y="2541"/>
                  </a:lnTo>
                  <a:lnTo>
                    <a:pt x="9929" y="2539"/>
                  </a:lnTo>
                  <a:lnTo>
                    <a:pt x="9923" y="2535"/>
                  </a:lnTo>
                  <a:lnTo>
                    <a:pt x="9919" y="2530"/>
                  </a:lnTo>
                  <a:lnTo>
                    <a:pt x="9913" y="2520"/>
                  </a:lnTo>
                  <a:lnTo>
                    <a:pt x="9909" y="2505"/>
                  </a:lnTo>
                  <a:lnTo>
                    <a:pt x="9909" y="2503"/>
                  </a:lnTo>
                  <a:lnTo>
                    <a:pt x="9910" y="2494"/>
                  </a:lnTo>
                  <a:lnTo>
                    <a:pt x="9913" y="2486"/>
                  </a:lnTo>
                  <a:lnTo>
                    <a:pt x="9918" y="2479"/>
                  </a:lnTo>
                  <a:lnTo>
                    <a:pt x="9923" y="2472"/>
                  </a:lnTo>
                  <a:lnTo>
                    <a:pt x="9923" y="2414"/>
                  </a:lnTo>
                  <a:lnTo>
                    <a:pt x="9921" y="2414"/>
                  </a:lnTo>
                  <a:lnTo>
                    <a:pt x="9921" y="2374"/>
                  </a:lnTo>
                  <a:lnTo>
                    <a:pt x="9906" y="2369"/>
                  </a:lnTo>
                  <a:lnTo>
                    <a:pt x="9906" y="2464"/>
                  </a:lnTo>
                  <a:lnTo>
                    <a:pt x="9882" y="2464"/>
                  </a:lnTo>
                  <a:lnTo>
                    <a:pt x="9882" y="2432"/>
                  </a:lnTo>
                  <a:lnTo>
                    <a:pt x="9864" y="2432"/>
                  </a:lnTo>
                  <a:lnTo>
                    <a:pt x="9864" y="2454"/>
                  </a:lnTo>
                  <a:lnTo>
                    <a:pt x="9840" y="2454"/>
                  </a:lnTo>
                  <a:lnTo>
                    <a:pt x="9840" y="2432"/>
                  </a:lnTo>
                  <a:lnTo>
                    <a:pt x="9784" y="2432"/>
                  </a:lnTo>
                  <a:lnTo>
                    <a:pt x="9783" y="2441"/>
                  </a:lnTo>
                  <a:lnTo>
                    <a:pt x="9778" y="2450"/>
                  </a:lnTo>
                  <a:lnTo>
                    <a:pt x="9770" y="2454"/>
                  </a:lnTo>
                  <a:lnTo>
                    <a:pt x="9761" y="2456"/>
                  </a:lnTo>
                  <a:lnTo>
                    <a:pt x="9752" y="2454"/>
                  </a:lnTo>
                  <a:lnTo>
                    <a:pt x="9745" y="2450"/>
                  </a:lnTo>
                  <a:lnTo>
                    <a:pt x="9740" y="2441"/>
                  </a:lnTo>
                  <a:lnTo>
                    <a:pt x="9737" y="2432"/>
                  </a:lnTo>
                  <a:lnTo>
                    <a:pt x="9733" y="2432"/>
                  </a:lnTo>
                  <a:lnTo>
                    <a:pt x="9730" y="2441"/>
                  </a:lnTo>
                  <a:lnTo>
                    <a:pt x="9726" y="2450"/>
                  </a:lnTo>
                  <a:lnTo>
                    <a:pt x="9718" y="2454"/>
                  </a:lnTo>
                  <a:lnTo>
                    <a:pt x="9709" y="2456"/>
                  </a:lnTo>
                  <a:lnTo>
                    <a:pt x="9701" y="2454"/>
                  </a:lnTo>
                  <a:lnTo>
                    <a:pt x="9693" y="2450"/>
                  </a:lnTo>
                  <a:lnTo>
                    <a:pt x="9689" y="2441"/>
                  </a:lnTo>
                  <a:lnTo>
                    <a:pt x="9686" y="2432"/>
                  </a:lnTo>
                  <a:lnTo>
                    <a:pt x="9459" y="2432"/>
                  </a:lnTo>
                  <a:lnTo>
                    <a:pt x="9456" y="2441"/>
                  </a:lnTo>
                  <a:lnTo>
                    <a:pt x="9452" y="2450"/>
                  </a:lnTo>
                  <a:lnTo>
                    <a:pt x="9444" y="2454"/>
                  </a:lnTo>
                  <a:lnTo>
                    <a:pt x="9436" y="2456"/>
                  </a:lnTo>
                  <a:lnTo>
                    <a:pt x="9427" y="2454"/>
                  </a:lnTo>
                  <a:lnTo>
                    <a:pt x="9419" y="2450"/>
                  </a:lnTo>
                  <a:lnTo>
                    <a:pt x="9415" y="2441"/>
                  </a:lnTo>
                  <a:lnTo>
                    <a:pt x="9412" y="2432"/>
                  </a:lnTo>
                  <a:lnTo>
                    <a:pt x="9407" y="2432"/>
                  </a:lnTo>
                  <a:lnTo>
                    <a:pt x="9405" y="2441"/>
                  </a:lnTo>
                  <a:lnTo>
                    <a:pt x="9400" y="2450"/>
                  </a:lnTo>
                  <a:lnTo>
                    <a:pt x="9393" y="2454"/>
                  </a:lnTo>
                  <a:lnTo>
                    <a:pt x="9384" y="2456"/>
                  </a:lnTo>
                  <a:lnTo>
                    <a:pt x="9376" y="2454"/>
                  </a:lnTo>
                  <a:lnTo>
                    <a:pt x="9367" y="2450"/>
                  </a:lnTo>
                  <a:lnTo>
                    <a:pt x="9362" y="2441"/>
                  </a:lnTo>
                  <a:lnTo>
                    <a:pt x="9361" y="2432"/>
                  </a:lnTo>
                  <a:lnTo>
                    <a:pt x="9133" y="2432"/>
                  </a:lnTo>
                  <a:lnTo>
                    <a:pt x="9131" y="2441"/>
                  </a:lnTo>
                  <a:lnTo>
                    <a:pt x="9126" y="2450"/>
                  </a:lnTo>
                  <a:lnTo>
                    <a:pt x="9119" y="2454"/>
                  </a:lnTo>
                  <a:lnTo>
                    <a:pt x="9110" y="2456"/>
                  </a:lnTo>
                  <a:lnTo>
                    <a:pt x="9100" y="2454"/>
                  </a:lnTo>
                  <a:lnTo>
                    <a:pt x="9093" y="2450"/>
                  </a:lnTo>
                  <a:lnTo>
                    <a:pt x="9088" y="2441"/>
                  </a:lnTo>
                  <a:lnTo>
                    <a:pt x="9087" y="2432"/>
                  </a:lnTo>
                  <a:lnTo>
                    <a:pt x="9081" y="2432"/>
                  </a:lnTo>
                  <a:lnTo>
                    <a:pt x="9080" y="2441"/>
                  </a:lnTo>
                  <a:lnTo>
                    <a:pt x="9075" y="2450"/>
                  </a:lnTo>
                  <a:lnTo>
                    <a:pt x="9068" y="2454"/>
                  </a:lnTo>
                  <a:lnTo>
                    <a:pt x="9058" y="2456"/>
                  </a:lnTo>
                  <a:lnTo>
                    <a:pt x="9049" y="2454"/>
                  </a:lnTo>
                  <a:lnTo>
                    <a:pt x="9042" y="2450"/>
                  </a:lnTo>
                  <a:lnTo>
                    <a:pt x="9037" y="2441"/>
                  </a:lnTo>
                  <a:lnTo>
                    <a:pt x="9035" y="2432"/>
                  </a:lnTo>
                  <a:lnTo>
                    <a:pt x="8807" y="2432"/>
                  </a:lnTo>
                  <a:lnTo>
                    <a:pt x="8806" y="2441"/>
                  </a:lnTo>
                  <a:lnTo>
                    <a:pt x="8801" y="2450"/>
                  </a:lnTo>
                  <a:lnTo>
                    <a:pt x="8794" y="2454"/>
                  </a:lnTo>
                  <a:lnTo>
                    <a:pt x="8784" y="2456"/>
                  </a:lnTo>
                  <a:lnTo>
                    <a:pt x="8775" y="2454"/>
                  </a:lnTo>
                  <a:lnTo>
                    <a:pt x="8768" y="2450"/>
                  </a:lnTo>
                  <a:lnTo>
                    <a:pt x="8763" y="2441"/>
                  </a:lnTo>
                  <a:lnTo>
                    <a:pt x="8761" y="2432"/>
                  </a:lnTo>
                  <a:lnTo>
                    <a:pt x="8756" y="2432"/>
                  </a:lnTo>
                  <a:lnTo>
                    <a:pt x="8755" y="2441"/>
                  </a:lnTo>
                  <a:lnTo>
                    <a:pt x="8749" y="2450"/>
                  </a:lnTo>
                  <a:lnTo>
                    <a:pt x="8741" y="2454"/>
                  </a:lnTo>
                  <a:lnTo>
                    <a:pt x="8733" y="2456"/>
                  </a:lnTo>
                  <a:lnTo>
                    <a:pt x="8724" y="2454"/>
                  </a:lnTo>
                  <a:lnTo>
                    <a:pt x="8717" y="2450"/>
                  </a:lnTo>
                  <a:lnTo>
                    <a:pt x="8712" y="2441"/>
                  </a:lnTo>
                  <a:lnTo>
                    <a:pt x="8710" y="2432"/>
                  </a:lnTo>
                  <a:lnTo>
                    <a:pt x="8601" y="2432"/>
                  </a:lnTo>
                  <a:lnTo>
                    <a:pt x="8595" y="2431"/>
                  </a:lnTo>
                  <a:lnTo>
                    <a:pt x="8591" y="2428"/>
                  </a:lnTo>
                  <a:lnTo>
                    <a:pt x="8589" y="2421"/>
                  </a:lnTo>
                  <a:lnTo>
                    <a:pt x="8587" y="2413"/>
                  </a:lnTo>
                  <a:lnTo>
                    <a:pt x="8574" y="2312"/>
                  </a:lnTo>
                  <a:lnTo>
                    <a:pt x="8587" y="2182"/>
                  </a:lnTo>
                  <a:lnTo>
                    <a:pt x="8591" y="2166"/>
                  </a:lnTo>
                  <a:lnTo>
                    <a:pt x="8595" y="2164"/>
                  </a:lnTo>
                  <a:lnTo>
                    <a:pt x="8601" y="2164"/>
                  </a:lnTo>
                  <a:lnTo>
                    <a:pt x="8802" y="2164"/>
                  </a:lnTo>
                  <a:lnTo>
                    <a:pt x="8802" y="2162"/>
                  </a:lnTo>
                  <a:lnTo>
                    <a:pt x="8736" y="2143"/>
                  </a:lnTo>
                  <a:lnTo>
                    <a:pt x="8741" y="2142"/>
                  </a:lnTo>
                  <a:lnTo>
                    <a:pt x="8734" y="2141"/>
                  </a:lnTo>
                  <a:lnTo>
                    <a:pt x="8810" y="2123"/>
                  </a:lnTo>
                  <a:lnTo>
                    <a:pt x="8814" y="2127"/>
                  </a:lnTo>
                  <a:lnTo>
                    <a:pt x="8749" y="2142"/>
                  </a:lnTo>
                  <a:lnTo>
                    <a:pt x="8810" y="2159"/>
                  </a:lnTo>
                  <a:lnTo>
                    <a:pt x="8844" y="2161"/>
                  </a:lnTo>
                  <a:lnTo>
                    <a:pt x="8844" y="2164"/>
                  </a:lnTo>
                  <a:lnTo>
                    <a:pt x="9462" y="2164"/>
                  </a:lnTo>
                  <a:lnTo>
                    <a:pt x="9417" y="2159"/>
                  </a:lnTo>
                  <a:lnTo>
                    <a:pt x="9342" y="2154"/>
                  </a:lnTo>
                  <a:lnTo>
                    <a:pt x="9311" y="2151"/>
                  </a:lnTo>
                  <a:lnTo>
                    <a:pt x="9285" y="2146"/>
                  </a:lnTo>
                  <a:lnTo>
                    <a:pt x="9264" y="2138"/>
                  </a:lnTo>
                  <a:lnTo>
                    <a:pt x="9243" y="2127"/>
                  </a:lnTo>
                  <a:lnTo>
                    <a:pt x="9226" y="2115"/>
                  </a:lnTo>
                  <a:lnTo>
                    <a:pt x="9211" y="2101"/>
                  </a:lnTo>
                  <a:lnTo>
                    <a:pt x="9181" y="2073"/>
                  </a:lnTo>
                  <a:lnTo>
                    <a:pt x="9151" y="2045"/>
                  </a:lnTo>
                  <a:lnTo>
                    <a:pt x="9135" y="2031"/>
                  </a:lnTo>
                  <a:lnTo>
                    <a:pt x="9115" y="2019"/>
                  </a:lnTo>
                  <a:lnTo>
                    <a:pt x="9093" y="2010"/>
                  </a:lnTo>
                  <a:lnTo>
                    <a:pt x="9068" y="2002"/>
                  </a:lnTo>
                  <a:lnTo>
                    <a:pt x="9038" y="1998"/>
                  </a:lnTo>
                  <a:lnTo>
                    <a:pt x="9004" y="1995"/>
                  </a:lnTo>
                  <a:lnTo>
                    <a:pt x="8975" y="1999"/>
                  </a:lnTo>
                  <a:lnTo>
                    <a:pt x="8945" y="2008"/>
                  </a:lnTo>
                  <a:lnTo>
                    <a:pt x="8880" y="2038"/>
                  </a:lnTo>
                  <a:lnTo>
                    <a:pt x="8841" y="2054"/>
                  </a:lnTo>
                  <a:lnTo>
                    <a:pt x="8793" y="2068"/>
                  </a:lnTo>
                  <a:lnTo>
                    <a:pt x="8733" y="2076"/>
                  </a:lnTo>
                  <a:lnTo>
                    <a:pt x="8699" y="2079"/>
                  </a:lnTo>
                  <a:lnTo>
                    <a:pt x="8660" y="2079"/>
                  </a:lnTo>
                  <a:lnTo>
                    <a:pt x="8621" y="2077"/>
                  </a:lnTo>
                  <a:lnTo>
                    <a:pt x="8586" y="2073"/>
                  </a:lnTo>
                  <a:lnTo>
                    <a:pt x="8555" y="2068"/>
                  </a:lnTo>
                  <a:lnTo>
                    <a:pt x="8528" y="2060"/>
                  </a:lnTo>
                  <a:lnTo>
                    <a:pt x="8504" y="2052"/>
                  </a:lnTo>
                  <a:lnTo>
                    <a:pt x="8482" y="2042"/>
                  </a:lnTo>
                  <a:lnTo>
                    <a:pt x="8446" y="2021"/>
                  </a:lnTo>
                  <a:lnTo>
                    <a:pt x="8384" y="1975"/>
                  </a:lnTo>
                  <a:lnTo>
                    <a:pt x="8353" y="1954"/>
                  </a:lnTo>
                  <a:lnTo>
                    <a:pt x="8315" y="1940"/>
                  </a:lnTo>
                  <a:lnTo>
                    <a:pt x="8315" y="1913"/>
                  </a:lnTo>
                  <a:lnTo>
                    <a:pt x="8362" y="1913"/>
                  </a:lnTo>
                  <a:lnTo>
                    <a:pt x="8353" y="1863"/>
                  </a:lnTo>
                  <a:lnTo>
                    <a:pt x="8315" y="1856"/>
                  </a:lnTo>
                  <a:lnTo>
                    <a:pt x="8315" y="1852"/>
                  </a:lnTo>
                  <a:lnTo>
                    <a:pt x="8348" y="1840"/>
                  </a:lnTo>
                  <a:lnTo>
                    <a:pt x="8344" y="1822"/>
                  </a:lnTo>
                  <a:lnTo>
                    <a:pt x="8319" y="1818"/>
                  </a:lnTo>
                  <a:lnTo>
                    <a:pt x="8342" y="1807"/>
                  </a:lnTo>
                  <a:lnTo>
                    <a:pt x="8295" y="1555"/>
                  </a:lnTo>
                  <a:lnTo>
                    <a:pt x="8227" y="1913"/>
                  </a:lnTo>
                  <a:lnTo>
                    <a:pt x="8276" y="1913"/>
                  </a:lnTo>
                  <a:lnTo>
                    <a:pt x="8276" y="1930"/>
                  </a:lnTo>
                  <a:lnTo>
                    <a:pt x="8239" y="1925"/>
                  </a:lnTo>
                  <a:lnTo>
                    <a:pt x="8197" y="1921"/>
                  </a:lnTo>
                  <a:lnTo>
                    <a:pt x="8196" y="1910"/>
                  </a:lnTo>
                  <a:lnTo>
                    <a:pt x="8157" y="1902"/>
                  </a:lnTo>
                  <a:lnTo>
                    <a:pt x="8157" y="1898"/>
                  </a:lnTo>
                  <a:lnTo>
                    <a:pt x="8191" y="1886"/>
                  </a:lnTo>
                  <a:lnTo>
                    <a:pt x="8188" y="1868"/>
                  </a:lnTo>
                  <a:lnTo>
                    <a:pt x="8162" y="1864"/>
                  </a:lnTo>
                  <a:lnTo>
                    <a:pt x="8185" y="1855"/>
                  </a:lnTo>
                  <a:lnTo>
                    <a:pt x="8138" y="1609"/>
                  </a:lnTo>
                  <a:lnTo>
                    <a:pt x="8087" y="1863"/>
                  </a:lnTo>
                  <a:lnTo>
                    <a:pt x="8076" y="1833"/>
                  </a:lnTo>
                  <a:lnTo>
                    <a:pt x="8038" y="1825"/>
                  </a:lnTo>
                  <a:lnTo>
                    <a:pt x="8038" y="1821"/>
                  </a:lnTo>
                  <a:lnTo>
                    <a:pt x="8072" y="1809"/>
                  </a:lnTo>
                  <a:lnTo>
                    <a:pt x="8068" y="1791"/>
                  </a:lnTo>
                  <a:lnTo>
                    <a:pt x="8043" y="1787"/>
                  </a:lnTo>
                  <a:lnTo>
                    <a:pt x="8065" y="1778"/>
                  </a:lnTo>
                  <a:lnTo>
                    <a:pt x="8018" y="1525"/>
                  </a:lnTo>
                  <a:lnTo>
                    <a:pt x="7950" y="1882"/>
                  </a:lnTo>
                  <a:lnTo>
                    <a:pt x="7999" y="1882"/>
                  </a:lnTo>
                  <a:lnTo>
                    <a:pt x="7999" y="1923"/>
                  </a:lnTo>
                  <a:lnTo>
                    <a:pt x="7923" y="1942"/>
                  </a:lnTo>
                  <a:lnTo>
                    <a:pt x="7915" y="1899"/>
                  </a:lnTo>
                  <a:lnTo>
                    <a:pt x="7877" y="1892"/>
                  </a:lnTo>
                  <a:lnTo>
                    <a:pt x="7877" y="1888"/>
                  </a:lnTo>
                  <a:lnTo>
                    <a:pt x="7911" y="1876"/>
                  </a:lnTo>
                  <a:lnTo>
                    <a:pt x="7909" y="1859"/>
                  </a:lnTo>
                  <a:lnTo>
                    <a:pt x="7883" y="1855"/>
                  </a:lnTo>
                  <a:lnTo>
                    <a:pt x="7904" y="1844"/>
                  </a:lnTo>
                  <a:lnTo>
                    <a:pt x="7857" y="1598"/>
                  </a:lnTo>
                  <a:lnTo>
                    <a:pt x="7790" y="1949"/>
                  </a:lnTo>
                  <a:lnTo>
                    <a:pt x="7838" y="1949"/>
                  </a:lnTo>
                  <a:lnTo>
                    <a:pt x="7838" y="1975"/>
                  </a:lnTo>
                  <a:lnTo>
                    <a:pt x="7813" y="1984"/>
                  </a:lnTo>
                  <a:lnTo>
                    <a:pt x="7784" y="1990"/>
                  </a:lnTo>
                  <a:lnTo>
                    <a:pt x="7756" y="1992"/>
                  </a:lnTo>
                  <a:lnTo>
                    <a:pt x="7726" y="1992"/>
                  </a:lnTo>
                  <a:lnTo>
                    <a:pt x="7666" y="1990"/>
                  </a:lnTo>
                  <a:lnTo>
                    <a:pt x="7606" y="1988"/>
                  </a:lnTo>
                  <a:lnTo>
                    <a:pt x="7578" y="1991"/>
                  </a:lnTo>
                  <a:lnTo>
                    <a:pt x="7550" y="1998"/>
                  </a:lnTo>
                  <a:lnTo>
                    <a:pt x="7524" y="2007"/>
                  </a:lnTo>
                  <a:lnTo>
                    <a:pt x="7498" y="2022"/>
                  </a:lnTo>
                  <a:lnTo>
                    <a:pt x="7477" y="2042"/>
                  </a:lnTo>
                  <a:lnTo>
                    <a:pt x="7456" y="2069"/>
                  </a:lnTo>
                  <a:lnTo>
                    <a:pt x="7439" y="2104"/>
                  </a:lnTo>
                  <a:lnTo>
                    <a:pt x="7425" y="2147"/>
                  </a:lnTo>
                  <a:lnTo>
                    <a:pt x="7428" y="2151"/>
                  </a:lnTo>
                  <a:lnTo>
                    <a:pt x="7433" y="2155"/>
                  </a:lnTo>
                  <a:lnTo>
                    <a:pt x="7443" y="2159"/>
                  </a:lnTo>
                  <a:lnTo>
                    <a:pt x="7477" y="2159"/>
                  </a:lnTo>
                  <a:lnTo>
                    <a:pt x="7477" y="2164"/>
                  </a:lnTo>
                  <a:lnTo>
                    <a:pt x="8211" y="2164"/>
                  </a:lnTo>
                  <a:lnTo>
                    <a:pt x="8211" y="2161"/>
                  </a:lnTo>
                  <a:lnTo>
                    <a:pt x="8145" y="2143"/>
                  </a:lnTo>
                  <a:lnTo>
                    <a:pt x="8149" y="2142"/>
                  </a:lnTo>
                  <a:lnTo>
                    <a:pt x="8143" y="2141"/>
                  </a:lnTo>
                  <a:lnTo>
                    <a:pt x="8218" y="2123"/>
                  </a:lnTo>
                  <a:lnTo>
                    <a:pt x="8222" y="2127"/>
                  </a:lnTo>
                  <a:lnTo>
                    <a:pt x="8157" y="2142"/>
                  </a:lnTo>
                  <a:lnTo>
                    <a:pt x="8219" y="2159"/>
                  </a:lnTo>
                  <a:lnTo>
                    <a:pt x="8251" y="2159"/>
                  </a:lnTo>
                  <a:lnTo>
                    <a:pt x="8251" y="2164"/>
                  </a:lnTo>
                  <a:lnTo>
                    <a:pt x="8517" y="2164"/>
                  </a:lnTo>
                  <a:lnTo>
                    <a:pt x="8523" y="2164"/>
                  </a:lnTo>
                  <a:lnTo>
                    <a:pt x="8527" y="2166"/>
                  </a:lnTo>
                  <a:lnTo>
                    <a:pt x="8529" y="2172"/>
                  </a:lnTo>
                  <a:lnTo>
                    <a:pt x="8531" y="2182"/>
                  </a:lnTo>
                  <a:lnTo>
                    <a:pt x="8544" y="2312"/>
                  </a:lnTo>
                  <a:lnTo>
                    <a:pt x="8532" y="2412"/>
                  </a:lnTo>
                  <a:lnTo>
                    <a:pt x="8529" y="2421"/>
                  </a:lnTo>
                  <a:lnTo>
                    <a:pt x="8527" y="2427"/>
                  </a:lnTo>
                  <a:lnTo>
                    <a:pt x="8523" y="2431"/>
                  </a:lnTo>
                  <a:lnTo>
                    <a:pt x="8519" y="2432"/>
                  </a:lnTo>
                  <a:lnTo>
                    <a:pt x="8417" y="2432"/>
                  </a:lnTo>
                  <a:lnTo>
                    <a:pt x="8415" y="2441"/>
                  </a:lnTo>
                  <a:lnTo>
                    <a:pt x="8411" y="2448"/>
                  </a:lnTo>
                  <a:lnTo>
                    <a:pt x="8402" y="2454"/>
                  </a:lnTo>
                  <a:lnTo>
                    <a:pt x="8393" y="2455"/>
                  </a:lnTo>
                  <a:lnTo>
                    <a:pt x="8385" y="2454"/>
                  </a:lnTo>
                  <a:lnTo>
                    <a:pt x="8377" y="2448"/>
                  </a:lnTo>
                  <a:lnTo>
                    <a:pt x="8373" y="2441"/>
                  </a:lnTo>
                  <a:lnTo>
                    <a:pt x="8370" y="2432"/>
                  </a:lnTo>
                  <a:lnTo>
                    <a:pt x="8365" y="2432"/>
                  </a:lnTo>
                  <a:lnTo>
                    <a:pt x="8363" y="2441"/>
                  </a:lnTo>
                  <a:lnTo>
                    <a:pt x="8358" y="2448"/>
                  </a:lnTo>
                  <a:lnTo>
                    <a:pt x="8351" y="2454"/>
                  </a:lnTo>
                  <a:lnTo>
                    <a:pt x="8342" y="2455"/>
                  </a:lnTo>
                  <a:lnTo>
                    <a:pt x="8332" y="2454"/>
                  </a:lnTo>
                  <a:lnTo>
                    <a:pt x="8326" y="2448"/>
                  </a:lnTo>
                  <a:lnTo>
                    <a:pt x="8320" y="2441"/>
                  </a:lnTo>
                  <a:lnTo>
                    <a:pt x="8319" y="2432"/>
                  </a:lnTo>
                  <a:lnTo>
                    <a:pt x="8091" y="2432"/>
                  </a:lnTo>
                  <a:lnTo>
                    <a:pt x="8089" y="2441"/>
                  </a:lnTo>
                  <a:lnTo>
                    <a:pt x="8084" y="2448"/>
                  </a:lnTo>
                  <a:lnTo>
                    <a:pt x="8077" y="2454"/>
                  </a:lnTo>
                  <a:lnTo>
                    <a:pt x="8068" y="2455"/>
                  </a:lnTo>
                  <a:lnTo>
                    <a:pt x="8060" y="2454"/>
                  </a:lnTo>
                  <a:lnTo>
                    <a:pt x="8052" y="2448"/>
                  </a:lnTo>
                  <a:lnTo>
                    <a:pt x="8046" y="2441"/>
                  </a:lnTo>
                  <a:lnTo>
                    <a:pt x="8045" y="2432"/>
                  </a:lnTo>
                  <a:lnTo>
                    <a:pt x="8039" y="2432"/>
                  </a:lnTo>
                  <a:lnTo>
                    <a:pt x="8038" y="2441"/>
                  </a:lnTo>
                  <a:lnTo>
                    <a:pt x="8033" y="2448"/>
                  </a:lnTo>
                  <a:lnTo>
                    <a:pt x="8026" y="2454"/>
                  </a:lnTo>
                  <a:lnTo>
                    <a:pt x="8016" y="2455"/>
                  </a:lnTo>
                  <a:lnTo>
                    <a:pt x="8007" y="2454"/>
                  </a:lnTo>
                  <a:lnTo>
                    <a:pt x="8000" y="2448"/>
                  </a:lnTo>
                  <a:lnTo>
                    <a:pt x="7995" y="2441"/>
                  </a:lnTo>
                  <a:lnTo>
                    <a:pt x="7994" y="2432"/>
                  </a:lnTo>
                  <a:lnTo>
                    <a:pt x="7765" y="2432"/>
                  </a:lnTo>
                  <a:lnTo>
                    <a:pt x="7764" y="2441"/>
                  </a:lnTo>
                  <a:lnTo>
                    <a:pt x="7759" y="2448"/>
                  </a:lnTo>
                  <a:lnTo>
                    <a:pt x="7752" y="2454"/>
                  </a:lnTo>
                  <a:lnTo>
                    <a:pt x="7743" y="2455"/>
                  </a:lnTo>
                  <a:lnTo>
                    <a:pt x="7733" y="2454"/>
                  </a:lnTo>
                  <a:lnTo>
                    <a:pt x="7726" y="2448"/>
                  </a:lnTo>
                  <a:lnTo>
                    <a:pt x="7721" y="2441"/>
                  </a:lnTo>
                  <a:lnTo>
                    <a:pt x="7720" y="2432"/>
                  </a:lnTo>
                  <a:lnTo>
                    <a:pt x="7714" y="2432"/>
                  </a:lnTo>
                  <a:lnTo>
                    <a:pt x="7711" y="2441"/>
                  </a:lnTo>
                  <a:lnTo>
                    <a:pt x="7707" y="2448"/>
                  </a:lnTo>
                  <a:lnTo>
                    <a:pt x="7699" y="2454"/>
                  </a:lnTo>
                  <a:lnTo>
                    <a:pt x="7691" y="2455"/>
                  </a:lnTo>
                  <a:lnTo>
                    <a:pt x="7682" y="2454"/>
                  </a:lnTo>
                  <a:lnTo>
                    <a:pt x="7674" y="2448"/>
                  </a:lnTo>
                  <a:lnTo>
                    <a:pt x="7670" y="2441"/>
                  </a:lnTo>
                  <a:lnTo>
                    <a:pt x="7667" y="2432"/>
                  </a:lnTo>
                  <a:lnTo>
                    <a:pt x="7440" y="2432"/>
                  </a:lnTo>
                  <a:lnTo>
                    <a:pt x="7439" y="2441"/>
                  </a:lnTo>
                  <a:lnTo>
                    <a:pt x="7433" y="2448"/>
                  </a:lnTo>
                  <a:lnTo>
                    <a:pt x="7427" y="2454"/>
                  </a:lnTo>
                  <a:lnTo>
                    <a:pt x="7417" y="2455"/>
                  </a:lnTo>
                  <a:lnTo>
                    <a:pt x="7408" y="2454"/>
                  </a:lnTo>
                  <a:lnTo>
                    <a:pt x="7401" y="2448"/>
                  </a:lnTo>
                  <a:lnTo>
                    <a:pt x="7396" y="2441"/>
                  </a:lnTo>
                  <a:lnTo>
                    <a:pt x="7394" y="2432"/>
                  </a:lnTo>
                  <a:lnTo>
                    <a:pt x="7389" y="2432"/>
                  </a:lnTo>
                  <a:lnTo>
                    <a:pt x="7386" y="2441"/>
                  </a:lnTo>
                  <a:lnTo>
                    <a:pt x="7382" y="2448"/>
                  </a:lnTo>
                  <a:lnTo>
                    <a:pt x="7374" y="2454"/>
                  </a:lnTo>
                  <a:lnTo>
                    <a:pt x="7366" y="2455"/>
                  </a:lnTo>
                  <a:lnTo>
                    <a:pt x="7357" y="2454"/>
                  </a:lnTo>
                  <a:lnTo>
                    <a:pt x="7348" y="2448"/>
                  </a:lnTo>
                  <a:lnTo>
                    <a:pt x="7344" y="2441"/>
                  </a:lnTo>
                  <a:lnTo>
                    <a:pt x="7342" y="2432"/>
                  </a:lnTo>
                  <a:lnTo>
                    <a:pt x="7234" y="2432"/>
                  </a:lnTo>
                  <a:lnTo>
                    <a:pt x="7228" y="2431"/>
                  </a:lnTo>
                  <a:lnTo>
                    <a:pt x="7224" y="2428"/>
                  </a:lnTo>
                  <a:lnTo>
                    <a:pt x="7222" y="2421"/>
                  </a:lnTo>
                  <a:lnTo>
                    <a:pt x="7219" y="2413"/>
                  </a:lnTo>
                  <a:lnTo>
                    <a:pt x="7207" y="2312"/>
                  </a:lnTo>
                  <a:lnTo>
                    <a:pt x="7220" y="2182"/>
                  </a:lnTo>
                  <a:lnTo>
                    <a:pt x="7224" y="2166"/>
                  </a:lnTo>
                  <a:lnTo>
                    <a:pt x="7228" y="2164"/>
                  </a:lnTo>
                  <a:lnTo>
                    <a:pt x="7234" y="2164"/>
                  </a:lnTo>
                  <a:lnTo>
                    <a:pt x="7402" y="2164"/>
                  </a:lnTo>
                  <a:lnTo>
                    <a:pt x="7370" y="2150"/>
                  </a:lnTo>
                  <a:lnTo>
                    <a:pt x="7365" y="2151"/>
                  </a:lnTo>
                  <a:lnTo>
                    <a:pt x="7369" y="1918"/>
                  </a:lnTo>
                  <a:lnTo>
                    <a:pt x="7297" y="1837"/>
                  </a:lnTo>
                  <a:lnTo>
                    <a:pt x="7227" y="1918"/>
                  </a:lnTo>
                  <a:lnTo>
                    <a:pt x="7157" y="1837"/>
                  </a:lnTo>
                  <a:lnTo>
                    <a:pt x="7085" y="1918"/>
                  </a:lnTo>
                  <a:lnTo>
                    <a:pt x="7015" y="1837"/>
                  </a:lnTo>
                  <a:lnTo>
                    <a:pt x="6945" y="1918"/>
                  </a:lnTo>
                  <a:lnTo>
                    <a:pt x="6942" y="2097"/>
                  </a:lnTo>
                  <a:lnTo>
                    <a:pt x="6926" y="2058"/>
                  </a:lnTo>
                  <a:lnTo>
                    <a:pt x="6917" y="2038"/>
                  </a:lnTo>
                  <a:lnTo>
                    <a:pt x="6904" y="2018"/>
                  </a:lnTo>
                  <a:lnTo>
                    <a:pt x="6891" y="1998"/>
                  </a:lnTo>
                  <a:lnTo>
                    <a:pt x="6873" y="1979"/>
                  </a:lnTo>
                  <a:lnTo>
                    <a:pt x="6852" y="1963"/>
                  </a:lnTo>
                  <a:lnTo>
                    <a:pt x="6826" y="1949"/>
                  </a:lnTo>
                  <a:lnTo>
                    <a:pt x="6833" y="1938"/>
                  </a:lnTo>
                  <a:lnTo>
                    <a:pt x="6838" y="1926"/>
                  </a:lnTo>
                  <a:lnTo>
                    <a:pt x="6845" y="1937"/>
                  </a:lnTo>
                  <a:lnTo>
                    <a:pt x="6855" y="1945"/>
                  </a:lnTo>
                  <a:lnTo>
                    <a:pt x="6867" y="1950"/>
                  </a:lnTo>
                  <a:lnTo>
                    <a:pt x="6879" y="1952"/>
                  </a:lnTo>
                  <a:lnTo>
                    <a:pt x="6896" y="1948"/>
                  </a:lnTo>
                  <a:lnTo>
                    <a:pt x="6904" y="1942"/>
                  </a:lnTo>
                  <a:lnTo>
                    <a:pt x="6913" y="1936"/>
                  </a:lnTo>
                  <a:lnTo>
                    <a:pt x="6922" y="1919"/>
                  </a:lnTo>
                  <a:lnTo>
                    <a:pt x="6925" y="1909"/>
                  </a:lnTo>
                  <a:lnTo>
                    <a:pt x="6926" y="1898"/>
                  </a:lnTo>
                  <a:lnTo>
                    <a:pt x="6925" y="1887"/>
                  </a:lnTo>
                  <a:lnTo>
                    <a:pt x="6922" y="1876"/>
                  </a:lnTo>
                  <a:lnTo>
                    <a:pt x="6918" y="1867"/>
                  </a:lnTo>
                  <a:lnTo>
                    <a:pt x="6913" y="1859"/>
                  </a:lnTo>
                  <a:lnTo>
                    <a:pt x="6904" y="1852"/>
                  </a:lnTo>
                  <a:lnTo>
                    <a:pt x="6896" y="1848"/>
                  </a:lnTo>
                  <a:lnTo>
                    <a:pt x="6879" y="1844"/>
                  </a:lnTo>
                  <a:lnTo>
                    <a:pt x="6867" y="1845"/>
                  </a:lnTo>
                  <a:lnTo>
                    <a:pt x="6855" y="1851"/>
                  </a:lnTo>
                  <a:lnTo>
                    <a:pt x="6845" y="1859"/>
                  </a:lnTo>
                  <a:lnTo>
                    <a:pt x="6838" y="1869"/>
                  </a:lnTo>
                  <a:lnTo>
                    <a:pt x="6829" y="1849"/>
                  </a:lnTo>
                  <a:lnTo>
                    <a:pt x="6814" y="1833"/>
                  </a:lnTo>
                  <a:lnTo>
                    <a:pt x="6795" y="1824"/>
                  </a:lnTo>
                  <a:lnTo>
                    <a:pt x="6775" y="1820"/>
                  </a:lnTo>
                  <a:lnTo>
                    <a:pt x="6772" y="1820"/>
                  </a:lnTo>
                  <a:lnTo>
                    <a:pt x="6772" y="1775"/>
                  </a:lnTo>
                  <a:lnTo>
                    <a:pt x="6784" y="1752"/>
                  </a:lnTo>
                  <a:lnTo>
                    <a:pt x="6791" y="1763"/>
                  </a:lnTo>
                  <a:lnTo>
                    <a:pt x="6801" y="1771"/>
                  </a:lnTo>
                  <a:lnTo>
                    <a:pt x="6811" y="1776"/>
                  </a:lnTo>
                  <a:lnTo>
                    <a:pt x="6823" y="1779"/>
                  </a:lnTo>
                  <a:lnTo>
                    <a:pt x="6842" y="1775"/>
                  </a:lnTo>
                  <a:lnTo>
                    <a:pt x="6857" y="1763"/>
                  </a:lnTo>
                  <a:lnTo>
                    <a:pt x="6867" y="1747"/>
                  </a:lnTo>
                  <a:lnTo>
                    <a:pt x="6871" y="1726"/>
                  </a:lnTo>
                  <a:lnTo>
                    <a:pt x="6871" y="1722"/>
                  </a:lnTo>
                  <a:lnTo>
                    <a:pt x="6871" y="1713"/>
                  </a:lnTo>
                  <a:lnTo>
                    <a:pt x="6867" y="1702"/>
                  </a:lnTo>
                  <a:lnTo>
                    <a:pt x="6863" y="1694"/>
                  </a:lnTo>
                  <a:lnTo>
                    <a:pt x="6857" y="1686"/>
                  </a:lnTo>
                  <a:lnTo>
                    <a:pt x="6850" y="1679"/>
                  </a:lnTo>
                  <a:lnTo>
                    <a:pt x="6842" y="1674"/>
                  </a:lnTo>
                  <a:lnTo>
                    <a:pt x="6823" y="1670"/>
                  </a:lnTo>
                  <a:lnTo>
                    <a:pt x="6813" y="1672"/>
                  </a:lnTo>
                  <a:lnTo>
                    <a:pt x="6802" y="1677"/>
                  </a:lnTo>
                  <a:lnTo>
                    <a:pt x="6792" y="1685"/>
                  </a:lnTo>
                  <a:lnTo>
                    <a:pt x="6784" y="1694"/>
                  </a:lnTo>
                  <a:lnTo>
                    <a:pt x="6784" y="1606"/>
                  </a:lnTo>
                  <a:lnTo>
                    <a:pt x="6803" y="1610"/>
                  </a:lnTo>
                  <a:lnTo>
                    <a:pt x="6822" y="1606"/>
                  </a:lnTo>
                  <a:lnTo>
                    <a:pt x="6830" y="1601"/>
                  </a:lnTo>
                  <a:lnTo>
                    <a:pt x="6837" y="1596"/>
                  </a:lnTo>
                  <a:lnTo>
                    <a:pt x="6846" y="1578"/>
                  </a:lnTo>
                  <a:lnTo>
                    <a:pt x="6849" y="1567"/>
                  </a:lnTo>
                  <a:lnTo>
                    <a:pt x="6850" y="1556"/>
                  </a:lnTo>
                  <a:lnTo>
                    <a:pt x="6849" y="1546"/>
                  </a:lnTo>
                  <a:lnTo>
                    <a:pt x="6846" y="1535"/>
                  </a:lnTo>
                  <a:lnTo>
                    <a:pt x="6842" y="1525"/>
                  </a:lnTo>
                  <a:lnTo>
                    <a:pt x="6837" y="1517"/>
                  </a:lnTo>
                  <a:lnTo>
                    <a:pt x="6830" y="1511"/>
                  </a:lnTo>
                  <a:lnTo>
                    <a:pt x="6822" y="1507"/>
                  </a:lnTo>
                  <a:lnTo>
                    <a:pt x="6803" y="1503"/>
                  </a:lnTo>
                  <a:lnTo>
                    <a:pt x="6791" y="1504"/>
                  </a:lnTo>
                  <a:lnTo>
                    <a:pt x="6780" y="1509"/>
                  </a:lnTo>
                  <a:lnTo>
                    <a:pt x="6771" y="1517"/>
                  </a:lnTo>
                  <a:lnTo>
                    <a:pt x="6763" y="1528"/>
                  </a:lnTo>
                  <a:lnTo>
                    <a:pt x="6753" y="1508"/>
                  </a:lnTo>
                  <a:lnTo>
                    <a:pt x="6738" y="1492"/>
                  </a:lnTo>
                  <a:lnTo>
                    <a:pt x="6721" y="1482"/>
                  </a:lnTo>
                  <a:lnTo>
                    <a:pt x="6699" y="1478"/>
                  </a:lnTo>
                  <a:lnTo>
                    <a:pt x="6679" y="1482"/>
                  </a:lnTo>
                  <a:lnTo>
                    <a:pt x="6660" y="1493"/>
                  </a:lnTo>
                  <a:lnTo>
                    <a:pt x="6645" y="1509"/>
                  </a:lnTo>
                  <a:lnTo>
                    <a:pt x="6636" y="1529"/>
                  </a:lnTo>
                  <a:lnTo>
                    <a:pt x="6626" y="1524"/>
                  </a:lnTo>
                  <a:lnTo>
                    <a:pt x="6616" y="1521"/>
                  </a:lnTo>
                  <a:lnTo>
                    <a:pt x="6605" y="1524"/>
                  </a:lnTo>
                  <a:lnTo>
                    <a:pt x="6594" y="1531"/>
                  </a:lnTo>
                  <a:lnTo>
                    <a:pt x="6587" y="1542"/>
                  </a:lnTo>
                  <a:lnTo>
                    <a:pt x="6585" y="1555"/>
                  </a:lnTo>
                  <a:lnTo>
                    <a:pt x="6585" y="1556"/>
                  </a:lnTo>
                  <a:lnTo>
                    <a:pt x="6587" y="1570"/>
                  </a:lnTo>
                  <a:lnTo>
                    <a:pt x="6594" y="1581"/>
                  </a:lnTo>
                  <a:lnTo>
                    <a:pt x="6602" y="1587"/>
                  </a:lnTo>
                  <a:lnTo>
                    <a:pt x="6613" y="1592"/>
                  </a:lnTo>
                  <a:lnTo>
                    <a:pt x="6613" y="1617"/>
                  </a:lnTo>
                  <a:lnTo>
                    <a:pt x="6606" y="1604"/>
                  </a:lnTo>
                  <a:lnTo>
                    <a:pt x="6597" y="1594"/>
                  </a:lnTo>
                  <a:lnTo>
                    <a:pt x="6585" y="1589"/>
                  </a:lnTo>
                  <a:lnTo>
                    <a:pt x="6571" y="1586"/>
                  </a:lnTo>
                  <a:lnTo>
                    <a:pt x="6559" y="1587"/>
                  </a:lnTo>
                  <a:lnTo>
                    <a:pt x="6548" y="1593"/>
                  </a:lnTo>
                  <a:lnTo>
                    <a:pt x="6539" y="1601"/>
                  </a:lnTo>
                  <a:lnTo>
                    <a:pt x="6531" y="1612"/>
                  </a:lnTo>
                  <a:lnTo>
                    <a:pt x="6521" y="1592"/>
                  </a:lnTo>
                  <a:lnTo>
                    <a:pt x="6506" y="1577"/>
                  </a:lnTo>
                  <a:lnTo>
                    <a:pt x="6489" y="1566"/>
                  </a:lnTo>
                  <a:lnTo>
                    <a:pt x="6467" y="1562"/>
                  </a:lnTo>
                  <a:lnTo>
                    <a:pt x="6447" y="1566"/>
                  </a:lnTo>
                  <a:lnTo>
                    <a:pt x="6428" y="1577"/>
                  </a:lnTo>
                  <a:lnTo>
                    <a:pt x="6413" y="1593"/>
                  </a:lnTo>
                  <a:lnTo>
                    <a:pt x="6404" y="1614"/>
                  </a:lnTo>
                  <a:lnTo>
                    <a:pt x="6394" y="1608"/>
                  </a:lnTo>
                  <a:lnTo>
                    <a:pt x="6384" y="1605"/>
                  </a:lnTo>
                  <a:lnTo>
                    <a:pt x="6371" y="1608"/>
                  </a:lnTo>
                  <a:lnTo>
                    <a:pt x="6362" y="1616"/>
                  </a:lnTo>
                  <a:lnTo>
                    <a:pt x="6355" y="1625"/>
                  </a:lnTo>
                  <a:lnTo>
                    <a:pt x="6352" y="1639"/>
                  </a:lnTo>
                  <a:lnTo>
                    <a:pt x="6352" y="1641"/>
                  </a:lnTo>
                  <a:lnTo>
                    <a:pt x="6355" y="1654"/>
                  </a:lnTo>
                  <a:lnTo>
                    <a:pt x="6362" y="1664"/>
                  </a:lnTo>
                  <a:lnTo>
                    <a:pt x="6370" y="1672"/>
                  </a:lnTo>
                  <a:lnTo>
                    <a:pt x="6381" y="1675"/>
                  </a:lnTo>
                  <a:lnTo>
                    <a:pt x="6381" y="1749"/>
                  </a:lnTo>
                  <a:lnTo>
                    <a:pt x="6371" y="1739"/>
                  </a:lnTo>
                  <a:lnTo>
                    <a:pt x="6359" y="1730"/>
                  </a:lnTo>
                  <a:lnTo>
                    <a:pt x="6346" y="1725"/>
                  </a:lnTo>
                  <a:lnTo>
                    <a:pt x="6331" y="1724"/>
                  </a:lnTo>
                  <a:lnTo>
                    <a:pt x="6311" y="1728"/>
                  </a:lnTo>
                  <a:lnTo>
                    <a:pt x="6292" y="1739"/>
                  </a:lnTo>
                  <a:lnTo>
                    <a:pt x="6277" y="1755"/>
                  </a:lnTo>
                  <a:lnTo>
                    <a:pt x="6271" y="1764"/>
                  </a:lnTo>
                  <a:lnTo>
                    <a:pt x="6267" y="1775"/>
                  </a:lnTo>
                  <a:lnTo>
                    <a:pt x="6258" y="1770"/>
                  </a:lnTo>
                  <a:lnTo>
                    <a:pt x="6247" y="1767"/>
                  </a:lnTo>
                  <a:lnTo>
                    <a:pt x="6235" y="1770"/>
                  </a:lnTo>
                  <a:lnTo>
                    <a:pt x="6226" y="1776"/>
                  </a:lnTo>
                  <a:lnTo>
                    <a:pt x="6219" y="1787"/>
                  </a:lnTo>
                  <a:lnTo>
                    <a:pt x="6216" y="1801"/>
                  </a:lnTo>
                  <a:lnTo>
                    <a:pt x="6216" y="1802"/>
                  </a:lnTo>
                  <a:lnTo>
                    <a:pt x="6219" y="1815"/>
                  </a:lnTo>
                  <a:lnTo>
                    <a:pt x="6226" y="1826"/>
                  </a:lnTo>
                  <a:lnTo>
                    <a:pt x="6234" y="1833"/>
                  </a:lnTo>
                  <a:lnTo>
                    <a:pt x="6244" y="1837"/>
                  </a:lnTo>
                  <a:lnTo>
                    <a:pt x="6244" y="1971"/>
                  </a:lnTo>
                  <a:lnTo>
                    <a:pt x="6184" y="1952"/>
                  </a:lnTo>
                  <a:lnTo>
                    <a:pt x="6186" y="1944"/>
                  </a:lnTo>
                  <a:lnTo>
                    <a:pt x="6188" y="1937"/>
                  </a:lnTo>
                  <a:lnTo>
                    <a:pt x="6189" y="1930"/>
                  </a:lnTo>
                  <a:lnTo>
                    <a:pt x="6186" y="1927"/>
                  </a:lnTo>
                  <a:lnTo>
                    <a:pt x="6184" y="1923"/>
                  </a:lnTo>
                  <a:lnTo>
                    <a:pt x="6188" y="1919"/>
                  </a:lnTo>
                  <a:lnTo>
                    <a:pt x="6182" y="1911"/>
                  </a:lnTo>
                  <a:lnTo>
                    <a:pt x="6180" y="1903"/>
                  </a:lnTo>
                  <a:lnTo>
                    <a:pt x="6181" y="1894"/>
                  </a:lnTo>
                  <a:lnTo>
                    <a:pt x="6186" y="1878"/>
                  </a:lnTo>
                  <a:lnTo>
                    <a:pt x="6192" y="1865"/>
                  </a:lnTo>
                  <a:lnTo>
                    <a:pt x="6195" y="1852"/>
                  </a:lnTo>
                  <a:lnTo>
                    <a:pt x="6192" y="1848"/>
                  </a:lnTo>
                  <a:lnTo>
                    <a:pt x="6186" y="1844"/>
                  </a:lnTo>
                  <a:lnTo>
                    <a:pt x="6178" y="1837"/>
                  </a:lnTo>
                  <a:lnTo>
                    <a:pt x="6172" y="1832"/>
                  </a:lnTo>
                  <a:lnTo>
                    <a:pt x="6159" y="1820"/>
                  </a:lnTo>
                  <a:lnTo>
                    <a:pt x="6155" y="1811"/>
                  </a:lnTo>
                  <a:lnTo>
                    <a:pt x="6154" y="1803"/>
                  </a:lnTo>
                  <a:lnTo>
                    <a:pt x="6157" y="1791"/>
                  </a:lnTo>
                  <a:lnTo>
                    <a:pt x="6158" y="1780"/>
                  </a:lnTo>
                  <a:lnTo>
                    <a:pt x="6158" y="1767"/>
                  </a:lnTo>
                  <a:lnTo>
                    <a:pt x="6165" y="1771"/>
                  </a:lnTo>
                  <a:lnTo>
                    <a:pt x="6173" y="1774"/>
                  </a:lnTo>
                  <a:lnTo>
                    <a:pt x="6172" y="1768"/>
                  </a:lnTo>
                  <a:lnTo>
                    <a:pt x="6173" y="1767"/>
                  </a:lnTo>
                  <a:lnTo>
                    <a:pt x="6168" y="1753"/>
                  </a:lnTo>
                  <a:lnTo>
                    <a:pt x="6165" y="1747"/>
                  </a:lnTo>
                  <a:lnTo>
                    <a:pt x="6161" y="1741"/>
                  </a:lnTo>
                  <a:lnTo>
                    <a:pt x="6153" y="1740"/>
                  </a:lnTo>
                  <a:lnTo>
                    <a:pt x="6145" y="1739"/>
                  </a:lnTo>
                  <a:lnTo>
                    <a:pt x="6138" y="1732"/>
                  </a:lnTo>
                  <a:lnTo>
                    <a:pt x="6122" y="1721"/>
                  </a:lnTo>
                  <a:lnTo>
                    <a:pt x="6103" y="1710"/>
                  </a:lnTo>
                  <a:lnTo>
                    <a:pt x="6077" y="1705"/>
                  </a:lnTo>
                  <a:lnTo>
                    <a:pt x="6047" y="1705"/>
                  </a:lnTo>
                  <a:lnTo>
                    <a:pt x="6030" y="1702"/>
                  </a:lnTo>
                  <a:lnTo>
                    <a:pt x="6014" y="1695"/>
                  </a:lnTo>
                  <a:lnTo>
                    <a:pt x="5999" y="1691"/>
                  </a:lnTo>
                  <a:lnTo>
                    <a:pt x="5981" y="1686"/>
                  </a:lnTo>
                  <a:lnTo>
                    <a:pt x="5961" y="1690"/>
                  </a:lnTo>
                  <a:lnTo>
                    <a:pt x="5941" y="1693"/>
                  </a:lnTo>
                  <a:lnTo>
                    <a:pt x="5929" y="1694"/>
                  </a:lnTo>
                  <a:lnTo>
                    <a:pt x="5923" y="1691"/>
                  </a:lnTo>
                  <a:lnTo>
                    <a:pt x="5919" y="1687"/>
                  </a:lnTo>
                  <a:lnTo>
                    <a:pt x="5926" y="1685"/>
                  </a:lnTo>
                  <a:lnTo>
                    <a:pt x="5931" y="1686"/>
                  </a:lnTo>
                  <a:lnTo>
                    <a:pt x="5931" y="1681"/>
                  </a:lnTo>
                  <a:lnTo>
                    <a:pt x="5930" y="1677"/>
                  </a:lnTo>
                  <a:lnTo>
                    <a:pt x="5946" y="1677"/>
                  </a:lnTo>
                  <a:lnTo>
                    <a:pt x="5960" y="1678"/>
                  </a:lnTo>
                  <a:lnTo>
                    <a:pt x="5965" y="1674"/>
                  </a:lnTo>
                  <a:lnTo>
                    <a:pt x="5969" y="1668"/>
                  </a:lnTo>
                  <a:lnTo>
                    <a:pt x="5977" y="1662"/>
                  </a:lnTo>
                  <a:lnTo>
                    <a:pt x="5987" y="1656"/>
                  </a:lnTo>
                  <a:lnTo>
                    <a:pt x="5992" y="1650"/>
                  </a:lnTo>
                  <a:lnTo>
                    <a:pt x="5996" y="1640"/>
                  </a:lnTo>
                  <a:lnTo>
                    <a:pt x="6000" y="1635"/>
                  </a:lnTo>
                  <a:lnTo>
                    <a:pt x="6002" y="1629"/>
                  </a:lnTo>
                  <a:lnTo>
                    <a:pt x="6007" y="1624"/>
                  </a:lnTo>
                  <a:lnTo>
                    <a:pt x="6008" y="1621"/>
                  </a:lnTo>
                  <a:lnTo>
                    <a:pt x="6010" y="1619"/>
                  </a:lnTo>
                  <a:lnTo>
                    <a:pt x="5998" y="1621"/>
                  </a:lnTo>
                  <a:lnTo>
                    <a:pt x="5998" y="1619"/>
                  </a:lnTo>
                  <a:lnTo>
                    <a:pt x="5999" y="1616"/>
                  </a:lnTo>
                  <a:lnTo>
                    <a:pt x="6000" y="1610"/>
                  </a:lnTo>
                  <a:lnTo>
                    <a:pt x="5996" y="1610"/>
                  </a:lnTo>
                  <a:lnTo>
                    <a:pt x="5993" y="1612"/>
                  </a:lnTo>
                  <a:lnTo>
                    <a:pt x="5985" y="1614"/>
                  </a:lnTo>
                  <a:lnTo>
                    <a:pt x="5981" y="1613"/>
                  </a:lnTo>
                  <a:lnTo>
                    <a:pt x="5977" y="1610"/>
                  </a:lnTo>
                  <a:lnTo>
                    <a:pt x="5977" y="1601"/>
                  </a:lnTo>
                  <a:lnTo>
                    <a:pt x="5975" y="1602"/>
                  </a:lnTo>
                  <a:lnTo>
                    <a:pt x="5972" y="1606"/>
                  </a:lnTo>
                  <a:lnTo>
                    <a:pt x="5971" y="1610"/>
                  </a:lnTo>
                  <a:lnTo>
                    <a:pt x="5968" y="1613"/>
                  </a:lnTo>
                  <a:lnTo>
                    <a:pt x="5961" y="1613"/>
                  </a:lnTo>
                  <a:lnTo>
                    <a:pt x="5962" y="1609"/>
                  </a:lnTo>
                  <a:lnTo>
                    <a:pt x="5962" y="1605"/>
                  </a:lnTo>
                  <a:lnTo>
                    <a:pt x="5961" y="1606"/>
                  </a:lnTo>
                  <a:lnTo>
                    <a:pt x="5960" y="1609"/>
                  </a:lnTo>
                  <a:lnTo>
                    <a:pt x="5954" y="1613"/>
                  </a:lnTo>
                  <a:lnTo>
                    <a:pt x="5952" y="1617"/>
                  </a:lnTo>
                  <a:lnTo>
                    <a:pt x="5939" y="1619"/>
                  </a:lnTo>
                  <a:lnTo>
                    <a:pt x="5931" y="1614"/>
                  </a:lnTo>
                  <a:lnTo>
                    <a:pt x="5929" y="1605"/>
                  </a:lnTo>
                  <a:lnTo>
                    <a:pt x="5929" y="1600"/>
                  </a:lnTo>
                  <a:lnTo>
                    <a:pt x="5927" y="1598"/>
                  </a:lnTo>
                  <a:lnTo>
                    <a:pt x="5925" y="1605"/>
                  </a:lnTo>
                  <a:lnTo>
                    <a:pt x="5922" y="1612"/>
                  </a:lnTo>
                  <a:lnTo>
                    <a:pt x="5915" y="1619"/>
                  </a:lnTo>
                  <a:lnTo>
                    <a:pt x="5914" y="1628"/>
                  </a:lnTo>
                  <a:lnTo>
                    <a:pt x="5913" y="1639"/>
                  </a:lnTo>
                  <a:lnTo>
                    <a:pt x="5910" y="1644"/>
                  </a:lnTo>
                  <a:lnTo>
                    <a:pt x="5908" y="1648"/>
                  </a:lnTo>
                  <a:lnTo>
                    <a:pt x="5903" y="1654"/>
                  </a:lnTo>
                  <a:lnTo>
                    <a:pt x="5899" y="1658"/>
                  </a:lnTo>
                  <a:lnTo>
                    <a:pt x="5892" y="1662"/>
                  </a:lnTo>
                  <a:lnTo>
                    <a:pt x="5891" y="1664"/>
                  </a:lnTo>
                  <a:lnTo>
                    <a:pt x="5887" y="1666"/>
                  </a:lnTo>
                  <a:lnTo>
                    <a:pt x="5886" y="1668"/>
                  </a:lnTo>
                  <a:lnTo>
                    <a:pt x="5881" y="1671"/>
                  </a:lnTo>
                  <a:lnTo>
                    <a:pt x="5876" y="1667"/>
                  </a:lnTo>
                  <a:lnTo>
                    <a:pt x="5868" y="1667"/>
                  </a:lnTo>
                  <a:lnTo>
                    <a:pt x="5864" y="1662"/>
                  </a:lnTo>
                  <a:lnTo>
                    <a:pt x="5861" y="1656"/>
                  </a:lnTo>
                  <a:lnTo>
                    <a:pt x="5854" y="1647"/>
                  </a:lnTo>
                  <a:lnTo>
                    <a:pt x="5853" y="1652"/>
                  </a:lnTo>
                  <a:lnTo>
                    <a:pt x="5845" y="1646"/>
                  </a:lnTo>
                  <a:lnTo>
                    <a:pt x="5844" y="1641"/>
                  </a:lnTo>
                  <a:lnTo>
                    <a:pt x="5838" y="1635"/>
                  </a:lnTo>
                  <a:lnTo>
                    <a:pt x="5837" y="1632"/>
                  </a:lnTo>
                  <a:lnTo>
                    <a:pt x="5834" y="1628"/>
                  </a:lnTo>
                  <a:lnTo>
                    <a:pt x="5834" y="1636"/>
                  </a:lnTo>
                  <a:lnTo>
                    <a:pt x="5836" y="1644"/>
                  </a:lnTo>
                  <a:lnTo>
                    <a:pt x="5829" y="1640"/>
                  </a:lnTo>
                  <a:lnTo>
                    <a:pt x="5829" y="1652"/>
                  </a:lnTo>
                  <a:lnTo>
                    <a:pt x="5834" y="1663"/>
                  </a:lnTo>
                  <a:lnTo>
                    <a:pt x="5838" y="1668"/>
                  </a:lnTo>
                  <a:lnTo>
                    <a:pt x="5844" y="1672"/>
                  </a:lnTo>
                  <a:lnTo>
                    <a:pt x="5848" y="1672"/>
                  </a:lnTo>
                  <a:lnTo>
                    <a:pt x="5857" y="1679"/>
                  </a:lnTo>
                  <a:lnTo>
                    <a:pt x="5865" y="1682"/>
                  </a:lnTo>
                  <a:lnTo>
                    <a:pt x="5875" y="1685"/>
                  </a:lnTo>
                  <a:lnTo>
                    <a:pt x="5873" y="1689"/>
                  </a:lnTo>
                  <a:lnTo>
                    <a:pt x="5864" y="1693"/>
                  </a:lnTo>
                  <a:lnTo>
                    <a:pt x="5859" y="1698"/>
                  </a:lnTo>
                  <a:lnTo>
                    <a:pt x="5852" y="1705"/>
                  </a:lnTo>
                  <a:lnTo>
                    <a:pt x="5848" y="1717"/>
                  </a:lnTo>
                  <a:lnTo>
                    <a:pt x="5842" y="1726"/>
                  </a:lnTo>
                  <a:lnTo>
                    <a:pt x="5833" y="1735"/>
                  </a:lnTo>
                  <a:lnTo>
                    <a:pt x="5827" y="1744"/>
                  </a:lnTo>
                  <a:lnTo>
                    <a:pt x="5826" y="1748"/>
                  </a:lnTo>
                  <a:lnTo>
                    <a:pt x="5821" y="1756"/>
                  </a:lnTo>
                  <a:lnTo>
                    <a:pt x="5817" y="1771"/>
                  </a:lnTo>
                  <a:lnTo>
                    <a:pt x="5819" y="1780"/>
                  </a:lnTo>
                  <a:lnTo>
                    <a:pt x="5823" y="1790"/>
                  </a:lnTo>
                  <a:lnTo>
                    <a:pt x="5827" y="1791"/>
                  </a:lnTo>
                  <a:lnTo>
                    <a:pt x="5833" y="1791"/>
                  </a:lnTo>
                  <a:lnTo>
                    <a:pt x="5841" y="1794"/>
                  </a:lnTo>
                  <a:lnTo>
                    <a:pt x="5846" y="1793"/>
                  </a:lnTo>
                  <a:lnTo>
                    <a:pt x="5852" y="1790"/>
                  </a:lnTo>
                  <a:lnTo>
                    <a:pt x="5853" y="1784"/>
                  </a:lnTo>
                  <a:lnTo>
                    <a:pt x="5854" y="1780"/>
                  </a:lnTo>
                  <a:lnTo>
                    <a:pt x="5860" y="1774"/>
                  </a:lnTo>
                  <a:lnTo>
                    <a:pt x="5863" y="1768"/>
                  </a:lnTo>
                  <a:lnTo>
                    <a:pt x="5871" y="1766"/>
                  </a:lnTo>
                  <a:lnTo>
                    <a:pt x="5877" y="1766"/>
                  </a:lnTo>
                  <a:lnTo>
                    <a:pt x="5883" y="1770"/>
                  </a:lnTo>
                  <a:lnTo>
                    <a:pt x="5887" y="1776"/>
                  </a:lnTo>
                  <a:lnTo>
                    <a:pt x="5891" y="1787"/>
                  </a:lnTo>
                  <a:lnTo>
                    <a:pt x="5892" y="1795"/>
                  </a:lnTo>
                  <a:lnTo>
                    <a:pt x="5894" y="1790"/>
                  </a:lnTo>
                  <a:lnTo>
                    <a:pt x="5895" y="1786"/>
                  </a:lnTo>
                  <a:lnTo>
                    <a:pt x="5898" y="1805"/>
                  </a:lnTo>
                  <a:lnTo>
                    <a:pt x="5899" y="1801"/>
                  </a:lnTo>
                  <a:lnTo>
                    <a:pt x="5902" y="1795"/>
                  </a:lnTo>
                  <a:lnTo>
                    <a:pt x="5904" y="1805"/>
                  </a:lnTo>
                  <a:lnTo>
                    <a:pt x="5906" y="1813"/>
                  </a:lnTo>
                  <a:lnTo>
                    <a:pt x="5907" y="1807"/>
                  </a:lnTo>
                  <a:lnTo>
                    <a:pt x="5908" y="1803"/>
                  </a:lnTo>
                  <a:lnTo>
                    <a:pt x="5911" y="1809"/>
                  </a:lnTo>
                  <a:lnTo>
                    <a:pt x="5913" y="1806"/>
                  </a:lnTo>
                  <a:lnTo>
                    <a:pt x="5917" y="1815"/>
                  </a:lnTo>
                  <a:lnTo>
                    <a:pt x="5922" y="1826"/>
                  </a:lnTo>
                  <a:lnTo>
                    <a:pt x="5918" y="1833"/>
                  </a:lnTo>
                  <a:lnTo>
                    <a:pt x="5906" y="1851"/>
                  </a:lnTo>
                  <a:lnTo>
                    <a:pt x="5898" y="1857"/>
                  </a:lnTo>
                  <a:lnTo>
                    <a:pt x="5892" y="1863"/>
                  </a:lnTo>
                  <a:lnTo>
                    <a:pt x="5888" y="1868"/>
                  </a:lnTo>
                  <a:lnTo>
                    <a:pt x="5832" y="1857"/>
                  </a:lnTo>
                  <a:lnTo>
                    <a:pt x="5800" y="1855"/>
                  </a:lnTo>
                  <a:lnTo>
                    <a:pt x="5768" y="1853"/>
                  </a:lnTo>
                  <a:lnTo>
                    <a:pt x="5734" y="1856"/>
                  </a:lnTo>
                  <a:lnTo>
                    <a:pt x="5698" y="1863"/>
                  </a:lnTo>
                  <a:lnTo>
                    <a:pt x="5661" y="1875"/>
                  </a:lnTo>
                  <a:lnTo>
                    <a:pt x="5622" y="1892"/>
                  </a:lnTo>
                  <a:lnTo>
                    <a:pt x="5575" y="1919"/>
                  </a:lnTo>
                  <a:lnTo>
                    <a:pt x="5535" y="1945"/>
                  </a:lnTo>
                  <a:lnTo>
                    <a:pt x="5500" y="1969"/>
                  </a:lnTo>
                  <a:lnTo>
                    <a:pt x="5471" y="1995"/>
                  </a:lnTo>
                  <a:lnTo>
                    <a:pt x="5446" y="2019"/>
                  </a:lnTo>
                  <a:lnTo>
                    <a:pt x="5424" y="2043"/>
                  </a:lnTo>
                  <a:lnTo>
                    <a:pt x="5386" y="2092"/>
                  </a:lnTo>
                  <a:lnTo>
                    <a:pt x="5351" y="2143"/>
                  </a:lnTo>
                  <a:lnTo>
                    <a:pt x="5311" y="2197"/>
                  </a:lnTo>
                  <a:lnTo>
                    <a:pt x="5261" y="2257"/>
                  </a:lnTo>
                  <a:lnTo>
                    <a:pt x="5228" y="2289"/>
                  </a:lnTo>
                  <a:lnTo>
                    <a:pt x="5190" y="2321"/>
                  </a:lnTo>
                  <a:lnTo>
                    <a:pt x="5157" y="2350"/>
                  </a:lnTo>
                  <a:lnTo>
                    <a:pt x="5120" y="2375"/>
                  </a:lnTo>
                  <a:lnTo>
                    <a:pt x="5101" y="2387"/>
                  </a:lnTo>
                  <a:lnTo>
                    <a:pt x="5081" y="2398"/>
                  </a:lnTo>
                  <a:lnTo>
                    <a:pt x="5061" y="2406"/>
                  </a:lnTo>
                  <a:lnTo>
                    <a:pt x="5038" y="2414"/>
                  </a:lnTo>
                  <a:lnTo>
                    <a:pt x="5015" y="2420"/>
                  </a:lnTo>
                  <a:lnTo>
                    <a:pt x="4989" y="2424"/>
                  </a:lnTo>
                  <a:lnTo>
                    <a:pt x="4935" y="2423"/>
                  </a:lnTo>
                  <a:lnTo>
                    <a:pt x="4906" y="2418"/>
                  </a:lnTo>
                  <a:lnTo>
                    <a:pt x="4873" y="2412"/>
                  </a:lnTo>
                  <a:lnTo>
                    <a:pt x="4840" y="2401"/>
                  </a:lnTo>
                  <a:lnTo>
                    <a:pt x="4803" y="2387"/>
                  </a:lnTo>
                  <a:lnTo>
                    <a:pt x="4783" y="2377"/>
                  </a:lnTo>
                  <a:lnTo>
                    <a:pt x="4764" y="2366"/>
                  </a:lnTo>
                  <a:lnTo>
                    <a:pt x="4748" y="2354"/>
                  </a:lnTo>
                  <a:lnTo>
                    <a:pt x="4734" y="2340"/>
                  </a:lnTo>
                  <a:lnTo>
                    <a:pt x="4711" y="2312"/>
                  </a:lnTo>
                  <a:lnTo>
                    <a:pt x="4692" y="2284"/>
                  </a:lnTo>
                  <a:lnTo>
                    <a:pt x="4659" y="2224"/>
                  </a:lnTo>
                  <a:lnTo>
                    <a:pt x="4640" y="2199"/>
                  </a:lnTo>
                  <a:lnTo>
                    <a:pt x="4628" y="2186"/>
                  </a:lnTo>
                  <a:lnTo>
                    <a:pt x="4616" y="2176"/>
                  </a:lnTo>
                  <a:lnTo>
                    <a:pt x="4587" y="2158"/>
                  </a:lnTo>
                  <a:lnTo>
                    <a:pt x="4562" y="2146"/>
                  </a:lnTo>
                  <a:lnTo>
                    <a:pt x="4537" y="2138"/>
                  </a:lnTo>
                  <a:lnTo>
                    <a:pt x="4516" y="2134"/>
                  </a:lnTo>
                  <a:lnTo>
                    <a:pt x="4474" y="2127"/>
                  </a:lnTo>
                  <a:lnTo>
                    <a:pt x="4455" y="2122"/>
                  </a:lnTo>
                  <a:lnTo>
                    <a:pt x="4437" y="2114"/>
                  </a:lnTo>
                  <a:lnTo>
                    <a:pt x="4441" y="2108"/>
                  </a:lnTo>
                  <a:lnTo>
                    <a:pt x="4443" y="2103"/>
                  </a:lnTo>
                  <a:lnTo>
                    <a:pt x="4440" y="2084"/>
                  </a:lnTo>
                  <a:lnTo>
                    <a:pt x="4437" y="2076"/>
                  </a:lnTo>
                  <a:lnTo>
                    <a:pt x="4439" y="2070"/>
                  </a:lnTo>
                  <a:lnTo>
                    <a:pt x="4439" y="2065"/>
                  </a:lnTo>
                  <a:lnTo>
                    <a:pt x="4435" y="2056"/>
                  </a:lnTo>
                  <a:lnTo>
                    <a:pt x="4362" y="1985"/>
                  </a:lnTo>
                  <a:lnTo>
                    <a:pt x="4373" y="1980"/>
                  </a:lnTo>
                  <a:lnTo>
                    <a:pt x="4383" y="1972"/>
                  </a:lnTo>
                  <a:lnTo>
                    <a:pt x="4378" y="1956"/>
                  </a:lnTo>
                  <a:lnTo>
                    <a:pt x="4371" y="1942"/>
                  </a:lnTo>
                  <a:lnTo>
                    <a:pt x="4366" y="1921"/>
                  </a:lnTo>
                  <a:lnTo>
                    <a:pt x="4354" y="1907"/>
                  </a:lnTo>
                  <a:lnTo>
                    <a:pt x="4343" y="1906"/>
                  </a:lnTo>
                  <a:lnTo>
                    <a:pt x="4338" y="1906"/>
                  </a:lnTo>
                  <a:lnTo>
                    <a:pt x="4332" y="1906"/>
                  </a:lnTo>
                  <a:lnTo>
                    <a:pt x="4320" y="1902"/>
                  </a:lnTo>
                  <a:lnTo>
                    <a:pt x="4327" y="1882"/>
                  </a:lnTo>
                  <a:lnTo>
                    <a:pt x="4323" y="1872"/>
                  </a:lnTo>
                  <a:lnTo>
                    <a:pt x="4315" y="1864"/>
                  </a:lnTo>
                  <a:lnTo>
                    <a:pt x="4313" y="1864"/>
                  </a:lnTo>
                  <a:lnTo>
                    <a:pt x="4305" y="1865"/>
                  </a:lnTo>
                  <a:lnTo>
                    <a:pt x="4302" y="1867"/>
                  </a:lnTo>
                  <a:lnTo>
                    <a:pt x="4301" y="1869"/>
                  </a:lnTo>
                  <a:lnTo>
                    <a:pt x="4296" y="1880"/>
                  </a:lnTo>
                  <a:lnTo>
                    <a:pt x="4293" y="1883"/>
                  </a:lnTo>
                  <a:lnTo>
                    <a:pt x="4274" y="1873"/>
                  </a:lnTo>
                  <a:lnTo>
                    <a:pt x="4273" y="1861"/>
                  </a:lnTo>
                  <a:lnTo>
                    <a:pt x="4253" y="1853"/>
                  </a:lnTo>
                  <a:lnTo>
                    <a:pt x="4242" y="1855"/>
                  </a:lnTo>
                  <a:lnTo>
                    <a:pt x="4238" y="1856"/>
                  </a:lnTo>
                  <a:lnTo>
                    <a:pt x="4231" y="1847"/>
                  </a:lnTo>
                  <a:lnTo>
                    <a:pt x="4224" y="1838"/>
                  </a:lnTo>
                  <a:lnTo>
                    <a:pt x="4220" y="1834"/>
                  </a:lnTo>
                  <a:lnTo>
                    <a:pt x="4217" y="1833"/>
                  </a:lnTo>
                  <a:lnTo>
                    <a:pt x="4212" y="1832"/>
                  </a:lnTo>
                  <a:lnTo>
                    <a:pt x="4208" y="1832"/>
                  </a:lnTo>
                  <a:lnTo>
                    <a:pt x="4197" y="1825"/>
                  </a:lnTo>
                  <a:lnTo>
                    <a:pt x="4192" y="1818"/>
                  </a:lnTo>
                  <a:lnTo>
                    <a:pt x="4190" y="1811"/>
                  </a:lnTo>
                  <a:lnTo>
                    <a:pt x="4181" y="1807"/>
                  </a:lnTo>
                  <a:lnTo>
                    <a:pt x="4165" y="1793"/>
                  </a:lnTo>
                  <a:lnTo>
                    <a:pt x="4167" y="1789"/>
                  </a:lnTo>
                  <a:lnTo>
                    <a:pt x="4176" y="1791"/>
                  </a:lnTo>
                  <a:lnTo>
                    <a:pt x="4178" y="1789"/>
                  </a:lnTo>
                  <a:lnTo>
                    <a:pt x="4182" y="1789"/>
                  </a:lnTo>
                  <a:lnTo>
                    <a:pt x="4196" y="1776"/>
                  </a:lnTo>
                  <a:lnTo>
                    <a:pt x="4200" y="1766"/>
                  </a:lnTo>
                  <a:lnTo>
                    <a:pt x="4196" y="1762"/>
                  </a:lnTo>
                  <a:lnTo>
                    <a:pt x="4186" y="1760"/>
                  </a:lnTo>
                  <a:lnTo>
                    <a:pt x="4181" y="1756"/>
                  </a:lnTo>
                  <a:lnTo>
                    <a:pt x="4173" y="1753"/>
                  </a:lnTo>
                  <a:lnTo>
                    <a:pt x="4169" y="1752"/>
                  </a:lnTo>
                  <a:lnTo>
                    <a:pt x="4166" y="1751"/>
                  </a:lnTo>
                  <a:lnTo>
                    <a:pt x="4163" y="1743"/>
                  </a:lnTo>
                  <a:lnTo>
                    <a:pt x="4154" y="1740"/>
                  </a:lnTo>
                  <a:lnTo>
                    <a:pt x="4149" y="1737"/>
                  </a:lnTo>
                  <a:lnTo>
                    <a:pt x="4142" y="1728"/>
                  </a:lnTo>
                  <a:lnTo>
                    <a:pt x="4138" y="1721"/>
                  </a:lnTo>
                  <a:lnTo>
                    <a:pt x="4126" y="1708"/>
                  </a:lnTo>
                  <a:lnTo>
                    <a:pt x="4126" y="1704"/>
                  </a:lnTo>
                  <a:lnTo>
                    <a:pt x="4120" y="1701"/>
                  </a:lnTo>
                  <a:lnTo>
                    <a:pt x="4118" y="1689"/>
                  </a:lnTo>
                  <a:lnTo>
                    <a:pt x="4116" y="1674"/>
                  </a:lnTo>
                  <a:lnTo>
                    <a:pt x="4116" y="1670"/>
                  </a:lnTo>
                  <a:lnTo>
                    <a:pt x="4115" y="1662"/>
                  </a:lnTo>
                  <a:lnTo>
                    <a:pt x="4114" y="1656"/>
                  </a:lnTo>
                  <a:lnTo>
                    <a:pt x="4114" y="1652"/>
                  </a:lnTo>
                  <a:lnTo>
                    <a:pt x="4114" y="1639"/>
                  </a:lnTo>
                  <a:lnTo>
                    <a:pt x="4112" y="1636"/>
                  </a:lnTo>
                  <a:lnTo>
                    <a:pt x="4108" y="1625"/>
                  </a:lnTo>
                  <a:lnTo>
                    <a:pt x="4107" y="1623"/>
                  </a:lnTo>
                  <a:lnTo>
                    <a:pt x="4107" y="1619"/>
                  </a:lnTo>
                  <a:lnTo>
                    <a:pt x="4105" y="1613"/>
                  </a:lnTo>
                  <a:lnTo>
                    <a:pt x="4104" y="1608"/>
                  </a:lnTo>
                  <a:lnTo>
                    <a:pt x="4103" y="1604"/>
                  </a:lnTo>
                  <a:lnTo>
                    <a:pt x="4101" y="1601"/>
                  </a:lnTo>
                  <a:lnTo>
                    <a:pt x="4097" y="1597"/>
                  </a:lnTo>
                  <a:lnTo>
                    <a:pt x="4095" y="1590"/>
                  </a:lnTo>
                  <a:lnTo>
                    <a:pt x="4095" y="1583"/>
                  </a:lnTo>
                  <a:lnTo>
                    <a:pt x="4093" y="1582"/>
                  </a:lnTo>
                  <a:lnTo>
                    <a:pt x="4092" y="1581"/>
                  </a:lnTo>
                  <a:lnTo>
                    <a:pt x="4095" y="1575"/>
                  </a:lnTo>
                  <a:lnTo>
                    <a:pt x="4099" y="1574"/>
                  </a:lnTo>
                  <a:lnTo>
                    <a:pt x="4104" y="1562"/>
                  </a:lnTo>
                  <a:lnTo>
                    <a:pt x="4104" y="1558"/>
                  </a:lnTo>
                  <a:lnTo>
                    <a:pt x="4109" y="1554"/>
                  </a:lnTo>
                  <a:lnTo>
                    <a:pt x="4119" y="1547"/>
                  </a:lnTo>
                  <a:lnTo>
                    <a:pt x="4118" y="1540"/>
                  </a:lnTo>
                  <a:lnTo>
                    <a:pt x="4120" y="1538"/>
                  </a:lnTo>
                  <a:lnTo>
                    <a:pt x="4120" y="1534"/>
                  </a:lnTo>
                  <a:lnTo>
                    <a:pt x="4122" y="1531"/>
                  </a:lnTo>
                  <a:lnTo>
                    <a:pt x="4122" y="1527"/>
                  </a:lnTo>
                  <a:lnTo>
                    <a:pt x="4120" y="1525"/>
                  </a:lnTo>
                  <a:lnTo>
                    <a:pt x="4120" y="1524"/>
                  </a:lnTo>
                  <a:lnTo>
                    <a:pt x="4126" y="1520"/>
                  </a:lnTo>
                  <a:lnTo>
                    <a:pt x="4124" y="1516"/>
                  </a:lnTo>
                  <a:lnTo>
                    <a:pt x="4116" y="1503"/>
                  </a:lnTo>
                  <a:lnTo>
                    <a:pt x="4116" y="1494"/>
                  </a:lnTo>
                  <a:lnTo>
                    <a:pt x="4109" y="1484"/>
                  </a:lnTo>
                  <a:lnTo>
                    <a:pt x="4112" y="1480"/>
                  </a:lnTo>
                  <a:lnTo>
                    <a:pt x="4112" y="1473"/>
                  </a:lnTo>
                  <a:lnTo>
                    <a:pt x="4103" y="1466"/>
                  </a:lnTo>
                  <a:lnTo>
                    <a:pt x="4093" y="1463"/>
                  </a:lnTo>
                  <a:lnTo>
                    <a:pt x="4081" y="1462"/>
                  </a:lnTo>
                  <a:lnTo>
                    <a:pt x="4077" y="1462"/>
                  </a:lnTo>
                  <a:lnTo>
                    <a:pt x="4068" y="1463"/>
                  </a:lnTo>
                  <a:lnTo>
                    <a:pt x="4061" y="1465"/>
                  </a:lnTo>
                  <a:lnTo>
                    <a:pt x="4055" y="1467"/>
                  </a:lnTo>
                  <a:lnTo>
                    <a:pt x="4051" y="1476"/>
                  </a:lnTo>
                  <a:lnTo>
                    <a:pt x="4045" y="1484"/>
                  </a:lnTo>
                  <a:lnTo>
                    <a:pt x="4041" y="1490"/>
                  </a:lnTo>
                  <a:lnTo>
                    <a:pt x="4038" y="1497"/>
                  </a:lnTo>
                  <a:lnTo>
                    <a:pt x="4041" y="1508"/>
                  </a:lnTo>
                  <a:lnTo>
                    <a:pt x="4042" y="1511"/>
                  </a:lnTo>
                  <a:lnTo>
                    <a:pt x="4043" y="1513"/>
                  </a:lnTo>
                  <a:lnTo>
                    <a:pt x="4043" y="1521"/>
                  </a:lnTo>
                  <a:lnTo>
                    <a:pt x="4049" y="1529"/>
                  </a:lnTo>
                  <a:lnTo>
                    <a:pt x="4049" y="1535"/>
                  </a:lnTo>
                  <a:lnTo>
                    <a:pt x="4050" y="1539"/>
                  </a:lnTo>
                  <a:lnTo>
                    <a:pt x="4055" y="1543"/>
                  </a:lnTo>
                  <a:lnTo>
                    <a:pt x="4049" y="1554"/>
                  </a:lnTo>
                  <a:lnTo>
                    <a:pt x="4043" y="1562"/>
                  </a:lnTo>
                  <a:lnTo>
                    <a:pt x="4037" y="1562"/>
                  </a:lnTo>
                  <a:lnTo>
                    <a:pt x="4027" y="1566"/>
                  </a:lnTo>
                  <a:lnTo>
                    <a:pt x="4015" y="1579"/>
                  </a:lnTo>
                  <a:lnTo>
                    <a:pt x="4007" y="1590"/>
                  </a:lnTo>
                  <a:lnTo>
                    <a:pt x="4003" y="1610"/>
                  </a:lnTo>
                  <a:lnTo>
                    <a:pt x="4003" y="1643"/>
                  </a:lnTo>
                  <a:lnTo>
                    <a:pt x="4006" y="1685"/>
                  </a:lnTo>
                  <a:lnTo>
                    <a:pt x="4007" y="1718"/>
                  </a:lnTo>
                  <a:lnTo>
                    <a:pt x="4008" y="1751"/>
                  </a:lnTo>
                  <a:lnTo>
                    <a:pt x="4008" y="1789"/>
                  </a:lnTo>
                  <a:lnTo>
                    <a:pt x="4008" y="1799"/>
                  </a:lnTo>
                  <a:lnTo>
                    <a:pt x="4010" y="1814"/>
                  </a:lnTo>
                  <a:lnTo>
                    <a:pt x="4015" y="1836"/>
                  </a:lnTo>
                  <a:lnTo>
                    <a:pt x="4023" y="1847"/>
                  </a:lnTo>
                  <a:lnTo>
                    <a:pt x="4027" y="1856"/>
                  </a:lnTo>
                  <a:lnTo>
                    <a:pt x="4024" y="1860"/>
                  </a:lnTo>
                  <a:lnTo>
                    <a:pt x="4026" y="1863"/>
                  </a:lnTo>
                  <a:lnTo>
                    <a:pt x="4030" y="1868"/>
                  </a:lnTo>
                  <a:lnTo>
                    <a:pt x="4031" y="1872"/>
                  </a:lnTo>
                  <a:lnTo>
                    <a:pt x="4031" y="1875"/>
                  </a:lnTo>
                  <a:lnTo>
                    <a:pt x="4031" y="1878"/>
                  </a:lnTo>
                  <a:lnTo>
                    <a:pt x="4033" y="1879"/>
                  </a:lnTo>
                  <a:lnTo>
                    <a:pt x="4034" y="1896"/>
                  </a:lnTo>
                  <a:lnTo>
                    <a:pt x="4034" y="1899"/>
                  </a:lnTo>
                  <a:lnTo>
                    <a:pt x="4035" y="1902"/>
                  </a:lnTo>
                  <a:lnTo>
                    <a:pt x="4043" y="1917"/>
                  </a:lnTo>
                  <a:lnTo>
                    <a:pt x="4045" y="1922"/>
                  </a:lnTo>
                  <a:lnTo>
                    <a:pt x="4043" y="1927"/>
                  </a:lnTo>
                  <a:lnTo>
                    <a:pt x="4039" y="1934"/>
                  </a:lnTo>
                  <a:lnTo>
                    <a:pt x="4035" y="1941"/>
                  </a:lnTo>
                  <a:lnTo>
                    <a:pt x="4031" y="1946"/>
                  </a:lnTo>
                  <a:lnTo>
                    <a:pt x="4026" y="1952"/>
                  </a:lnTo>
                  <a:lnTo>
                    <a:pt x="4022" y="1961"/>
                  </a:lnTo>
                  <a:lnTo>
                    <a:pt x="4014" y="1973"/>
                  </a:lnTo>
                  <a:lnTo>
                    <a:pt x="4001" y="1995"/>
                  </a:lnTo>
                  <a:lnTo>
                    <a:pt x="3999" y="2002"/>
                  </a:lnTo>
                  <a:lnTo>
                    <a:pt x="3995" y="2010"/>
                  </a:lnTo>
                  <a:lnTo>
                    <a:pt x="3983" y="2026"/>
                  </a:lnTo>
                  <a:lnTo>
                    <a:pt x="3895" y="2022"/>
                  </a:lnTo>
                  <a:lnTo>
                    <a:pt x="3856" y="2022"/>
                  </a:lnTo>
                  <a:lnTo>
                    <a:pt x="3818" y="2006"/>
                  </a:lnTo>
                  <a:lnTo>
                    <a:pt x="3814" y="1991"/>
                  </a:lnTo>
                  <a:lnTo>
                    <a:pt x="3813" y="1968"/>
                  </a:lnTo>
                  <a:lnTo>
                    <a:pt x="3813" y="1944"/>
                  </a:lnTo>
                  <a:lnTo>
                    <a:pt x="3826" y="1938"/>
                  </a:lnTo>
                  <a:lnTo>
                    <a:pt x="3813" y="1869"/>
                  </a:lnTo>
                  <a:lnTo>
                    <a:pt x="3799" y="1802"/>
                  </a:lnTo>
                  <a:lnTo>
                    <a:pt x="3794" y="1779"/>
                  </a:lnTo>
                  <a:lnTo>
                    <a:pt x="3788" y="1757"/>
                  </a:lnTo>
                  <a:lnTo>
                    <a:pt x="3784" y="1735"/>
                  </a:lnTo>
                  <a:lnTo>
                    <a:pt x="3777" y="1713"/>
                  </a:lnTo>
                  <a:lnTo>
                    <a:pt x="3783" y="1708"/>
                  </a:lnTo>
                  <a:lnTo>
                    <a:pt x="3787" y="1701"/>
                  </a:lnTo>
                  <a:lnTo>
                    <a:pt x="3787" y="1693"/>
                  </a:lnTo>
                  <a:lnTo>
                    <a:pt x="3784" y="1690"/>
                  </a:lnTo>
                  <a:lnTo>
                    <a:pt x="3784" y="1686"/>
                  </a:lnTo>
                  <a:lnTo>
                    <a:pt x="3780" y="1683"/>
                  </a:lnTo>
                  <a:lnTo>
                    <a:pt x="3779" y="1681"/>
                  </a:lnTo>
                  <a:lnTo>
                    <a:pt x="3773" y="1681"/>
                  </a:lnTo>
                  <a:lnTo>
                    <a:pt x="3757" y="1667"/>
                  </a:lnTo>
                  <a:lnTo>
                    <a:pt x="3752" y="1658"/>
                  </a:lnTo>
                  <a:lnTo>
                    <a:pt x="3753" y="1650"/>
                  </a:lnTo>
                  <a:lnTo>
                    <a:pt x="3756" y="1641"/>
                  </a:lnTo>
                  <a:lnTo>
                    <a:pt x="3765" y="1643"/>
                  </a:lnTo>
                  <a:lnTo>
                    <a:pt x="3773" y="1641"/>
                  </a:lnTo>
                  <a:lnTo>
                    <a:pt x="3776" y="1632"/>
                  </a:lnTo>
                  <a:lnTo>
                    <a:pt x="3779" y="1623"/>
                  </a:lnTo>
                  <a:lnTo>
                    <a:pt x="3783" y="1619"/>
                  </a:lnTo>
                  <a:lnTo>
                    <a:pt x="3780" y="1613"/>
                  </a:lnTo>
                  <a:lnTo>
                    <a:pt x="3779" y="1608"/>
                  </a:lnTo>
                  <a:lnTo>
                    <a:pt x="3780" y="1601"/>
                  </a:lnTo>
                  <a:lnTo>
                    <a:pt x="3784" y="1600"/>
                  </a:lnTo>
                  <a:lnTo>
                    <a:pt x="3784" y="1587"/>
                  </a:lnTo>
                  <a:lnTo>
                    <a:pt x="3783" y="1582"/>
                  </a:lnTo>
                  <a:lnTo>
                    <a:pt x="3780" y="1578"/>
                  </a:lnTo>
                  <a:lnTo>
                    <a:pt x="3773" y="1571"/>
                  </a:lnTo>
                  <a:lnTo>
                    <a:pt x="3764" y="1569"/>
                  </a:lnTo>
                  <a:lnTo>
                    <a:pt x="3755" y="1563"/>
                  </a:lnTo>
                  <a:lnTo>
                    <a:pt x="3744" y="1561"/>
                  </a:lnTo>
                  <a:lnTo>
                    <a:pt x="3723" y="1565"/>
                  </a:lnTo>
                  <a:lnTo>
                    <a:pt x="3717" y="1570"/>
                  </a:lnTo>
                  <a:lnTo>
                    <a:pt x="3711" y="1575"/>
                  </a:lnTo>
                  <a:lnTo>
                    <a:pt x="3709" y="1574"/>
                  </a:lnTo>
                  <a:lnTo>
                    <a:pt x="3702" y="1583"/>
                  </a:lnTo>
                  <a:lnTo>
                    <a:pt x="3692" y="1587"/>
                  </a:lnTo>
                  <a:lnTo>
                    <a:pt x="3694" y="1590"/>
                  </a:lnTo>
                  <a:lnTo>
                    <a:pt x="3696" y="1589"/>
                  </a:lnTo>
                  <a:lnTo>
                    <a:pt x="3699" y="1587"/>
                  </a:lnTo>
                  <a:lnTo>
                    <a:pt x="3699" y="1590"/>
                  </a:lnTo>
                  <a:lnTo>
                    <a:pt x="3698" y="1592"/>
                  </a:lnTo>
                  <a:lnTo>
                    <a:pt x="3694" y="1594"/>
                  </a:lnTo>
                  <a:lnTo>
                    <a:pt x="3691" y="1600"/>
                  </a:lnTo>
                  <a:lnTo>
                    <a:pt x="3690" y="1605"/>
                  </a:lnTo>
                  <a:lnTo>
                    <a:pt x="3688" y="1619"/>
                  </a:lnTo>
                  <a:lnTo>
                    <a:pt x="3691" y="1644"/>
                  </a:lnTo>
                  <a:lnTo>
                    <a:pt x="3695" y="1656"/>
                  </a:lnTo>
                  <a:lnTo>
                    <a:pt x="3696" y="1670"/>
                  </a:lnTo>
                  <a:lnTo>
                    <a:pt x="3687" y="1677"/>
                  </a:lnTo>
                  <a:lnTo>
                    <a:pt x="3686" y="1683"/>
                  </a:lnTo>
                  <a:lnTo>
                    <a:pt x="3682" y="1689"/>
                  </a:lnTo>
                  <a:lnTo>
                    <a:pt x="3679" y="1702"/>
                  </a:lnTo>
                  <a:lnTo>
                    <a:pt x="3679" y="1716"/>
                  </a:lnTo>
                  <a:lnTo>
                    <a:pt x="3679" y="1749"/>
                  </a:lnTo>
                  <a:lnTo>
                    <a:pt x="3671" y="1756"/>
                  </a:lnTo>
                  <a:lnTo>
                    <a:pt x="3667" y="1766"/>
                  </a:lnTo>
                  <a:lnTo>
                    <a:pt x="3667" y="1775"/>
                  </a:lnTo>
                  <a:lnTo>
                    <a:pt x="3667" y="1784"/>
                  </a:lnTo>
                  <a:lnTo>
                    <a:pt x="3672" y="1793"/>
                  </a:lnTo>
                  <a:lnTo>
                    <a:pt x="3678" y="1809"/>
                  </a:lnTo>
                  <a:lnTo>
                    <a:pt x="3686" y="1824"/>
                  </a:lnTo>
                  <a:lnTo>
                    <a:pt x="3695" y="1826"/>
                  </a:lnTo>
                  <a:lnTo>
                    <a:pt x="3706" y="1825"/>
                  </a:lnTo>
                  <a:lnTo>
                    <a:pt x="3711" y="1834"/>
                  </a:lnTo>
                  <a:lnTo>
                    <a:pt x="3717" y="1844"/>
                  </a:lnTo>
                  <a:lnTo>
                    <a:pt x="3722" y="1849"/>
                  </a:lnTo>
                  <a:lnTo>
                    <a:pt x="3715" y="1860"/>
                  </a:lnTo>
                  <a:lnTo>
                    <a:pt x="3710" y="1875"/>
                  </a:lnTo>
                  <a:lnTo>
                    <a:pt x="3696" y="1906"/>
                  </a:lnTo>
                  <a:lnTo>
                    <a:pt x="3683" y="1936"/>
                  </a:lnTo>
                  <a:lnTo>
                    <a:pt x="3683" y="1938"/>
                  </a:lnTo>
                  <a:lnTo>
                    <a:pt x="3656" y="1969"/>
                  </a:lnTo>
                  <a:lnTo>
                    <a:pt x="3655" y="1969"/>
                  </a:lnTo>
                  <a:lnTo>
                    <a:pt x="3652" y="1969"/>
                  </a:lnTo>
                  <a:lnTo>
                    <a:pt x="3625" y="1971"/>
                  </a:lnTo>
                  <a:lnTo>
                    <a:pt x="3626" y="1961"/>
                  </a:lnTo>
                  <a:lnTo>
                    <a:pt x="3625" y="1952"/>
                  </a:lnTo>
                  <a:lnTo>
                    <a:pt x="3621" y="1934"/>
                  </a:lnTo>
                  <a:lnTo>
                    <a:pt x="3616" y="1894"/>
                  </a:lnTo>
                  <a:lnTo>
                    <a:pt x="3613" y="1875"/>
                  </a:lnTo>
                  <a:lnTo>
                    <a:pt x="3607" y="1857"/>
                  </a:lnTo>
                  <a:lnTo>
                    <a:pt x="3607" y="1848"/>
                  </a:lnTo>
                  <a:lnTo>
                    <a:pt x="3605" y="1837"/>
                  </a:lnTo>
                  <a:lnTo>
                    <a:pt x="3602" y="1828"/>
                  </a:lnTo>
                  <a:lnTo>
                    <a:pt x="3599" y="1817"/>
                  </a:lnTo>
                  <a:lnTo>
                    <a:pt x="3599" y="1807"/>
                  </a:lnTo>
                  <a:lnTo>
                    <a:pt x="3597" y="1798"/>
                  </a:lnTo>
                  <a:lnTo>
                    <a:pt x="3601" y="1791"/>
                  </a:lnTo>
                  <a:lnTo>
                    <a:pt x="3601" y="1784"/>
                  </a:lnTo>
                  <a:lnTo>
                    <a:pt x="3598" y="1768"/>
                  </a:lnTo>
                  <a:lnTo>
                    <a:pt x="3591" y="1762"/>
                  </a:lnTo>
                  <a:lnTo>
                    <a:pt x="3594" y="1744"/>
                  </a:lnTo>
                  <a:lnTo>
                    <a:pt x="3595" y="1735"/>
                  </a:lnTo>
                  <a:lnTo>
                    <a:pt x="3595" y="1726"/>
                  </a:lnTo>
                  <a:lnTo>
                    <a:pt x="3593" y="1716"/>
                  </a:lnTo>
                  <a:lnTo>
                    <a:pt x="3590" y="1705"/>
                  </a:lnTo>
                  <a:lnTo>
                    <a:pt x="3597" y="1705"/>
                  </a:lnTo>
                  <a:lnTo>
                    <a:pt x="3599" y="1691"/>
                  </a:lnTo>
                  <a:lnTo>
                    <a:pt x="3594" y="1686"/>
                  </a:lnTo>
                  <a:lnTo>
                    <a:pt x="3598" y="1682"/>
                  </a:lnTo>
                  <a:lnTo>
                    <a:pt x="3599" y="1672"/>
                  </a:lnTo>
                  <a:lnTo>
                    <a:pt x="3599" y="1664"/>
                  </a:lnTo>
                  <a:lnTo>
                    <a:pt x="3595" y="1655"/>
                  </a:lnTo>
                  <a:lnTo>
                    <a:pt x="3593" y="1643"/>
                  </a:lnTo>
                  <a:lnTo>
                    <a:pt x="3584" y="1608"/>
                  </a:lnTo>
                  <a:lnTo>
                    <a:pt x="3579" y="1593"/>
                  </a:lnTo>
                  <a:lnTo>
                    <a:pt x="3572" y="1578"/>
                  </a:lnTo>
                  <a:lnTo>
                    <a:pt x="3576" y="1574"/>
                  </a:lnTo>
                  <a:lnTo>
                    <a:pt x="3564" y="1555"/>
                  </a:lnTo>
                  <a:lnTo>
                    <a:pt x="3566" y="1552"/>
                  </a:lnTo>
                  <a:lnTo>
                    <a:pt x="3567" y="1550"/>
                  </a:lnTo>
                  <a:lnTo>
                    <a:pt x="3574" y="1547"/>
                  </a:lnTo>
                  <a:lnTo>
                    <a:pt x="3590" y="1547"/>
                  </a:lnTo>
                  <a:lnTo>
                    <a:pt x="3595" y="1536"/>
                  </a:lnTo>
                  <a:lnTo>
                    <a:pt x="3599" y="1524"/>
                  </a:lnTo>
                  <a:lnTo>
                    <a:pt x="3597" y="1521"/>
                  </a:lnTo>
                  <a:lnTo>
                    <a:pt x="3595" y="1519"/>
                  </a:lnTo>
                  <a:lnTo>
                    <a:pt x="3598" y="1517"/>
                  </a:lnTo>
                  <a:lnTo>
                    <a:pt x="3599" y="1515"/>
                  </a:lnTo>
                  <a:lnTo>
                    <a:pt x="3598" y="1511"/>
                  </a:lnTo>
                  <a:lnTo>
                    <a:pt x="3595" y="1508"/>
                  </a:lnTo>
                  <a:lnTo>
                    <a:pt x="3591" y="1501"/>
                  </a:lnTo>
                  <a:lnTo>
                    <a:pt x="3593" y="1494"/>
                  </a:lnTo>
                  <a:lnTo>
                    <a:pt x="3593" y="1482"/>
                  </a:lnTo>
                  <a:lnTo>
                    <a:pt x="3591" y="1477"/>
                  </a:lnTo>
                  <a:lnTo>
                    <a:pt x="3593" y="1473"/>
                  </a:lnTo>
                  <a:lnTo>
                    <a:pt x="3591" y="1469"/>
                  </a:lnTo>
                  <a:lnTo>
                    <a:pt x="3589" y="1466"/>
                  </a:lnTo>
                  <a:lnTo>
                    <a:pt x="3571" y="1453"/>
                  </a:lnTo>
                  <a:lnTo>
                    <a:pt x="3553" y="1451"/>
                  </a:lnTo>
                  <a:lnTo>
                    <a:pt x="3536" y="1450"/>
                  </a:lnTo>
                  <a:lnTo>
                    <a:pt x="3512" y="1459"/>
                  </a:lnTo>
                  <a:lnTo>
                    <a:pt x="3509" y="1469"/>
                  </a:lnTo>
                  <a:lnTo>
                    <a:pt x="3504" y="1477"/>
                  </a:lnTo>
                  <a:lnTo>
                    <a:pt x="3501" y="1486"/>
                  </a:lnTo>
                  <a:lnTo>
                    <a:pt x="3501" y="1497"/>
                  </a:lnTo>
                  <a:lnTo>
                    <a:pt x="3502" y="1508"/>
                  </a:lnTo>
                  <a:lnTo>
                    <a:pt x="3506" y="1519"/>
                  </a:lnTo>
                  <a:lnTo>
                    <a:pt x="3512" y="1527"/>
                  </a:lnTo>
                  <a:lnTo>
                    <a:pt x="3518" y="1534"/>
                  </a:lnTo>
                  <a:lnTo>
                    <a:pt x="3526" y="1538"/>
                  </a:lnTo>
                  <a:lnTo>
                    <a:pt x="3526" y="1542"/>
                  </a:lnTo>
                  <a:lnTo>
                    <a:pt x="3526" y="1544"/>
                  </a:lnTo>
                  <a:lnTo>
                    <a:pt x="3524" y="1550"/>
                  </a:lnTo>
                  <a:lnTo>
                    <a:pt x="3520" y="1554"/>
                  </a:lnTo>
                  <a:lnTo>
                    <a:pt x="3518" y="1562"/>
                  </a:lnTo>
                  <a:lnTo>
                    <a:pt x="3514" y="1567"/>
                  </a:lnTo>
                  <a:lnTo>
                    <a:pt x="3510" y="1577"/>
                  </a:lnTo>
                  <a:lnTo>
                    <a:pt x="3508" y="1587"/>
                  </a:lnTo>
                  <a:lnTo>
                    <a:pt x="3505" y="1598"/>
                  </a:lnTo>
                  <a:lnTo>
                    <a:pt x="3498" y="1605"/>
                  </a:lnTo>
                  <a:lnTo>
                    <a:pt x="3485" y="1601"/>
                  </a:lnTo>
                  <a:lnTo>
                    <a:pt x="3477" y="1602"/>
                  </a:lnTo>
                  <a:lnTo>
                    <a:pt x="3470" y="1606"/>
                  </a:lnTo>
                  <a:lnTo>
                    <a:pt x="3462" y="1612"/>
                  </a:lnTo>
                  <a:lnTo>
                    <a:pt x="3455" y="1619"/>
                  </a:lnTo>
                  <a:lnTo>
                    <a:pt x="3451" y="1627"/>
                  </a:lnTo>
                  <a:lnTo>
                    <a:pt x="3447" y="1637"/>
                  </a:lnTo>
                  <a:lnTo>
                    <a:pt x="3445" y="1648"/>
                  </a:lnTo>
                  <a:lnTo>
                    <a:pt x="3447" y="1656"/>
                  </a:lnTo>
                  <a:lnTo>
                    <a:pt x="3451" y="1655"/>
                  </a:lnTo>
                  <a:lnTo>
                    <a:pt x="3454" y="1652"/>
                  </a:lnTo>
                  <a:lnTo>
                    <a:pt x="3459" y="1646"/>
                  </a:lnTo>
                  <a:lnTo>
                    <a:pt x="3459" y="1651"/>
                  </a:lnTo>
                  <a:lnTo>
                    <a:pt x="3458" y="1658"/>
                  </a:lnTo>
                  <a:lnTo>
                    <a:pt x="3454" y="1659"/>
                  </a:lnTo>
                  <a:lnTo>
                    <a:pt x="3451" y="1671"/>
                  </a:lnTo>
                  <a:lnTo>
                    <a:pt x="3451" y="1683"/>
                  </a:lnTo>
                  <a:lnTo>
                    <a:pt x="3445" y="1698"/>
                  </a:lnTo>
                  <a:lnTo>
                    <a:pt x="3439" y="1713"/>
                  </a:lnTo>
                  <a:lnTo>
                    <a:pt x="3435" y="1717"/>
                  </a:lnTo>
                  <a:lnTo>
                    <a:pt x="3433" y="1724"/>
                  </a:lnTo>
                  <a:lnTo>
                    <a:pt x="3440" y="1737"/>
                  </a:lnTo>
                  <a:lnTo>
                    <a:pt x="3444" y="1753"/>
                  </a:lnTo>
                  <a:lnTo>
                    <a:pt x="3444" y="1756"/>
                  </a:lnTo>
                  <a:lnTo>
                    <a:pt x="3460" y="1776"/>
                  </a:lnTo>
                  <a:lnTo>
                    <a:pt x="3470" y="1789"/>
                  </a:lnTo>
                  <a:lnTo>
                    <a:pt x="3481" y="1799"/>
                  </a:lnTo>
                  <a:lnTo>
                    <a:pt x="3481" y="1797"/>
                  </a:lnTo>
                  <a:lnTo>
                    <a:pt x="3483" y="1795"/>
                  </a:lnTo>
                  <a:lnTo>
                    <a:pt x="3493" y="1802"/>
                  </a:lnTo>
                  <a:lnTo>
                    <a:pt x="3499" y="1811"/>
                  </a:lnTo>
                  <a:lnTo>
                    <a:pt x="3505" y="1817"/>
                  </a:lnTo>
                  <a:lnTo>
                    <a:pt x="3510" y="1821"/>
                  </a:lnTo>
                  <a:lnTo>
                    <a:pt x="3522" y="1828"/>
                  </a:lnTo>
                  <a:lnTo>
                    <a:pt x="3518" y="1844"/>
                  </a:lnTo>
                  <a:lnTo>
                    <a:pt x="3517" y="1852"/>
                  </a:lnTo>
                  <a:lnTo>
                    <a:pt x="3520" y="1859"/>
                  </a:lnTo>
                  <a:lnTo>
                    <a:pt x="3522" y="1861"/>
                  </a:lnTo>
                  <a:lnTo>
                    <a:pt x="3525" y="1865"/>
                  </a:lnTo>
                  <a:lnTo>
                    <a:pt x="3512" y="1871"/>
                  </a:lnTo>
                  <a:lnTo>
                    <a:pt x="3506" y="1876"/>
                  </a:lnTo>
                  <a:lnTo>
                    <a:pt x="3504" y="1883"/>
                  </a:lnTo>
                  <a:lnTo>
                    <a:pt x="3485" y="1909"/>
                  </a:lnTo>
                  <a:lnTo>
                    <a:pt x="3475" y="1921"/>
                  </a:lnTo>
                  <a:lnTo>
                    <a:pt x="3464" y="1931"/>
                  </a:lnTo>
                  <a:lnTo>
                    <a:pt x="3463" y="1938"/>
                  </a:lnTo>
                  <a:lnTo>
                    <a:pt x="3458" y="1942"/>
                  </a:lnTo>
                  <a:lnTo>
                    <a:pt x="3452" y="1945"/>
                  </a:lnTo>
                  <a:lnTo>
                    <a:pt x="3450" y="1950"/>
                  </a:lnTo>
                  <a:lnTo>
                    <a:pt x="3450" y="1956"/>
                  </a:lnTo>
                  <a:lnTo>
                    <a:pt x="3445" y="1958"/>
                  </a:lnTo>
                  <a:lnTo>
                    <a:pt x="3441" y="1964"/>
                  </a:lnTo>
                  <a:lnTo>
                    <a:pt x="3436" y="1968"/>
                  </a:lnTo>
                  <a:lnTo>
                    <a:pt x="3433" y="1975"/>
                  </a:lnTo>
                  <a:lnTo>
                    <a:pt x="3424" y="1985"/>
                  </a:lnTo>
                  <a:lnTo>
                    <a:pt x="3418" y="1992"/>
                  </a:lnTo>
                  <a:lnTo>
                    <a:pt x="3417" y="1998"/>
                  </a:lnTo>
                  <a:lnTo>
                    <a:pt x="3418" y="2000"/>
                  </a:lnTo>
                  <a:lnTo>
                    <a:pt x="3421" y="2003"/>
                  </a:lnTo>
                  <a:lnTo>
                    <a:pt x="3428" y="2008"/>
                  </a:lnTo>
                  <a:lnTo>
                    <a:pt x="3435" y="2014"/>
                  </a:lnTo>
                  <a:lnTo>
                    <a:pt x="3444" y="2016"/>
                  </a:lnTo>
                  <a:lnTo>
                    <a:pt x="3452" y="2025"/>
                  </a:lnTo>
                  <a:lnTo>
                    <a:pt x="3432" y="2031"/>
                  </a:lnTo>
                  <a:lnTo>
                    <a:pt x="3410" y="2035"/>
                  </a:lnTo>
                  <a:lnTo>
                    <a:pt x="3367" y="2037"/>
                  </a:lnTo>
                  <a:lnTo>
                    <a:pt x="3319" y="2033"/>
                  </a:lnTo>
                  <a:lnTo>
                    <a:pt x="3263" y="2030"/>
                  </a:lnTo>
                  <a:lnTo>
                    <a:pt x="3263" y="1608"/>
                  </a:lnTo>
                  <a:lnTo>
                    <a:pt x="3153" y="1473"/>
                  </a:lnTo>
                  <a:lnTo>
                    <a:pt x="2691" y="1473"/>
                  </a:lnTo>
                  <a:lnTo>
                    <a:pt x="2557" y="1608"/>
                  </a:lnTo>
                  <a:lnTo>
                    <a:pt x="2557" y="1891"/>
                  </a:lnTo>
                  <a:lnTo>
                    <a:pt x="2522" y="1896"/>
                  </a:lnTo>
                  <a:lnTo>
                    <a:pt x="2491" y="1903"/>
                  </a:lnTo>
                  <a:lnTo>
                    <a:pt x="2491" y="1620"/>
                  </a:lnTo>
                  <a:lnTo>
                    <a:pt x="2490" y="1617"/>
                  </a:lnTo>
                  <a:lnTo>
                    <a:pt x="2486" y="1616"/>
                  </a:lnTo>
                  <a:lnTo>
                    <a:pt x="2475" y="1613"/>
                  </a:lnTo>
                  <a:lnTo>
                    <a:pt x="2463" y="1616"/>
                  </a:lnTo>
                  <a:lnTo>
                    <a:pt x="2459" y="1617"/>
                  </a:lnTo>
                  <a:lnTo>
                    <a:pt x="2458" y="1620"/>
                  </a:lnTo>
                  <a:lnTo>
                    <a:pt x="2458" y="1915"/>
                  </a:lnTo>
                  <a:lnTo>
                    <a:pt x="2435" y="1925"/>
                  </a:lnTo>
                  <a:lnTo>
                    <a:pt x="2435" y="1722"/>
                  </a:lnTo>
                  <a:lnTo>
                    <a:pt x="2433" y="1718"/>
                  </a:lnTo>
                  <a:lnTo>
                    <a:pt x="2429" y="1716"/>
                  </a:lnTo>
                  <a:lnTo>
                    <a:pt x="2418" y="1713"/>
                  </a:lnTo>
                  <a:lnTo>
                    <a:pt x="2406" y="1716"/>
                  </a:lnTo>
                  <a:lnTo>
                    <a:pt x="2402" y="1718"/>
                  </a:lnTo>
                  <a:lnTo>
                    <a:pt x="2401" y="1722"/>
                  </a:lnTo>
                  <a:lnTo>
                    <a:pt x="2401" y="1941"/>
                  </a:lnTo>
                  <a:lnTo>
                    <a:pt x="2387" y="1948"/>
                  </a:lnTo>
                  <a:lnTo>
                    <a:pt x="2387" y="1558"/>
                  </a:lnTo>
                  <a:lnTo>
                    <a:pt x="2386" y="1554"/>
                  </a:lnTo>
                  <a:lnTo>
                    <a:pt x="2382" y="1550"/>
                  </a:lnTo>
                  <a:lnTo>
                    <a:pt x="2371" y="1547"/>
                  </a:lnTo>
                  <a:lnTo>
                    <a:pt x="2359" y="1550"/>
                  </a:lnTo>
                  <a:lnTo>
                    <a:pt x="2355" y="1554"/>
                  </a:lnTo>
                  <a:lnTo>
                    <a:pt x="2354" y="1558"/>
                  </a:lnTo>
                  <a:lnTo>
                    <a:pt x="2354" y="1965"/>
                  </a:lnTo>
                  <a:lnTo>
                    <a:pt x="2340" y="1971"/>
                  </a:lnTo>
                  <a:lnTo>
                    <a:pt x="2340" y="1751"/>
                  </a:lnTo>
                  <a:lnTo>
                    <a:pt x="2339" y="1748"/>
                  </a:lnTo>
                  <a:lnTo>
                    <a:pt x="2335" y="1745"/>
                  </a:lnTo>
                  <a:lnTo>
                    <a:pt x="2323" y="1744"/>
                  </a:lnTo>
                  <a:lnTo>
                    <a:pt x="2312" y="1745"/>
                  </a:lnTo>
                  <a:lnTo>
                    <a:pt x="2306" y="1751"/>
                  </a:lnTo>
                  <a:lnTo>
                    <a:pt x="2306" y="1981"/>
                  </a:lnTo>
                  <a:lnTo>
                    <a:pt x="2281" y="1987"/>
                  </a:lnTo>
                  <a:lnTo>
                    <a:pt x="2252" y="1990"/>
                  </a:lnTo>
                  <a:lnTo>
                    <a:pt x="2252" y="1671"/>
                  </a:lnTo>
                  <a:lnTo>
                    <a:pt x="2251" y="1667"/>
                  </a:lnTo>
                  <a:lnTo>
                    <a:pt x="2248" y="1664"/>
                  </a:lnTo>
                  <a:lnTo>
                    <a:pt x="2236" y="1662"/>
                  </a:lnTo>
                  <a:lnTo>
                    <a:pt x="2224" y="1664"/>
                  </a:lnTo>
                  <a:lnTo>
                    <a:pt x="2221" y="1667"/>
                  </a:lnTo>
                  <a:lnTo>
                    <a:pt x="2220" y="1671"/>
                  </a:lnTo>
                  <a:lnTo>
                    <a:pt x="2220" y="1990"/>
                  </a:lnTo>
                  <a:lnTo>
                    <a:pt x="2209" y="1988"/>
                  </a:lnTo>
                  <a:lnTo>
                    <a:pt x="2209" y="1660"/>
                  </a:lnTo>
                  <a:lnTo>
                    <a:pt x="2208" y="1656"/>
                  </a:lnTo>
                  <a:lnTo>
                    <a:pt x="2204" y="1654"/>
                  </a:lnTo>
                  <a:lnTo>
                    <a:pt x="2193" y="1651"/>
                  </a:lnTo>
                  <a:lnTo>
                    <a:pt x="2181" y="1654"/>
                  </a:lnTo>
                  <a:lnTo>
                    <a:pt x="2177" y="1656"/>
                  </a:lnTo>
                  <a:lnTo>
                    <a:pt x="2176" y="1660"/>
                  </a:lnTo>
                  <a:lnTo>
                    <a:pt x="2176" y="1973"/>
                  </a:lnTo>
                  <a:lnTo>
                    <a:pt x="2163" y="1964"/>
                  </a:lnTo>
                  <a:lnTo>
                    <a:pt x="2163" y="1628"/>
                  </a:lnTo>
                  <a:lnTo>
                    <a:pt x="2162" y="1624"/>
                  </a:lnTo>
                  <a:lnTo>
                    <a:pt x="2158" y="1621"/>
                  </a:lnTo>
                  <a:lnTo>
                    <a:pt x="2147" y="1619"/>
                  </a:lnTo>
                  <a:lnTo>
                    <a:pt x="2135" y="1621"/>
                  </a:lnTo>
                  <a:lnTo>
                    <a:pt x="2131" y="1624"/>
                  </a:lnTo>
                  <a:lnTo>
                    <a:pt x="2130" y="1628"/>
                  </a:lnTo>
                  <a:lnTo>
                    <a:pt x="2130" y="1930"/>
                  </a:lnTo>
                  <a:lnTo>
                    <a:pt x="2117" y="1913"/>
                  </a:lnTo>
                  <a:lnTo>
                    <a:pt x="2117" y="1726"/>
                  </a:lnTo>
                  <a:lnTo>
                    <a:pt x="2116" y="1722"/>
                  </a:lnTo>
                  <a:lnTo>
                    <a:pt x="2112" y="1720"/>
                  </a:lnTo>
                  <a:lnTo>
                    <a:pt x="2100" y="1718"/>
                  </a:lnTo>
                  <a:lnTo>
                    <a:pt x="2089" y="1720"/>
                  </a:lnTo>
                  <a:lnTo>
                    <a:pt x="2085" y="1722"/>
                  </a:lnTo>
                  <a:lnTo>
                    <a:pt x="2084" y="1726"/>
                  </a:lnTo>
                  <a:lnTo>
                    <a:pt x="2084" y="1863"/>
                  </a:lnTo>
                  <a:lnTo>
                    <a:pt x="2072" y="1845"/>
                  </a:lnTo>
                  <a:lnTo>
                    <a:pt x="2072" y="1762"/>
                  </a:lnTo>
                  <a:lnTo>
                    <a:pt x="2072" y="1757"/>
                  </a:lnTo>
                  <a:lnTo>
                    <a:pt x="2068" y="1755"/>
                  </a:lnTo>
                  <a:lnTo>
                    <a:pt x="2055" y="1753"/>
                  </a:lnTo>
                  <a:lnTo>
                    <a:pt x="2045" y="1755"/>
                  </a:lnTo>
                  <a:lnTo>
                    <a:pt x="2039" y="1762"/>
                  </a:lnTo>
                  <a:lnTo>
                    <a:pt x="2039" y="1799"/>
                  </a:lnTo>
                  <a:lnTo>
                    <a:pt x="2027" y="1786"/>
                  </a:lnTo>
                  <a:lnTo>
                    <a:pt x="2027" y="1697"/>
                  </a:lnTo>
                  <a:lnTo>
                    <a:pt x="2026" y="1694"/>
                  </a:lnTo>
                  <a:lnTo>
                    <a:pt x="2023" y="1691"/>
                  </a:lnTo>
                  <a:lnTo>
                    <a:pt x="2011" y="1690"/>
                  </a:lnTo>
                  <a:lnTo>
                    <a:pt x="1999" y="1691"/>
                  </a:lnTo>
                  <a:lnTo>
                    <a:pt x="1996" y="1694"/>
                  </a:lnTo>
                  <a:lnTo>
                    <a:pt x="1995" y="1697"/>
                  </a:lnTo>
                  <a:lnTo>
                    <a:pt x="1995" y="1755"/>
                  </a:lnTo>
                  <a:lnTo>
                    <a:pt x="1972" y="1739"/>
                  </a:lnTo>
                  <a:lnTo>
                    <a:pt x="1943" y="1724"/>
                  </a:lnTo>
                  <a:lnTo>
                    <a:pt x="1907" y="1714"/>
                  </a:lnTo>
                  <a:lnTo>
                    <a:pt x="1884" y="1712"/>
                  </a:lnTo>
                  <a:lnTo>
                    <a:pt x="1856" y="1710"/>
                  </a:lnTo>
                  <a:lnTo>
                    <a:pt x="1811" y="1713"/>
                  </a:lnTo>
                  <a:lnTo>
                    <a:pt x="1792" y="1717"/>
                  </a:lnTo>
                  <a:lnTo>
                    <a:pt x="1773" y="1724"/>
                  </a:lnTo>
                  <a:lnTo>
                    <a:pt x="1759" y="1732"/>
                  </a:lnTo>
                  <a:lnTo>
                    <a:pt x="1744" y="1741"/>
                  </a:lnTo>
                  <a:lnTo>
                    <a:pt x="1718" y="1763"/>
                  </a:lnTo>
                  <a:lnTo>
                    <a:pt x="1696" y="1789"/>
                  </a:lnTo>
                  <a:lnTo>
                    <a:pt x="1678" y="1817"/>
                  </a:lnTo>
                  <a:lnTo>
                    <a:pt x="1645" y="1875"/>
                  </a:lnTo>
                  <a:lnTo>
                    <a:pt x="1640" y="1636"/>
                  </a:lnTo>
                  <a:lnTo>
                    <a:pt x="1509" y="1636"/>
                  </a:lnTo>
                  <a:lnTo>
                    <a:pt x="1509" y="2220"/>
                  </a:lnTo>
                  <a:lnTo>
                    <a:pt x="1524" y="2223"/>
                  </a:lnTo>
                  <a:lnTo>
                    <a:pt x="1537" y="2230"/>
                  </a:lnTo>
                  <a:lnTo>
                    <a:pt x="1548" y="2240"/>
                  </a:lnTo>
                  <a:lnTo>
                    <a:pt x="1556" y="2254"/>
                  </a:lnTo>
                  <a:lnTo>
                    <a:pt x="1556" y="2226"/>
                  </a:lnTo>
                  <a:lnTo>
                    <a:pt x="1545" y="2223"/>
                  </a:lnTo>
                  <a:lnTo>
                    <a:pt x="1540" y="2219"/>
                  </a:lnTo>
                  <a:lnTo>
                    <a:pt x="1534" y="2215"/>
                  </a:lnTo>
                  <a:lnTo>
                    <a:pt x="1528" y="2203"/>
                  </a:lnTo>
                  <a:lnTo>
                    <a:pt x="1525" y="2189"/>
                  </a:lnTo>
                  <a:lnTo>
                    <a:pt x="1525" y="2188"/>
                  </a:lnTo>
                  <a:lnTo>
                    <a:pt x="1529" y="2173"/>
                  </a:lnTo>
                  <a:lnTo>
                    <a:pt x="1536" y="2161"/>
                  </a:lnTo>
                  <a:lnTo>
                    <a:pt x="1541" y="2155"/>
                  </a:lnTo>
                  <a:lnTo>
                    <a:pt x="1547" y="2153"/>
                  </a:lnTo>
                  <a:lnTo>
                    <a:pt x="1559" y="2150"/>
                  </a:lnTo>
                  <a:lnTo>
                    <a:pt x="1571" y="2151"/>
                  </a:lnTo>
                  <a:lnTo>
                    <a:pt x="1582" y="2159"/>
                  </a:lnTo>
                  <a:lnTo>
                    <a:pt x="1593" y="2137"/>
                  </a:lnTo>
                  <a:lnTo>
                    <a:pt x="1599" y="2126"/>
                  </a:lnTo>
                  <a:lnTo>
                    <a:pt x="1607" y="2118"/>
                  </a:lnTo>
                  <a:lnTo>
                    <a:pt x="1628" y="2107"/>
                  </a:lnTo>
                  <a:lnTo>
                    <a:pt x="1651" y="2101"/>
                  </a:lnTo>
                  <a:lnTo>
                    <a:pt x="1673" y="2106"/>
                  </a:lnTo>
                  <a:lnTo>
                    <a:pt x="1694" y="2118"/>
                  </a:lnTo>
                  <a:lnTo>
                    <a:pt x="1710" y="2135"/>
                  </a:lnTo>
                  <a:lnTo>
                    <a:pt x="1721" y="2157"/>
                  </a:lnTo>
                  <a:lnTo>
                    <a:pt x="1729" y="2145"/>
                  </a:lnTo>
                  <a:lnTo>
                    <a:pt x="1738" y="2137"/>
                  </a:lnTo>
                  <a:lnTo>
                    <a:pt x="1750" y="2130"/>
                  </a:lnTo>
                  <a:lnTo>
                    <a:pt x="1765" y="2128"/>
                  </a:lnTo>
                  <a:lnTo>
                    <a:pt x="1784" y="2133"/>
                  </a:lnTo>
                  <a:lnTo>
                    <a:pt x="1794" y="2138"/>
                  </a:lnTo>
                  <a:lnTo>
                    <a:pt x="1802" y="2146"/>
                  </a:lnTo>
                  <a:lnTo>
                    <a:pt x="1812" y="2165"/>
                  </a:lnTo>
                  <a:lnTo>
                    <a:pt x="1815" y="2176"/>
                  </a:lnTo>
                  <a:lnTo>
                    <a:pt x="1817" y="2188"/>
                  </a:lnTo>
                  <a:lnTo>
                    <a:pt x="1812" y="2211"/>
                  </a:lnTo>
                  <a:lnTo>
                    <a:pt x="1802" y="2230"/>
                  </a:lnTo>
                  <a:lnTo>
                    <a:pt x="1794" y="2238"/>
                  </a:lnTo>
                  <a:lnTo>
                    <a:pt x="1784" y="2243"/>
                  </a:lnTo>
                  <a:lnTo>
                    <a:pt x="1765" y="2247"/>
                  </a:lnTo>
                  <a:lnTo>
                    <a:pt x="1745" y="2243"/>
                  </a:lnTo>
                  <a:lnTo>
                    <a:pt x="1745" y="2339"/>
                  </a:lnTo>
                  <a:lnTo>
                    <a:pt x="1753" y="2328"/>
                  </a:lnTo>
                  <a:lnTo>
                    <a:pt x="1763" y="2320"/>
                  </a:lnTo>
                  <a:lnTo>
                    <a:pt x="1775" y="2315"/>
                  </a:lnTo>
                  <a:lnTo>
                    <a:pt x="1787" y="2313"/>
                  </a:lnTo>
                  <a:lnTo>
                    <a:pt x="1807" y="2317"/>
                  </a:lnTo>
                  <a:lnTo>
                    <a:pt x="1817" y="2323"/>
                  </a:lnTo>
                  <a:lnTo>
                    <a:pt x="1823" y="2329"/>
                  </a:lnTo>
                  <a:lnTo>
                    <a:pt x="1834" y="2348"/>
                  </a:lnTo>
                  <a:lnTo>
                    <a:pt x="1838" y="2359"/>
                  </a:lnTo>
                  <a:lnTo>
                    <a:pt x="1839" y="2371"/>
                  </a:lnTo>
                  <a:lnTo>
                    <a:pt x="1839" y="2374"/>
                  </a:lnTo>
                  <a:lnTo>
                    <a:pt x="1838" y="2386"/>
                  </a:lnTo>
                  <a:lnTo>
                    <a:pt x="1834" y="2397"/>
                  </a:lnTo>
                  <a:lnTo>
                    <a:pt x="1823" y="2414"/>
                  </a:lnTo>
                  <a:lnTo>
                    <a:pt x="1817" y="2423"/>
                  </a:lnTo>
                  <a:lnTo>
                    <a:pt x="1807" y="2427"/>
                  </a:lnTo>
                  <a:lnTo>
                    <a:pt x="1787" y="2432"/>
                  </a:lnTo>
                  <a:lnTo>
                    <a:pt x="1773" y="2429"/>
                  </a:lnTo>
                  <a:lnTo>
                    <a:pt x="1761" y="2424"/>
                  </a:lnTo>
                  <a:lnTo>
                    <a:pt x="1752" y="2414"/>
                  </a:lnTo>
                  <a:lnTo>
                    <a:pt x="1744" y="2404"/>
                  </a:lnTo>
                  <a:lnTo>
                    <a:pt x="1738" y="2416"/>
                  </a:lnTo>
                  <a:lnTo>
                    <a:pt x="1730" y="2428"/>
                  </a:lnTo>
                  <a:lnTo>
                    <a:pt x="1730" y="2477"/>
                  </a:lnTo>
                  <a:lnTo>
                    <a:pt x="1734" y="2477"/>
                  </a:lnTo>
                  <a:lnTo>
                    <a:pt x="1756" y="2481"/>
                  </a:lnTo>
                  <a:lnTo>
                    <a:pt x="1776" y="2491"/>
                  </a:lnTo>
                  <a:lnTo>
                    <a:pt x="1792" y="2509"/>
                  </a:lnTo>
                  <a:lnTo>
                    <a:pt x="1803" y="2530"/>
                  </a:lnTo>
                  <a:lnTo>
                    <a:pt x="1811" y="2520"/>
                  </a:lnTo>
                  <a:lnTo>
                    <a:pt x="1822" y="2510"/>
                  </a:lnTo>
                  <a:lnTo>
                    <a:pt x="1834" y="2505"/>
                  </a:lnTo>
                  <a:lnTo>
                    <a:pt x="1848" y="2502"/>
                  </a:lnTo>
                  <a:lnTo>
                    <a:pt x="1868" y="2508"/>
                  </a:lnTo>
                  <a:lnTo>
                    <a:pt x="1876" y="2513"/>
                  </a:lnTo>
                  <a:lnTo>
                    <a:pt x="1884" y="2520"/>
                  </a:lnTo>
                  <a:lnTo>
                    <a:pt x="1895" y="2539"/>
                  </a:lnTo>
                  <a:lnTo>
                    <a:pt x="1898" y="2549"/>
                  </a:lnTo>
                  <a:lnTo>
                    <a:pt x="1899" y="2561"/>
                  </a:lnTo>
                  <a:lnTo>
                    <a:pt x="1898" y="2574"/>
                  </a:lnTo>
                  <a:lnTo>
                    <a:pt x="1895" y="2584"/>
                  </a:lnTo>
                  <a:lnTo>
                    <a:pt x="1884" y="2605"/>
                  </a:lnTo>
                  <a:lnTo>
                    <a:pt x="1876" y="2611"/>
                  </a:lnTo>
                  <a:lnTo>
                    <a:pt x="1868" y="2617"/>
                  </a:lnTo>
                  <a:lnTo>
                    <a:pt x="1848" y="2621"/>
                  </a:lnTo>
                  <a:lnTo>
                    <a:pt x="1834" y="2620"/>
                  </a:lnTo>
                  <a:lnTo>
                    <a:pt x="1822" y="2614"/>
                  </a:lnTo>
                  <a:lnTo>
                    <a:pt x="1811" y="2605"/>
                  </a:lnTo>
                  <a:lnTo>
                    <a:pt x="1803" y="2593"/>
                  </a:lnTo>
                  <a:lnTo>
                    <a:pt x="1794" y="2613"/>
                  </a:lnTo>
                  <a:lnTo>
                    <a:pt x="1781" y="2628"/>
                  </a:lnTo>
                  <a:lnTo>
                    <a:pt x="1765" y="2640"/>
                  </a:lnTo>
                  <a:lnTo>
                    <a:pt x="1746" y="2646"/>
                  </a:lnTo>
                  <a:lnTo>
                    <a:pt x="1746" y="2767"/>
                  </a:lnTo>
                  <a:lnTo>
                    <a:pt x="1722" y="2767"/>
                  </a:lnTo>
                  <a:lnTo>
                    <a:pt x="1722" y="2646"/>
                  </a:lnTo>
                  <a:lnTo>
                    <a:pt x="1705" y="2641"/>
                  </a:lnTo>
                  <a:lnTo>
                    <a:pt x="1705" y="2737"/>
                  </a:lnTo>
                  <a:lnTo>
                    <a:pt x="1680" y="2737"/>
                  </a:lnTo>
                  <a:lnTo>
                    <a:pt x="1680" y="2621"/>
                  </a:lnTo>
                  <a:lnTo>
                    <a:pt x="1671" y="2607"/>
                  </a:lnTo>
                  <a:lnTo>
                    <a:pt x="1664" y="2591"/>
                  </a:lnTo>
                  <a:lnTo>
                    <a:pt x="1663" y="2725"/>
                  </a:lnTo>
                  <a:lnTo>
                    <a:pt x="1640" y="2725"/>
                  </a:lnTo>
                  <a:lnTo>
                    <a:pt x="1640" y="2601"/>
                  </a:lnTo>
                  <a:lnTo>
                    <a:pt x="1628" y="2597"/>
                  </a:lnTo>
                  <a:lnTo>
                    <a:pt x="1622" y="2593"/>
                  </a:lnTo>
                  <a:lnTo>
                    <a:pt x="1618" y="2588"/>
                  </a:lnTo>
                  <a:lnTo>
                    <a:pt x="1611" y="2578"/>
                  </a:lnTo>
                  <a:lnTo>
                    <a:pt x="1607" y="2563"/>
                  </a:lnTo>
                  <a:lnTo>
                    <a:pt x="1607" y="2561"/>
                  </a:lnTo>
                  <a:lnTo>
                    <a:pt x="1613" y="2543"/>
                  </a:lnTo>
                  <a:lnTo>
                    <a:pt x="1594" y="2547"/>
                  </a:lnTo>
                  <a:lnTo>
                    <a:pt x="1584" y="2545"/>
                  </a:lnTo>
                  <a:lnTo>
                    <a:pt x="1584" y="2661"/>
                  </a:lnTo>
                  <a:lnTo>
                    <a:pt x="1560" y="2661"/>
                  </a:lnTo>
                  <a:lnTo>
                    <a:pt x="1560" y="2532"/>
                  </a:lnTo>
                  <a:lnTo>
                    <a:pt x="1551" y="2518"/>
                  </a:lnTo>
                  <a:lnTo>
                    <a:pt x="1545" y="2530"/>
                  </a:lnTo>
                  <a:lnTo>
                    <a:pt x="1537" y="2543"/>
                  </a:lnTo>
                  <a:lnTo>
                    <a:pt x="1537" y="2661"/>
                  </a:lnTo>
                  <a:lnTo>
                    <a:pt x="1514" y="2661"/>
                  </a:lnTo>
                  <a:lnTo>
                    <a:pt x="1514" y="2564"/>
                  </a:lnTo>
                  <a:lnTo>
                    <a:pt x="1493" y="2572"/>
                  </a:lnTo>
                  <a:lnTo>
                    <a:pt x="1493" y="2625"/>
                  </a:lnTo>
                  <a:lnTo>
                    <a:pt x="1501" y="2633"/>
                  </a:lnTo>
                  <a:lnTo>
                    <a:pt x="1507" y="2644"/>
                  </a:lnTo>
                  <a:lnTo>
                    <a:pt x="1510" y="2656"/>
                  </a:lnTo>
                  <a:lnTo>
                    <a:pt x="1513" y="2669"/>
                  </a:lnTo>
                  <a:lnTo>
                    <a:pt x="1513" y="2672"/>
                  </a:lnTo>
                  <a:lnTo>
                    <a:pt x="1512" y="2684"/>
                  </a:lnTo>
                  <a:lnTo>
                    <a:pt x="1507" y="2695"/>
                  </a:lnTo>
                  <a:lnTo>
                    <a:pt x="1497" y="2714"/>
                  </a:lnTo>
                  <a:lnTo>
                    <a:pt x="1489" y="2721"/>
                  </a:lnTo>
                  <a:lnTo>
                    <a:pt x="1480" y="2726"/>
                  </a:lnTo>
                  <a:lnTo>
                    <a:pt x="1460" y="2730"/>
                  </a:lnTo>
                  <a:lnTo>
                    <a:pt x="1447" y="2729"/>
                  </a:lnTo>
                  <a:lnTo>
                    <a:pt x="1435" y="2722"/>
                  </a:lnTo>
                  <a:lnTo>
                    <a:pt x="1424" y="2714"/>
                  </a:lnTo>
                  <a:lnTo>
                    <a:pt x="1416" y="2702"/>
                  </a:lnTo>
                  <a:lnTo>
                    <a:pt x="1405" y="2723"/>
                  </a:lnTo>
                  <a:lnTo>
                    <a:pt x="1398" y="2733"/>
                  </a:lnTo>
                  <a:lnTo>
                    <a:pt x="1390" y="2741"/>
                  </a:lnTo>
                  <a:lnTo>
                    <a:pt x="1379" y="2748"/>
                  </a:lnTo>
                  <a:lnTo>
                    <a:pt x="1370" y="2753"/>
                  </a:lnTo>
                  <a:lnTo>
                    <a:pt x="1347" y="2757"/>
                  </a:lnTo>
                  <a:lnTo>
                    <a:pt x="1324" y="2752"/>
                  </a:lnTo>
                  <a:lnTo>
                    <a:pt x="1304" y="2741"/>
                  </a:lnTo>
                  <a:lnTo>
                    <a:pt x="1296" y="2733"/>
                  </a:lnTo>
                  <a:lnTo>
                    <a:pt x="1287" y="2722"/>
                  </a:lnTo>
                  <a:lnTo>
                    <a:pt x="1277" y="2699"/>
                  </a:lnTo>
                  <a:lnTo>
                    <a:pt x="1277" y="2834"/>
                  </a:lnTo>
                  <a:lnTo>
                    <a:pt x="1252" y="2834"/>
                  </a:lnTo>
                  <a:lnTo>
                    <a:pt x="1252" y="2709"/>
                  </a:lnTo>
                  <a:lnTo>
                    <a:pt x="1240" y="2706"/>
                  </a:lnTo>
                  <a:lnTo>
                    <a:pt x="1235" y="2702"/>
                  </a:lnTo>
                  <a:lnTo>
                    <a:pt x="1231" y="2698"/>
                  </a:lnTo>
                  <a:lnTo>
                    <a:pt x="1224" y="2686"/>
                  </a:lnTo>
                  <a:lnTo>
                    <a:pt x="1221" y="2672"/>
                  </a:lnTo>
                  <a:lnTo>
                    <a:pt x="1221" y="2671"/>
                  </a:lnTo>
                  <a:lnTo>
                    <a:pt x="1223" y="2661"/>
                  </a:lnTo>
                  <a:lnTo>
                    <a:pt x="1225" y="2653"/>
                  </a:lnTo>
                  <a:lnTo>
                    <a:pt x="1229" y="2645"/>
                  </a:lnTo>
                  <a:lnTo>
                    <a:pt x="1235" y="2640"/>
                  </a:lnTo>
                  <a:lnTo>
                    <a:pt x="1235" y="2541"/>
                  </a:lnTo>
                  <a:lnTo>
                    <a:pt x="1217" y="2536"/>
                  </a:lnTo>
                  <a:lnTo>
                    <a:pt x="1217" y="2632"/>
                  </a:lnTo>
                  <a:lnTo>
                    <a:pt x="1193" y="2632"/>
                  </a:lnTo>
                  <a:lnTo>
                    <a:pt x="1193" y="2517"/>
                  </a:lnTo>
                  <a:lnTo>
                    <a:pt x="1184" y="2502"/>
                  </a:lnTo>
                  <a:lnTo>
                    <a:pt x="1177" y="2486"/>
                  </a:lnTo>
                  <a:lnTo>
                    <a:pt x="1177" y="2621"/>
                  </a:lnTo>
                  <a:lnTo>
                    <a:pt x="1153" y="2621"/>
                  </a:lnTo>
                  <a:lnTo>
                    <a:pt x="1153" y="2495"/>
                  </a:lnTo>
                  <a:lnTo>
                    <a:pt x="1140" y="2491"/>
                  </a:lnTo>
                  <a:lnTo>
                    <a:pt x="1135" y="2489"/>
                  </a:lnTo>
                  <a:lnTo>
                    <a:pt x="1131" y="2483"/>
                  </a:lnTo>
                  <a:lnTo>
                    <a:pt x="1124" y="2472"/>
                  </a:lnTo>
                  <a:lnTo>
                    <a:pt x="1121" y="2459"/>
                  </a:lnTo>
                  <a:lnTo>
                    <a:pt x="1121" y="2456"/>
                  </a:lnTo>
                  <a:lnTo>
                    <a:pt x="1124" y="2441"/>
                  </a:lnTo>
                  <a:lnTo>
                    <a:pt x="1132" y="2429"/>
                  </a:lnTo>
                  <a:lnTo>
                    <a:pt x="1136" y="2425"/>
                  </a:lnTo>
                  <a:lnTo>
                    <a:pt x="1142" y="2421"/>
                  </a:lnTo>
                  <a:lnTo>
                    <a:pt x="1155" y="2418"/>
                  </a:lnTo>
                  <a:lnTo>
                    <a:pt x="1167" y="2421"/>
                  </a:lnTo>
                  <a:lnTo>
                    <a:pt x="1177" y="2428"/>
                  </a:lnTo>
                  <a:lnTo>
                    <a:pt x="1188" y="2405"/>
                  </a:lnTo>
                  <a:lnTo>
                    <a:pt x="1196" y="2396"/>
                  </a:lnTo>
                  <a:lnTo>
                    <a:pt x="1204" y="2387"/>
                  </a:lnTo>
                  <a:lnTo>
                    <a:pt x="1224" y="2375"/>
                  </a:lnTo>
                  <a:lnTo>
                    <a:pt x="1247" y="2371"/>
                  </a:lnTo>
                  <a:lnTo>
                    <a:pt x="1263" y="2374"/>
                  </a:lnTo>
                  <a:lnTo>
                    <a:pt x="1278" y="2379"/>
                  </a:lnTo>
                  <a:lnTo>
                    <a:pt x="1290" y="2387"/>
                  </a:lnTo>
                  <a:lnTo>
                    <a:pt x="1297" y="2393"/>
                  </a:lnTo>
                  <a:lnTo>
                    <a:pt x="1302" y="2400"/>
                  </a:lnTo>
                  <a:lnTo>
                    <a:pt x="1302" y="2370"/>
                  </a:lnTo>
                  <a:lnTo>
                    <a:pt x="1275" y="2363"/>
                  </a:lnTo>
                  <a:lnTo>
                    <a:pt x="1255" y="2356"/>
                  </a:lnTo>
                  <a:lnTo>
                    <a:pt x="1224" y="2346"/>
                  </a:lnTo>
                  <a:lnTo>
                    <a:pt x="1194" y="2339"/>
                  </a:lnTo>
                  <a:lnTo>
                    <a:pt x="1146" y="2336"/>
                  </a:lnTo>
                  <a:lnTo>
                    <a:pt x="1120" y="2338"/>
                  </a:lnTo>
                  <a:lnTo>
                    <a:pt x="1099" y="2343"/>
                  </a:lnTo>
                  <a:lnTo>
                    <a:pt x="1080" y="2351"/>
                  </a:lnTo>
                  <a:lnTo>
                    <a:pt x="1063" y="2362"/>
                  </a:lnTo>
                  <a:lnTo>
                    <a:pt x="1049" y="2375"/>
                  </a:lnTo>
                  <a:lnTo>
                    <a:pt x="1036" y="2390"/>
                  </a:lnTo>
                  <a:lnTo>
                    <a:pt x="1014" y="2421"/>
                  </a:lnTo>
                  <a:lnTo>
                    <a:pt x="991" y="2452"/>
                  </a:lnTo>
                  <a:lnTo>
                    <a:pt x="965" y="2479"/>
                  </a:lnTo>
                  <a:lnTo>
                    <a:pt x="949" y="2490"/>
                  </a:lnTo>
                  <a:lnTo>
                    <a:pt x="941" y="2495"/>
                  </a:lnTo>
                  <a:lnTo>
                    <a:pt x="931" y="2499"/>
                  </a:lnTo>
                  <a:lnTo>
                    <a:pt x="911" y="2505"/>
                  </a:lnTo>
                  <a:lnTo>
                    <a:pt x="887" y="2506"/>
                  </a:lnTo>
                  <a:lnTo>
                    <a:pt x="864" y="2503"/>
                  </a:lnTo>
                  <a:lnTo>
                    <a:pt x="842" y="2498"/>
                  </a:lnTo>
                  <a:lnTo>
                    <a:pt x="823" y="2487"/>
                  </a:lnTo>
                  <a:lnTo>
                    <a:pt x="806" y="2475"/>
                  </a:lnTo>
                  <a:lnTo>
                    <a:pt x="776" y="2443"/>
                  </a:lnTo>
                  <a:lnTo>
                    <a:pt x="748" y="2406"/>
                  </a:lnTo>
                  <a:lnTo>
                    <a:pt x="719" y="2369"/>
                  </a:lnTo>
                  <a:lnTo>
                    <a:pt x="704" y="2352"/>
                  </a:lnTo>
                  <a:lnTo>
                    <a:pt x="688" y="2338"/>
                  </a:lnTo>
                  <a:lnTo>
                    <a:pt x="669" y="2324"/>
                  </a:lnTo>
                  <a:lnTo>
                    <a:pt x="649" y="2315"/>
                  </a:lnTo>
                  <a:lnTo>
                    <a:pt x="626" y="2308"/>
                  </a:lnTo>
                  <a:lnTo>
                    <a:pt x="601" y="2307"/>
                  </a:lnTo>
                  <a:lnTo>
                    <a:pt x="582" y="2307"/>
                  </a:lnTo>
                  <a:lnTo>
                    <a:pt x="563" y="2309"/>
                  </a:lnTo>
                  <a:lnTo>
                    <a:pt x="532" y="2319"/>
                  </a:lnTo>
                  <a:lnTo>
                    <a:pt x="503" y="2331"/>
                  </a:lnTo>
                  <a:lnTo>
                    <a:pt x="480" y="2344"/>
                  </a:lnTo>
                  <a:lnTo>
                    <a:pt x="456" y="2358"/>
                  </a:lnTo>
                  <a:lnTo>
                    <a:pt x="433" y="2370"/>
                  </a:lnTo>
                  <a:lnTo>
                    <a:pt x="406" y="2378"/>
                  </a:lnTo>
                  <a:lnTo>
                    <a:pt x="393" y="2381"/>
                  </a:lnTo>
                  <a:lnTo>
                    <a:pt x="377" y="2382"/>
                  </a:lnTo>
                  <a:lnTo>
                    <a:pt x="355" y="2379"/>
                  </a:lnTo>
                  <a:lnTo>
                    <a:pt x="336" y="2374"/>
                  </a:lnTo>
                  <a:lnTo>
                    <a:pt x="317" y="2366"/>
                  </a:lnTo>
                  <a:lnTo>
                    <a:pt x="298" y="2355"/>
                  </a:lnTo>
                  <a:lnTo>
                    <a:pt x="266" y="2328"/>
                  </a:lnTo>
                  <a:lnTo>
                    <a:pt x="251" y="2312"/>
                  </a:lnTo>
                  <a:lnTo>
                    <a:pt x="238" y="2296"/>
                  </a:lnTo>
                  <a:lnTo>
                    <a:pt x="213" y="2265"/>
                  </a:lnTo>
                  <a:lnTo>
                    <a:pt x="196" y="2236"/>
                  </a:lnTo>
                  <a:lnTo>
                    <a:pt x="177" y="2209"/>
                  </a:lnTo>
                  <a:lnTo>
                    <a:pt x="177" y="1940"/>
                  </a:lnTo>
                  <a:lnTo>
                    <a:pt x="34" y="1826"/>
                  </a:lnTo>
                  <a:lnTo>
                    <a:pt x="0" y="1838"/>
                  </a:lnTo>
                  <a:lnTo>
                    <a:pt x="0" y="1202"/>
                  </a:lnTo>
                  <a:lnTo>
                    <a:pt x="0" y="566"/>
                  </a:lnTo>
                  <a:lnTo>
                    <a:pt x="57" y="566"/>
                  </a:lnTo>
                  <a:lnTo>
                    <a:pt x="57" y="533"/>
                  </a:lnTo>
                  <a:lnTo>
                    <a:pt x="228" y="533"/>
                  </a:lnTo>
                  <a:lnTo>
                    <a:pt x="228" y="301"/>
                  </a:lnTo>
                  <a:lnTo>
                    <a:pt x="231" y="290"/>
                  </a:lnTo>
                  <a:lnTo>
                    <a:pt x="235" y="280"/>
                  </a:lnTo>
                  <a:lnTo>
                    <a:pt x="240" y="272"/>
                  </a:lnTo>
                  <a:lnTo>
                    <a:pt x="247" y="264"/>
                  </a:lnTo>
                  <a:lnTo>
                    <a:pt x="263" y="253"/>
                  </a:lnTo>
                  <a:lnTo>
                    <a:pt x="282" y="248"/>
                  </a:lnTo>
                  <a:lnTo>
                    <a:pt x="282" y="214"/>
                  </a:lnTo>
                  <a:lnTo>
                    <a:pt x="292" y="214"/>
                  </a:lnTo>
                  <a:lnTo>
                    <a:pt x="292" y="248"/>
                  </a:lnTo>
                  <a:lnTo>
                    <a:pt x="301" y="249"/>
                  </a:lnTo>
                  <a:lnTo>
                    <a:pt x="310" y="253"/>
                  </a:lnTo>
                  <a:lnTo>
                    <a:pt x="327" y="264"/>
                  </a:lnTo>
                  <a:lnTo>
                    <a:pt x="337" y="280"/>
                  </a:lnTo>
                  <a:lnTo>
                    <a:pt x="341" y="290"/>
                  </a:lnTo>
                  <a:lnTo>
                    <a:pt x="343" y="301"/>
                  </a:lnTo>
                  <a:lnTo>
                    <a:pt x="345" y="301"/>
                  </a:lnTo>
                  <a:lnTo>
                    <a:pt x="345" y="381"/>
                  </a:lnTo>
                  <a:lnTo>
                    <a:pt x="416" y="383"/>
                  </a:lnTo>
                  <a:lnTo>
                    <a:pt x="416" y="180"/>
                  </a:lnTo>
                  <a:lnTo>
                    <a:pt x="416" y="176"/>
                  </a:lnTo>
                  <a:lnTo>
                    <a:pt x="416" y="172"/>
                  </a:lnTo>
                  <a:lnTo>
                    <a:pt x="416" y="164"/>
                  </a:lnTo>
                  <a:lnTo>
                    <a:pt x="420" y="137"/>
                  </a:lnTo>
                  <a:lnTo>
                    <a:pt x="428" y="113"/>
                  </a:lnTo>
                  <a:lnTo>
                    <a:pt x="437" y="90"/>
                  </a:lnTo>
                  <a:lnTo>
                    <a:pt x="451" y="71"/>
                  </a:lnTo>
                  <a:lnTo>
                    <a:pt x="466" y="55"/>
                  </a:lnTo>
                  <a:lnTo>
                    <a:pt x="475" y="48"/>
                  </a:lnTo>
                  <a:lnTo>
                    <a:pt x="483" y="43"/>
                  </a:lnTo>
                  <a:lnTo>
                    <a:pt x="503" y="35"/>
                  </a:lnTo>
                  <a:lnTo>
                    <a:pt x="524" y="31"/>
                  </a:lnTo>
                  <a:lnTo>
                    <a:pt x="524" y="0"/>
                  </a:lnTo>
                  <a:lnTo>
                    <a:pt x="533" y="0"/>
                  </a:lnTo>
                  <a:lnTo>
                    <a:pt x="533" y="31"/>
                  </a:lnTo>
                  <a:lnTo>
                    <a:pt x="553" y="35"/>
                  </a:lnTo>
                  <a:lnTo>
                    <a:pt x="574" y="43"/>
                  </a:lnTo>
                  <a:lnTo>
                    <a:pt x="591" y="55"/>
                  </a:lnTo>
                  <a:lnTo>
                    <a:pt x="606" y="71"/>
                  </a:lnTo>
                  <a:lnTo>
                    <a:pt x="619" y="90"/>
                  </a:lnTo>
                  <a:lnTo>
                    <a:pt x="629" y="113"/>
                  </a:lnTo>
                  <a:lnTo>
                    <a:pt x="637" y="137"/>
                  </a:lnTo>
                  <a:lnTo>
                    <a:pt x="641" y="164"/>
                  </a:lnTo>
                  <a:lnTo>
                    <a:pt x="641" y="170"/>
                  </a:lnTo>
                  <a:lnTo>
                    <a:pt x="641" y="176"/>
                  </a:lnTo>
                  <a:lnTo>
                    <a:pt x="641" y="180"/>
                  </a:lnTo>
                  <a:lnTo>
                    <a:pt x="641" y="383"/>
                  </a:lnTo>
                  <a:lnTo>
                    <a:pt x="711" y="381"/>
                  </a:lnTo>
                  <a:lnTo>
                    <a:pt x="711" y="301"/>
                  </a:lnTo>
                  <a:lnTo>
                    <a:pt x="718" y="280"/>
                  </a:lnTo>
                  <a:lnTo>
                    <a:pt x="723" y="272"/>
                  </a:lnTo>
                  <a:lnTo>
                    <a:pt x="730" y="264"/>
                  </a:lnTo>
                  <a:lnTo>
                    <a:pt x="746" y="253"/>
                  </a:lnTo>
                  <a:lnTo>
                    <a:pt x="765" y="248"/>
                  </a:lnTo>
                  <a:lnTo>
                    <a:pt x="765" y="214"/>
                  </a:lnTo>
                  <a:lnTo>
                    <a:pt x="775" y="214"/>
                  </a:lnTo>
                  <a:lnTo>
                    <a:pt x="775" y="248"/>
                  </a:lnTo>
                  <a:lnTo>
                    <a:pt x="784" y="249"/>
                  </a:lnTo>
                  <a:lnTo>
                    <a:pt x="794" y="253"/>
                  </a:lnTo>
                  <a:lnTo>
                    <a:pt x="810" y="264"/>
                  </a:lnTo>
                  <a:lnTo>
                    <a:pt x="821" y="280"/>
                  </a:lnTo>
                  <a:lnTo>
                    <a:pt x="825" y="290"/>
                  </a:lnTo>
                  <a:lnTo>
                    <a:pt x="827" y="301"/>
                  </a:lnTo>
                  <a:lnTo>
                    <a:pt x="829" y="301"/>
                  </a:lnTo>
                  <a:lnTo>
                    <a:pt x="829" y="502"/>
                  </a:lnTo>
                  <a:lnTo>
                    <a:pt x="938" y="502"/>
                  </a:lnTo>
                  <a:lnTo>
                    <a:pt x="938" y="533"/>
                  </a:lnTo>
                  <a:lnTo>
                    <a:pt x="1001" y="533"/>
                  </a:lnTo>
                  <a:lnTo>
                    <a:pt x="1001" y="566"/>
                  </a:lnTo>
                  <a:lnTo>
                    <a:pt x="1072" y="566"/>
                  </a:lnTo>
                  <a:lnTo>
                    <a:pt x="1072" y="589"/>
                  </a:lnTo>
                  <a:lnTo>
                    <a:pt x="1134" y="589"/>
                  </a:lnTo>
                  <a:lnTo>
                    <a:pt x="1134" y="618"/>
                  </a:lnTo>
                  <a:lnTo>
                    <a:pt x="1202" y="618"/>
                  </a:lnTo>
                  <a:lnTo>
                    <a:pt x="1202" y="589"/>
                  </a:lnTo>
                  <a:lnTo>
                    <a:pt x="1263" y="589"/>
                  </a:lnTo>
                  <a:lnTo>
                    <a:pt x="1263" y="514"/>
                  </a:lnTo>
                  <a:lnTo>
                    <a:pt x="1293" y="480"/>
                  </a:lnTo>
                  <a:lnTo>
                    <a:pt x="1323" y="514"/>
                  </a:lnTo>
                  <a:lnTo>
                    <a:pt x="1352" y="480"/>
                  </a:lnTo>
                  <a:lnTo>
                    <a:pt x="1382" y="514"/>
                  </a:lnTo>
                  <a:lnTo>
                    <a:pt x="1412" y="480"/>
                  </a:lnTo>
                  <a:lnTo>
                    <a:pt x="1441" y="514"/>
                  </a:lnTo>
                  <a:lnTo>
                    <a:pt x="1441" y="589"/>
                  </a:lnTo>
                  <a:lnTo>
                    <a:pt x="1441" y="639"/>
                  </a:lnTo>
                  <a:lnTo>
                    <a:pt x="1476" y="639"/>
                  </a:lnTo>
                  <a:lnTo>
                    <a:pt x="1476" y="569"/>
                  </a:lnTo>
                  <a:lnTo>
                    <a:pt x="1490" y="569"/>
                  </a:lnTo>
                  <a:lnTo>
                    <a:pt x="1549" y="495"/>
                  </a:lnTo>
                  <a:lnTo>
                    <a:pt x="1609" y="569"/>
                  </a:lnTo>
                  <a:lnTo>
                    <a:pt x="1624" y="569"/>
                  </a:lnTo>
                  <a:lnTo>
                    <a:pt x="1624" y="639"/>
                  </a:lnTo>
                  <a:lnTo>
                    <a:pt x="1642" y="639"/>
                  </a:lnTo>
                  <a:lnTo>
                    <a:pt x="1642" y="616"/>
                  </a:lnTo>
                  <a:lnTo>
                    <a:pt x="1710" y="616"/>
                  </a:lnTo>
                  <a:lnTo>
                    <a:pt x="1710" y="547"/>
                  </a:lnTo>
                  <a:lnTo>
                    <a:pt x="1726" y="547"/>
                  </a:lnTo>
                  <a:lnTo>
                    <a:pt x="1726" y="520"/>
                  </a:lnTo>
                  <a:lnTo>
                    <a:pt x="1756" y="520"/>
                  </a:lnTo>
                  <a:lnTo>
                    <a:pt x="1756" y="547"/>
                  </a:lnTo>
                  <a:lnTo>
                    <a:pt x="1767" y="547"/>
                  </a:lnTo>
                  <a:lnTo>
                    <a:pt x="1767" y="452"/>
                  </a:lnTo>
                  <a:lnTo>
                    <a:pt x="1869" y="421"/>
                  </a:lnTo>
                  <a:lnTo>
                    <a:pt x="1869" y="418"/>
                  </a:lnTo>
                  <a:lnTo>
                    <a:pt x="1858" y="418"/>
                  </a:lnTo>
                  <a:lnTo>
                    <a:pt x="1858" y="410"/>
                  </a:lnTo>
                  <a:lnTo>
                    <a:pt x="1869" y="410"/>
                  </a:lnTo>
                  <a:lnTo>
                    <a:pt x="1869" y="400"/>
                  </a:lnTo>
                  <a:lnTo>
                    <a:pt x="1858" y="400"/>
                  </a:lnTo>
                  <a:lnTo>
                    <a:pt x="1858" y="391"/>
                  </a:lnTo>
                  <a:lnTo>
                    <a:pt x="1869" y="391"/>
                  </a:lnTo>
                  <a:lnTo>
                    <a:pt x="1869" y="381"/>
                  </a:lnTo>
                  <a:lnTo>
                    <a:pt x="1858" y="381"/>
                  </a:lnTo>
                  <a:lnTo>
                    <a:pt x="1858" y="373"/>
                  </a:lnTo>
                  <a:lnTo>
                    <a:pt x="1869" y="373"/>
                  </a:lnTo>
                  <a:lnTo>
                    <a:pt x="1869" y="364"/>
                  </a:lnTo>
                  <a:lnTo>
                    <a:pt x="1858" y="364"/>
                  </a:lnTo>
                  <a:lnTo>
                    <a:pt x="1858" y="354"/>
                  </a:lnTo>
                  <a:lnTo>
                    <a:pt x="1869" y="354"/>
                  </a:lnTo>
                  <a:lnTo>
                    <a:pt x="1869" y="345"/>
                  </a:lnTo>
                  <a:lnTo>
                    <a:pt x="1858" y="345"/>
                  </a:lnTo>
                  <a:lnTo>
                    <a:pt x="1858" y="337"/>
                  </a:lnTo>
                  <a:lnTo>
                    <a:pt x="1869" y="337"/>
                  </a:lnTo>
                  <a:lnTo>
                    <a:pt x="1869" y="328"/>
                  </a:lnTo>
                  <a:lnTo>
                    <a:pt x="1858" y="328"/>
                  </a:lnTo>
                  <a:lnTo>
                    <a:pt x="1858" y="318"/>
                  </a:lnTo>
                  <a:lnTo>
                    <a:pt x="1869" y="318"/>
                  </a:lnTo>
                  <a:lnTo>
                    <a:pt x="1869" y="309"/>
                  </a:lnTo>
                  <a:lnTo>
                    <a:pt x="1858" y="309"/>
                  </a:lnTo>
                  <a:lnTo>
                    <a:pt x="1858" y="301"/>
                  </a:lnTo>
                  <a:lnTo>
                    <a:pt x="1869" y="301"/>
                  </a:lnTo>
                  <a:lnTo>
                    <a:pt x="1869" y="291"/>
                  </a:lnTo>
                  <a:lnTo>
                    <a:pt x="1858" y="291"/>
                  </a:lnTo>
                  <a:lnTo>
                    <a:pt x="1858" y="282"/>
                  </a:lnTo>
                  <a:lnTo>
                    <a:pt x="1869" y="282"/>
                  </a:lnTo>
                  <a:lnTo>
                    <a:pt x="1869" y="272"/>
                  </a:lnTo>
                  <a:lnTo>
                    <a:pt x="1950" y="249"/>
                  </a:lnTo>
                  <a:lnTo>
                    <a:pt x="2070" y="314"/>
                  </a:lnTo>
                  <a:lnTo>
                    <a:pt x="2070" y="524"/>
                  </a:lnTo>
                  <a:lnTo>
                    <a:pt x="2104" y="539"/>
                  </a:lnTo>
                  <a:lnTo>
                    <a:pt x="2135" y="531"/>
                  </a:lnTo>
                  <a:lnTo>
                    <a:pt x="2135" y="524"/>
                  </a:lnTo>
                  <a:lnTo>
                    <a:pt x="2117" y="524"/>
                  </a:lnTo>
                  <a:lnTo>
                    <a:pt x="2117" y="514"/>
                  </a:lnTo>
                  <a:lnTo>
                    <a:pt x="2135" y="504"/>
                  </a:lnTo>
                  <a:lnTo>
                    <a:pt x="2135" y="497"/>
                  </a:lnTo>
                  <a:lnTo>
                    <a:pt x="2117" y="497"/>
                  </a:lnTo>
                  <a:lnTo>
                    <a:pt x="2117" y="487"/>
                  </a:lnTo>
                  <a:lnTo>
                    <a:pt x="2135" y="477"/>
                  </a:lnTo>
                  <a:lnTo>
                    <a:pt x="2135" y="470"/>
                  </a:lnTo>
                  <a:lnTo>
                    <a:pt x="2117" y="470"/>
                  </a:lnTo>
                  <a:lnTo>
                    <a:pt x="2117" y="460"/>
                  </a:lnTo>
                  <a:lnTo>
                    <a:pt x="2135" y="450"/>
                  </a:lnTo>
                  <a:lnTo>
                    <a:pt x="2135" y="445"/>
                  </a:lnTo>
                  <a:lnTo>
                    <a:pt x="2117" y="445"/>
                  </a:lnTo>
                  <a:lnTo>
                    <a:pt x="2117" y="433"/>
                  </a:lnTo>
                  <a:lnTo>
                    <a:pt x="2135" y="423"/>
                  </a:lnTo>
                  <a:lnTo>
                    <a:pt x="2135" y="418"/>
                  </a:lnTo>
                  <a:lnTo>
                    <a:pt x="2117" y="418"/>
                  </a:lnTo>
                  <a:lnTo>
                    <a:pt x="2117" y="407"/>
                  </a:lnTo>
                  <a:lnTo>
                    <a:pt x="2135" y="398"/>
                  </a:lnTo>
                  <a:lnTo>
                    <a:pt x="2135" y="391"/>
                  </a:lnTo>
                  <a:lnTo>
                    <a:pt x="2117" y="391"/>
                  </a:lnTo>
                  <a:lnTo>
                    <a:pt x="2117" y="380"/>
                  </a:lnTo>
                  <a:lnTo>
                    <a:pt x="2135" y="371"/>
                  </a:lnTo>
                  <a:lnTo>
                    <a:pt x="2135" y="365"/>
                  </a:lnTo>
                  <a:lnTo>
                    <a:pt x="2117" y="365"/>
                  </a:lnTo>
                  <a:lnTo>
                    <a:pt x="2117" y="353"/>
                  </a:lnTo>
                  <a:lnTo>
                    <a:pt x="2135" y="344"/>
                  </a:lnTo>
                  <a:lnTo>
                    <a:pt x="2135" y="338"/>
                  </a:lnTo>
                  <a:lnTo>
                    <a:pt x="2117" y="338"/>
                  </a:lnTo>
                  <a:lnTo>
                    <a:pt x="2117" y="328"/>
                  </a:lnTo>
                  <a:lnTo>
                    <a:pt x="2135" y="317"/>
                  </a:lnTo>
                  <a:lnTo>
                    <a:pt x="2135" y="311"/>
                  </a:lnTo>
                  <a:lnTo>
                    <a:pt x="2117" y="311"/>
                  </a:lnTo>
                  <a:lnTo>
                    <a:pt x="2117" y="301"/>
                  </a:lnTo>
                  <a:lnTo>
                    <a:pt x="2135" y="291"/>
                  </a:lnTo>
                  <a:lnTo>
                    <a:pt x="2135" y="284"/>
                  </a:lnTo>
                  <a:lnTo>
                    <a:pt x="2117" y="284"/>
                  </a:lnTo>
                  <a:lnTo>
                    <a:pt x="2117" y="274"/>
                  </a:lnTo>
                  <a:lnTo>
                    <a:pt x="2135" y="264"/>
                  </a:lnTo>
                  <a:lnTo>
                    <a:pt x="2135" y="259"/>
                  </a:lnTo>
                  <a:lnTo>
                    <a:pt x="2117" y="259"/>
                  </a:lnTo>
                  <a:lnTo>
                    <a:pt x="2117" y="247"/>
                  </a:lnTo>
                  <a:lnTo>
                    <a:pt x="2135" y="237"/>
                  </a:lnTo>
                  <a:lnTo>
                    <a:pt x="2135" y="232"/>
                  </a:lnTo>
                  <a:lnTo>
                    <a:pt x="2117" y="232"/>
                  </a:lnTo>
                  <a:lnTo>
                    <a:pt x="2117" y="221"/>
                  </a:lnTo>
                  <a:lnTo>
                    <a:pt x="2135" y="211"/>
                  </a:lnTo>
                  <a:lnTo>
                    <a:pt x="2135" y="205"/>
                  </a:lnTo>
                  <a:lnTo>
                    <a:pt x="2117" y="205"/>
                  </a:lnTo>
                  <a:lnTo>
                    <a:pt x="2117" y="194"/>
                  </a:lnTo>
                  <a:lnTo>
                    <a:pt x="2135" y="185"/>
                  </a:lnTo>
                  <a:lnTo>
                    <a:pt x="2135" y="164"/>
                  </a:lnTo>
                  <a:lnTo>
                    <a:pt x="2207" y="116"/>
                  </a:lnTo>
                  <a:lnTo>
                    <a:pt x="2270" y="163"/>
                  </a:lnTo>
                  <a:lnTo>
                    <a:pt x="2270" y="190"/>
                  </a:lnTo>
                  <a:lnTo>
                    <a:pt x="2278" y="194"/>
                  </a:lnTo>
                  <a:lnTo>
                    <a:pt x="2278" y="205"/>
                  </a:lnTo>
                  <a:lnTo>
                    <a:pt x="2270" y="205"/>
                  </a:lnTo>
                  <a:lnTo>
                    <a:pt x="2270" y="216"/>
                  </a:lnTo>
                  <a:lnTo>
                    <a:pt x="2278" y="221"/>
                  </a:lnTo>
                  <a:lnTo>
                    <a:pt x="2278" y="232"/>
                  </a:lnTo>
                  <a:lnTo>
                    <a:pt x="2270" y="232"/>
                  </a:lnTo>
                  <a:lnTo>
                    <a:pt x="2270" y="243"/>
                  </a:lnTo>
                  <a:lnTo>
                    <a:pt x="2278" y="247"/>
                  </a:lnTo>
                  <a:lnTo>
                    <a:pt x="2278" y="259"/>
                  </a:lnTo>
                  <a:lnTo>
                    <a:pt x="2270" y="259"/>
                  </a:lnTo>
                  <a:lnTo>
                    <a:pt x="2270" y="550"/>
                  </a:lnTo>
                  <a:lnTo>
                    <a:pt x="2288" y="550"/>
                  </a:lnTo>
                  <a:lnTo>
                    <a:pt x="2288" y="423"/>
                  </a:lnTo>
                  <a:lnTo>
                    <a:pt x="2308" y="415"/>
                  </a:lnTo>
                  <a:lnTo>
                    <a:pt x="2308" y="392"/>
                  </a:lnTo>
                  <a:lnTo>
                    <a:pt x="2366" y="392"/>
                  </a:lnTo>
                  <a:lnTo>
                    <a:pt x="2404" y="377"/>
                  </a:lnTo>
                  <a:lnTo>
                    <a:pt x="2499" y="425"/>
                  </a:lnTo>
                  <a:lnTo>
                    <a:pt x="2499" y="280"/>
                  </a:lnTo>
                  <a:lnTo>
                    <a:pt x="2556" y="255"/>
                  </a:lnTo>
                  <a:lnTo>
                    <a:pt x="2648" y="274"/>
                  </a:lnTo>
                  <a:lnTo>
                    <a:pt x="2648" y="350"/>
                  </a:lnTo>
                  <a:lnTo>
                    <a:pt x="2661" y="350"/>
                  </a:lnTo>
                  <a:lnTo>
                    <a:pt x="2661" y="369"/>
                  </a:lnTo>
                  <a:lnTo>
                    <a:pt x="2648" y="369"/>
                  </a:lnTo>
                  <a:lnTo>
                    <a:pt x="2648" y="390"/>
                  </a:lnTo>
                  <a:lnTo>
                    <a:pt x="2661" y="390"/>
                  </a:lnTo>
                  <a:lnTo>
                    <a:pt x="2661" y="408"/>
                  </a:lnTo>
                  <a:lnTo>
                    <a:pt x="2648" y="408"/>
                  </a:lnTo>
                  <a:lnTo>
                    <a:pt x="2648" y="429"/>
                  </a:lnTo>
                  <a:lnTo>
                    <a:pt x="2661" y="429"/>
                  </a:lnTo>
                  <a:lnTo>
                    <a:pt x="2661" y="446"/>
                  </a:lnTo>
                  <a:lnTo>
                    <a:pt x="2648" y="446"/>
                  </a:lnTo>
                  <a:lnTo>
                    <a:pt x="2648" y="468"/>
                  </a:lnTo>
                  <a:lnTo>
                    <a:pt x="2661" y="468"/>
                  </a:lnTo>
                  <a:lnTo>
                    <a:pt x="2661" y="485"/>
                  </a:lnTo>
                  <a:lnTo>
                    <a:pt x="2648" y="485"/>
                  </a:lnTo>
                  <a:lnTo>
                    <a:pt x="2648" y="507"/>
                  </a:lnTo>
                  <a:lnTo>
                    <a:pt x="2661" y="507"/>
                  </a:lnTo>
                  <a:lnTo>
                    <a:pt x="2661" y="524"/>
                  </a:lnTo>
                  <a:lnTo>
                    <a:pt x="2648" y="524"/>
                  </a:lnTo>
                  <a:lnTo>
                    <a:pt x="2648" y="546"/>
                  </a:lnTo>
                  <a:lnTo>
                    <a:pt x="2661" y="546"/>
                  </a:lnTo>
                  <a:lnTo>
                    <a:pt x="2661" y="564"/>
                  </a:lnTo>
                  <a:lnTo>
                    <a:pt x="2648" y="564"/>
                  </a:lnTo>
                  <a:lnTo>
                    <a:pt x="2648" y="585"/>
                  </a:lnTo>
                  <a:lnTo>
                    <a:pt x="2661" y="585"/>
                  </a:lnTo>
                  <a:lnTo>
                    <a:pt x="2661" y="603"/>
                  </a:lnTo>
                  <a:lnTo>
                    <a:pt x="2648" y="603"/>
                  </a:lnTo>
                  <a:lnTo>
                    <a:pt x="2648" y="615"/>
                  </a:lnTo>
                  <a:lnTo>
                    <a:pt x="2705" y="615"/>
                  </a:lnTo>
                  <a:lnTo>
                    <a:pt x="2705" y="596"/>
                  </a:lnTo>
                  <a:lnTo>
                    <a:pt x="2729" y="596"/>
                  </a:lnTo>
                  <a:lnTo>
                    <a:pt x="2729" y="554"/>
                  </a:lnTo>
                  <a:lnTo>
                    <a:pt x="2790" y="554"/>
                  </a:lnTo>
                  <a:lnTo>
                    <a:pt x="2790" y="587"/>
                  </a:lnTo>
                  <a:lnTo>
                    <a:pt x="2888" y="585"/>
                  </a:lnTo>
                  <a:lnTo>
                    <a:pt x="2888" y="535"/>
                  </a:lnTo>
                  <a:lnTo>
                    <a:pt x="2953" y="535"/>
                  </a:lnTo>
                  <a:lnTo>
                    <a:pt x="2950" y="386"/>
                  </a:lnTo>
                  <a:lnTo>
                    <a:pt x="3081" y="384"/>
                  </a:lnTo>
                  <a:lnTo>
                    <a:pt x="3085" y="628"/>
                  </a:lnTo>
                  <a:lnTo>
                    <a:pt x="3188" y="627"/>
                  </a:lnTo>
                  <a:lnTo>
                    <a:pt x="3186" y="549"/>
                  </a:lnTo>
                  <a:lnTo>
                    <a:pt x="3267" y="547"/>
                  </a:lnTo>
                  <a:lnTo>
                    <a:pt x="3266" y="445"/>
                  </a:lnTo>
                  <a:lnTo>
                    <a:pt x="3437" y="442"/>
                  </a:lnTo>
                  <a:lnTo>
                    <a:pt x="3436" y="379"/>
                  </a:lnTo>
                  <a:lnTo>
                    <a:pt x="3452" y="379"/>
                  </a:lnTo>
                  <a:lnTo>
                    <a:pt x="3451" y="247"/>
                  </a:lnTo>
                  <a:lnTo>
                    <a:pt x="3466" y="247"/>
                  </a:lnTo>
                  <a:lnTo>
                    <a:pt x="3466" y="226"/>
                  </a:lnTo>
                  <a:lnTo>
                    <a:pt x="3475" y="226"/>
                  </a:lnTo>
                  <a:lnTo>
                    <a:pt x="3475" y="218"/>
                  </a:lnTo>
                  <a:lnTo>
                    <a:pt x="3497" y="218"/>
                  </a:lnTo>
                  <a:lnTo>
                    <a:pt x="3497" y="179"/>
                  </a:lnTo>
                  <a:lnTo>
                    <a:pt x="3504" y="179"/>
                  </a:lnTo>
                  <a:lnTo>
                    <a:pt x="3504" y="218"/>
                  </a:lnTo>
                  <a:lnTo>
                    <a:pt x="3526" y="217"/>
                  </a:lnTo>
                  <a:lnTo>
                    <a:pt x="3526" y="225"/>
                  </a:lnTo>
                  <a:lnTo>
                    <a:pt x="3536" y="225"/>
                  </a:lnTo>
                  <a:lnTo>
                    <a:pt x="3536" y="245"/>
                  </a:lnTo>
                  <a:lnTo>
                    <a:pt x="3551" y="245"/>
                  </a:lnTo>
                  <a:lnTo>
                    <a:pt x="3552" y="377"/>
                  </a:lnTo>
                  <a:lnTo>
                    <a:pt x="3567" y="377"/>
                  </a:lnTo>
                  <a:lnTo>
                    <a:pt x="3570" y="527"/>
                  </a:lnTo>
                  <a:lnTo>
                    <a:pt x="3622" y="526"/>
                  </a:lnTo>
                  <a:lnTo>
                    <a:pt x="3621" y="503"/>
                  </a:lnTo>
                  <a:lnTo>
                    <a:pt x="3636" y="503"/>
                  </a:lnTo>
                  <a:lnTo>
                    <a:pt x="3636" y="483"/>
                  </a:lnTo>
                  <a:lnTo>
                    <a:pt x="3645" y="483"/>
                  </a:lnTo>
                  <a:lnTo>
                    <a:pt x="3645" y="475"/>
                  </a:lnTo>
                  <a:lnTo>
                    <a:pt x="3668" y="475"/>
                  </a:lnTo>
                  <a:lnTo>
                    <a:pt x="3667" y="437"/>
                  </a:lnTo>
                  <a:lnTo>
                    <a:pt x="3674" y="435"/>
                  </a:lnTo>
                  <a:lnTo>
                    <a:pt x="3674" y="475"/>
                  </a:lnTo>
                  <a:lnTo>
                    <a:pt x="3696" y="475"/>
                  </a:lnTo>
                  <a:lnTo>
                    <a:pt x="3696" y="483"/>
                  </a:lnTo>
                  <a:lnTo>
                    <a:pt x="3706" y="483"/>
                  </a:lnTo>
                  <a:lnTo>
                    <a:pt x="3707" y="503"/>
                  </a:lnTo>
                  <a:lnTo>
                    <a:pt x="3721" y="502"/>
                  </a:lnTo>
                  <a:lnTo>
                    <a:pt x="3722" y="601"/>
                  </a:lnTo>
                  <a:lnTo>
                    <a:pt x="3779" y="537"/>
                  </a:lnTo>
                  <a:lnTo>
                    <a:pt x="3834" y="601"/>
                  </a:lnTo>
                  <a:lnTo>
                    <a:pt x="3891" y="537"/>
                  </a:lnTo>
                  <a:lnTo>
                    <a:pt x="3948" y="601"/>
                  </a:lnTo>
                  <a:lnTo>
                    <a:pt x="4003" y="537"/>
                  </a:lnTo>
                  <a:lnTo>
                    <a:pt x="4060" y="601"/>
                  </a:lnTo>
                  <a:lnTo>
                    <a:pt x="4060" y="626"/>
                  </a:lnTo>
                  <a:lnTo>
                    <a:pt x="4091" y="619"/>
                  </a:lnTo>
                  <a:lnTo>
                    <a:pt x="4091" y="551"/>
                  </a:lnTo>
                  <a:lnTo>
                    <a:pt x="4081" y="549"/>
                  </a:lnTo>
                  <a:lnTo>
                    <a:pt x="4074" y="543"/>
                  </a:lnTo>
                  <a:lnTo>
                    <a:pt x="4069" y="534"/>
                  </a:lnTo>
                  <a:lnTo>
                    <a:pt x="4068" y="524"/>
                  </a:lnTo>
                  <a:lnTo>
                    <a:pt x="4068" y="522"/>
                  </a:lnTo>
                  <a:lnTo>
                    <a:pt x="4070" y="511"/>
                  </a:lnTo>
                  <a:lnTo>
                    <a:pt x="4076" y="503"/>
                  </a:lnTo>
                  <a:lnTo>
                    <a:pt x="4082" y="496"/>
                  </a:lnTo>
                  <a:lnTo>
                    <a:pt x="4092" y="495"/>
                  </a:lnTo>
                  <a:lnTo>
                    <a:pt x="4101" y="496"/>
                  </a:lnTo>
                  <a:lnTo>
                    <a:pt x="4108" y="502"/>
                  </a:lnTo>
                  <a:lnTo>
                    <a:pt x="4112" y="492"/>
                  </a:lnTo>
                  <a:lnTo>
                    <a:pt x="4116" y="484"/>
                  </a:lnTo>
                  <a:lnTo>
                    <a:pt x="4122" y="477"/>
                  </a:lnTo>
                  <a:lnTo>
                    <a:pt x="4128" y="472"/>
                  </a:lnTo>
                  <a:lnTo>
                    <a:pt x="4135" y="466"/>
                  </a:lnTo>
                  <a:lnTo>
                    <a:pt x="4143" y="462"/>
                  </a:lnTo>
                  <a:lnTo>
                    <a:pt x="4151" y="460"/>
                  </a:lnTo>
                  <a:lnTo>
                    <a:pt x="4161" y="460"/>
                  </a:lnTo>
                  <a:lnTo>
                    <a:pt x="4173" y="461"/>
                  </a:lnTo>
                  <a:lnTo>
                    <a:pt x="4184" y="465"/>
                  </a:lnTo>
                  <a:lnTo>
                    <a:pt x="4201" y="480"/>
                  </a:lnTo>
                  <a:lnTo>
                    <a:pt x="4201" y="419"/>
                  </a:lnTo>
                  <a:lnTo>
                    <a:pt x="4193" y="417"/>
                  </a:lnTo>
                  <a:lnTo>
                    <a:pt x="4185" y="411"/>
                  </a:lnTo>
                  <a:lnTo>
                    <a:pt x="4181" y="403"/>
                  </a:lnTo>
                  <a:lnTo>
                    <a:pt x="4178" y="392"/>
                  </a:lnTo>
                  <a:lnTo>
                    <a:pt x="4178" y="391"/>
                  </a:lnTo>
                  <a:lnTo>
                    <a:pt x="4181" y="380"/>
                  </a:lnTo>
                  <a:lnTo>
                    <a:pt x="4186" y="371"/>
                  </a:lnTo>
                  <a:lnTo>
                    <a:pt x="4194" y="365"/>
                  </a:lnTo>
                  <a:lnTo>
                    <a:pt x="4204" y="363"/>
                  </a:lnTo>
                  <a:lnTo>
                    <a:pt x="4212" y="365"/>
                  </a:lnTo>
                  <a:lnTo>
                    <a:pt x="4220" y="371"/>
                  </a:lnTo>
                  <a:lnTo>
                    <a:pt x="4223" y="361"/>
                  </a:lnTo>
                  <a:lnTo>
                    <a:pt x="4228" y="353"/>
                  </a:lnTo>
                  <a:lnTo>
                    <a:pt x="4234" y="346"/>
                  </a:lnTo>
                  <a:lnTo>
                    <a:pt x="4239" y="340"/>
                  </a:lnTo>
                  <a:lnTo>
                    <a:pt x="4247" y="334"/>
                  </a:lnTo>
                  <a:lnTo>
                    <a:pt x="4254" y="332"/>
                  </a:lnTo>
                  <a:lnTo>
                    <a:pt x="4263" y="329"/>
                  </a:lnTo>
                  <a:lnTo>
                    <a:pt x="4271" y="328"/>
                  </a:lnTo>
                  <a:lnTo>
                    <a:pt x="4289" y="332"/>
                  </a:lnTo>
                  <a:lnTo>
                    <a:pt x="4302" y="340"/>
                  </a:lnTo>
                  <a:lnTo>
                    <a:pt x="4315" y="352"/>
                  </a:lnTo>
                  <a:lnTo>
                    <a:pt x="4323" y="369"/>
                  </a:lnTo>
                  <a:lnTo>
                    <a:pt x="4329" y="360"/>
                  </a:lnTo>
                  <a:lnTo>
                    <a:pt x="4336" y="353"/>
                  </a:lnTo>
                  <a:lnTo>
                    <a:pt x="4346" y="349"/>
                  </a:lnTo>
                  <a:lnTo>
                    <a:pt x="4355" y="348"/>
                  </a:lnTo>
                  <a:lnTo>
                    <a:pt x="4367" y="349"/>
                  </a:lnTo>
                  <a:lnTo>
                    <a:pt x="4377" y="354"/>
                  </a:lnTo>
                  <a:lnTo>
                    <a:pt x="4385" y="363"/>
                  </a:lnTo>
                  <a:lnTo>
                    <a:pt x="4390" y="372"/>
                  </a:lnTo>
                  <a:lnTo>
                    <a:pt x="4390" y="352"/>
                  </a:lnTo>
                  <a:lnTo>
                    <a:pt x="4382" y="349"/>
                  </a:lnTo>
                  <a:lnTo>
                    <a:pt x="4374" y="342"/>
                  </a:lnTo>
                  <a:lnTo>
                    <a:pt x="4369" y="334"/>
                  </a:lnTo>
                  <a:lnTo>
                    <a:pt x="4367" y="325"/>
                  </a:lnTo>
                  <a:lnTo>
                    <a:pt x="4367" y="322"/>
                  </a:lnTo>
                  <a:lnTo>
                    <a:pt x="4370" y="311"/>
                  </a:lnTo>
                  <a:lnTo>
                    <a:pt x="4375" y="303"/>
                  </a:lnTo>
                  <a:lnTo>
                    <a:pt x="4382" y="296"/>
                  </a:lnTo>
                  <a:lnTo>
                    <a:pt x="4392" y="295"/>
                  </a:lnTo>
                  <a:lnTo>
                    <a:pt x="4401" y="296"/>
                  </a:lnTo>
                  <a:lnTo>
                    <a:pt x="4409" y="302"/>
                  </a:lnTo>
                  <a:lnTo>
                    <a:pt x="4412" y="292"/>
                  </a:lnTo>
                  <a:lnTo>
                    <a:pt x="4416" y="284"/>
                  </a:lnTo>
                  <a:lnTo>
                    <a:pt x="4423" y="278"/>
                  </a:lnTo>
                  <a:lnTo>
                    <a:pt x="4428" y="271"/>
                  </a:lnTo>
                  <a:lnTo>
                    <a:pt x="4436" y="267"/>
                  </a:lnTo>
                  <a:lnTo>
                    <a:pt x="4443" y="263"/>
                  </a:lnTo>
                  <a:lnTo>
                    <a:pt x="4452" y="260"/>
                  </a:lnTo>
                  <a:lnTo>
                    <a:pt x="4460" y="260"/>
                  </a:lnTo>
                  <a:lnTo>
                    <a:pt x="4478" y="263"/>
                  </a:lnTo>
                  <a:lnTo>
                    <a:pt x="4491" y="271"/>
                  </a:lnTo>
                  <a:lnTo>
                    <a:pt x="4504" y="284"/>
                  </a:lnTo>
                  <a:lnTo>
                    <a:pt x="4512" y="301"/>
                  </a:lnTo>
                  <a:lnTo>
                    <a:pt x="4518" y="291"/>
                  </a:lnTo>
                  <a:lnTo>
                    <a:pt x="4525" y="284"/>
                  </a:lnTo>
                  <a:lnTo>
                    <a:pt x="4535" y="280"/>
                  </a:lnTo>
                  <a:lnTo>
                    <a:pt x="4544" y="279"/>
                  </a:lnTo>
                  <a:lnTo>
                    <a:pt x="4559" y="283"/>
                  </a:lnTo>
                  <a:lnTo>
                    <a:pt x="4571" y="291"/>
                  </a:lnTo>
                  <a:lnTo>
                    <a:pt x="4576" y="298"/>
                  </a:lnTo>
                  <a:lnTo>
                    <a:pt x="4579" y="306"/>
                  </a:lnTo>
                  <a:lnTo>
                    <a:pt x="4583" y="322"/>
                  </a:lnTo>
                  <a:lnTo>
                    <a:pt x="4583" y="325"/>
                  </a:lnTo>
                  <a:lnTo>
                    <a:pt x="4579" y="341"/>
                  </a:lnTo>
                  <a:lnTo>
                    <a:pt x="4576" y="349"/>
                  </a:lnTo>
                  <a:lnTo>
                    <a:pt x="4571" y="354"/>
                  </a:lnTo>
                  <a:lnTo>
                    <a:pt x="4559" y="364"/>
                  </a:lnTo>
                  <a:lnTo>
                    <a:pt x="4552" y="367"/>
                  </a:lnTo>
                  <a:lnTo>
                    <a:pt x="4544" y="368"/>
                  </a:lnTo>
                  <a:lnTo>
                    <a:pt x="4529" y="364"/>
                  </a:lnTo>
                  <a:lnTo>
                    <a:pt x="4529" y="435"/>
                  </a:lnTo>
                  <a:lnTo>
                    <a:pt x="4543" y="421"/>
                  </a:lnTo>
                  <a:lnTo>
                    <a:pt x="4552" y="417"/>
                  </a:lnTo>
                  <a:lnTo>
                    <a:pt x="4562" y="415"/>
                  </a:lnTo>
                  <a:lnTo>
                    <a:pt x="4576" y="419"/>
                  </a:lnTo>
                  <a:lnTo>
                    <a:pt x="4589" y="429"/>
                  </a:lnTo>
                  <a:lnTo>
                    <a:pt x="4593" y="434"/>
                  </a:lnTo>
                  <a:lnTo>
                    <a:pt x="4597" y="442"/>
                  </a:lnTo>
                  <a:lnTo>
                    <a:pt x="4599" y="458"/>
                  </a:lnTo>
                  <a:lnTo>
                    <a:pt x="4599" y="461"/>
                  </a:lnTo>
                  <a:lnTo>
                    <a:pt x="4597" y="477"/>
                  </a:lnTo>
                  <a:lnTo>
                    <a:pt x="4593" y="485"/>
                  </a:lnTo>
                  <a:lnTo>
                    <a:pt x="4589" y="492"/>
                  </a:lnTo>
                  <a:lnTo>
                    <a:pt x="4576" y="500"/>
                  </a:lnTo>
                  <a:lnTo>
                    <a:pt x="4570" y="503"/>
                  </a:lnTo>
                  <a:lnTo>
                    <a:pt x="4562" y="504"/>
                  </a:lnTo>
                  <a:lnTo>
                    <a:pt x="4552" y="503"/>
                  </a:lnTo>
                  <a:lnTo>
                    <a:pt x="4543" y="499"/>
                  </a:lnTo>
                  <a:lnTo>
                    <a:pt x="4535" y="492"/>
                  </a:lnTo>
                  <a:lnTo>
                    <a:pt x="4529" y="483"/>
                  </a:lnTo>
                  <a:lnTo>
                    <a:pt x="4520" y="500"/>
                  </a:lnTo>
                  <a:lnTo>
                    <a:pt x="4520" y="537"/>
                  </a:lnTo>
                  <a:lnTo>
                    <a:pt x="4521" y="537"/>
                  </a:lnTo>
                  <a:lnTo>
                    <a:pt x="4539" y="541"/>
                  </a:lnTo>
                  <a:lnTo>
                    <a:pt x="4553" y="549"/>
                  </a:lnTo>
                  <a:lnTo>
                    <a:pt x="4566" y="561"/>
                  </a:lnTo>
                  <a:lnTo>
                    <a:pt x="4574" y="577"/>
                  </a:lnTo>
                  <a:lnTo>
                    <a:pt x="4579" y="569"/>
                  </a:lnTo>
                  <a:lnTo>
                    <a:pt x="4587" y="562"/>
                  </a:lnTo>
                  <a:lnTo>
                    <a:pt x="4595" y="558"/>
                  </a:lnTo>
                  <a:lnTo>
                    <a:pt x="4606" y="557"/>
                  </a:lnTo>
                  <a:lnTo>
                    <a:pt x="4616" y="558"/>
                  </a:lnTo>
                  <a:lnTo>
                    <a:pt x="4625" y="562"/>
                  </a:lnTo>
                  <a:lnTo>
                    <a:pt x="4632" y="568"/>
                  </a:lnTo>
                  <a:lnTo>
                    <a:pt x="4639" y="577"/>
                  </a:lnTo>
                  <a:lnTo>
                    <a:pt x="4647" y="570"/>
                  </a:lnTo>
                  <a:lnTo>
                    <a:pt x="4656" y="565"/>
                  </a:lnTo>
                  <a:lnTo>
                    <a:pt x="4679" y="560"/>
                  </a:lnTo>
                  <a:lnTo>
                    <a:pt x="4698" y="564"/>
                  </a:lnTo>
                  <a:lnTo>
                    <a:pt x="4701" y="560"/>
                  </a:lnTo>
                  <a:lnTo>
                    <a:pt x="4703" y="558"/>
                  </a:lnTo>
                  <a:lnTo>
                    <a:pt x="4706" y="550"/>
                  </a:lnTo>
                  <a:lnTo>
                    <a:pt x="4711" y="543"/>
                  </a:lnTo>
                  <a:lnTo>
                    <a:pt x="4719" y="537"/>
                  </a:lnTo>
                  <a:lnTo>
                    <a:pt x="4718" y="527"/>
                  </a:lnTo>
                  <a:lnTo>
                    <a:pt x="4714" y="526"/>
                  </a:lnTo>
                  <a:lnTo>
                    <a:pt x="4710" y="527"/>
                  </a:lnTo>
                  <a:lnTo>
                    <a:pt x="4702" y="527"/>
                  </a:lnTo>
                  <a:lnTo>
                    <a:pt x="4698" y="523"/>
                  </a:lnTo>
                  <a:lnTo>
                    <a:pt x="4692" y="519"/>
                  </a:lnTo>
                  <a:lnTo>
                    <a:pt x="4692" y="515"/>
                  </a:lnTo>
                  <a:lnTo>
                    <a:pt x="4695" y="514"/>
                  </a:lnTo>
                  <a:lnTo>
                    <a:pt x="4707" y="515"/>
                  </a:lnTo>
                  <a:lnTo>
                    <a:pt x="4730" y="515"/>
                  </a:lnTo>
                  <a:lnTo>
                    <a:pt x="4740" y="516"/>
                  </a:lnTo>
                  <a:lnTo>
                    <a:pt x="4742" y="519"/>
                  </a:lnTo>
                  <a:lnTo>
                    <a:pt x="4740" y="520"/>
                  </a:lnTo>
                  <a:lnTo>
                    <a:pt x="4732" y="520"/>
                  </a:lnTo>
                  <a:lnTo>
                    <a:pt x="4725" y="520"/>
                  </a:lnTo>
                  <a:lnTo>
                    <a:pt x="4719" y="523"/>
                  </a:lnTo>
                  <a:lnTo>
                    <a:pt x="4721" y="524"/>
                  </a:lnTo>
                  <a:lnTo>
                    <a:pt x="4722" y="527"/>
                  </a:lnTo>
                  <a:lnTo>
                    <a:pt x="4725" y="537"/>
                  </a:lnTo>
                  <a:lnTo>
                    <a:pt x="4756" y="537"/>
                  </a:lnTo>
                  <a:lnTo>
                    <a:pt x="4752" y="522"/>
                  </a:lnTo>
                  <a:lnTo>
                    <a:pt x="4751" y="511"/>
                  </a:lnTo>
                  <a:lnTo>
                    <a:pt x="4751" y="507"/>
                  </a:lnTo>
                  <a:lnTo>
                    <a:pt x="4749" y="503"/>
                  </a:lnTo>
                  <a:lnTo>
                    <a:pt x="4738" y="487"/>
                  </a:lnTo>
                  <a:lnTo>
                    <a:pt x="4737" y="477"/>
                  </a:lnTo>
                  <a:lnTo>
                    <a:pt x="4738" y="469"/>
                  </a:lnTo>
                  <a:lnTo>
                    <a:pt x="4744" y="461"/>
                  </a:lnTo>
                  <a:lnTo>
                    <a:pt x="4741" y="460"/>
                  </a:lnTo>
                  <a:lnTo>
                    <a:pt x="4742" y="457"/>
                  </a:lnTo>
                  <a:lnTo>
                    <a:pt x="4756" y="446"/>
                  </a:lnTo>
                  <a:lnTo>
                    <a:pt x="4764" y="442"/>
                  </a:lnTo>
                  <a:lnTo>
                    <a:pt x="4771" y="438"/>
                  </a:lnTo>
                  <a:lnTo>
                    <a:pt x="4776" y="434"/>
                  </a:lnTo>
                  <a:lnTo>
                    <a:pt x="4798" y="423"/>
                  </a:lnTo>
                  <a:lnTo>
                    <a:pt x="4809" y="419"/>
                  </a:lnTo>
                  <a:lnTo>
                    <a:pt x="4815" y="418"/>
                  </a:lnTo>
                  <a:lnTo>
                    <a:pt x="4817" y="418"/>
                  </a:lnTo>
                  <a:lnTo>
                    <a:pt x="4818" y="415"/>
                  </a:lnTo>
                  <a:lnTo>
                    <a:pt x="4821" y="414"/>
                  </a:lnTo>
                  <a:lnTo>
                    <a:pt x="4826" y="402"/>
                  </a:lnTo>
                  <a:lnTo>
                    <a:pt x="4827" y="395"/>
                  </a:lnTo>
                  <a:lnTo>
                    <a:pt x="4831" y="390"/>
                  </a:lnTo>
                  <a:lnTo>
                    <a:pt x="4840" y="388"/>
                  </a:lnTo>
                  <a:lnTo>
                    <a:pt x="4853" y="394"/>
                  </a:lnTo>
                  <a:lnTo>
                    <a:pt x="4860" y="399"/>
                  </a:lnTo>
                  <a:lnTo>
                    <a:pt x="4864" y="403"/>
                  </a:lnTo>
                  <a:lnTo>
                    <a:pt x="4864" y="410"/>
                  </a:lnTo>
                  <a:lnTo>
                    <a:pt x="4861" y="414"/>
                  </a:lnTo>
                  <a:lnTo>
                    <a:pt x="4857" y="415"/>
                  </a:lnTo>
                  <a:lnTo>
                    <a:pt x="4856" y="418"/>
                  </a:lnTo>
                  <a:lnTo>
                    <a:pt x="4852" y="422"/>
                  </a:lnTo>
                  <a:lnTo>
                    <a:pt x="4852" y="426"/>
                  </a:lnTo>
                  <a:lnTo>
                    <a:pt x="4850" y="427"/>
                  </a:lnTo>
                  <a:lnTo>
                    <a:pt x="4849" y="430"/>
                  </a:lnTo>
                  <a:lnTo>
                    <a:pt x="4848" y="434"/>
                  </a:lnTo>
                  <a:lnTo>
                    <a:pt x="4845" y="437"/>
                  </a:lnTo>
                  <a:lnTo>
                    <a:pt x="4844" y="438"/>
                  </a:lnTo>
                  <a:lnTo>
                    <a:pt x="4845" y="439"/>
                  </a:lnTo>
                  <a:lnTo>
                    <a:pt x="4846" y="445"/>
                  </a:lnTo>
                  <a:lnTo>
                    <a:pt x="4845" y="450"/>
                  </a:lnTo>
                  <a:lnTo>
                    <a:pt x="4844" y="453"/>
                  </a:lnTo>
                  <a:lnTo>
                    <a:pt x="4842" y="457"/>
                  </a:lnTo>
                  <a:lnTo>
                    <a:pt x="4842" y="464"/>
                  </a:lnTo>
                  <a:lnTo>
                    <a:pt x="4844" y="475"/>
                  </a:lnTo>
                  <a:lnTo>
                    <a:pt x="4846" y="479"/>
                  </a:lnTo>
                  <a:lnTo>
                    <a:pt x="4848" y="483"/>
                  </a:lnTo>
                  <a:lnTo>
                    <a:pt x="4849" y="487"/>
                  </a:lnTo>
                  <a:lnTo>
                    <a:pt x="4850" y="492"/>
                  </a:lnTo>
                  <a:lnTo>
                    <a:pt x="4852" y="499"/>
                  </a:lnTo>
                  <a:lnTo>
                    <a:pt x="4853" y="503"/>
                  </a:lnTo>
                  <a:lnTo>
                    <a:pt x="4853" y="506"/>
                  </a:lnTo>
                  <a:lnTo>
                    <a:pt x="4854" y="507"/>
                  </a:lnTo>
                  <a:lnTo>
                    <a:pt x="4857" y="510"/>
                  </a:lnTo>
                  <a:lnTo>
                    <a:pt x="4857" y="512"/>
                  </a:lnTo>
                  <a:lnTo>
                    <a:pt x="4857" y="516"/>
                  </a:lnTo>
                  <a:lnTo>
                    <a:pt x="4860" y="516"/>
                  </a:lnTo>
                  <a:lnTo>
                    <a:pt x="4860" y="519"/>
                  </a:lnTo>
                  <a:lnTo>
                    <a:pt x="4863" y="522"/>
                  </a:lnTo>
                  <a:lnTo>
                    <a:pt x="4865" y="522"/>
                  </a:lnTo>
                  <a:lnTo>
                    <a:pt x="4871" y="527"/>
                  </a:lnTo>
                  <a:lnTo>
                    <a:pt x="4873" y="534"/>
                  </a:lnTo>
                  <a:lnTo>
                    <a:pt x="4873" y="539"/>
                  </a:lnTo>
                  <a:lnTo>
                    <a:pt x="4873" y="547"/>
                  </a:lnTo>
                  <a:lnTo>
                    <a:pt x="4873" y="549"/>
                  </a:lnTo>
                  <a:lnTo>
                    <a:pt x="4871" y="545"/>
                  </a:lnTo>
                  <a:lnTo>
                    <a:pt x="4868" y="541"/>
                  </a:lnTo>
                  <a:lnTo>
                    <a:pt x="4871" y="537"/>
                  </a:lnTo>
                  <a:lnTo>
                    <a:pt x="4868" y="538"/>
                  </a:lnTo>
                  <a:lnTo>
                    <a:pt x="4864" y="541"/>
                  </a:lnTo>
                  <a:lnTo>
                    <a:pt x="4861" y="543"/>
                  </a:lnTo>
                  <a:lnTo>
                    <a:pt x="4860" y="546"/>
                  </a:lnTo>
                  <a:lnTo>
                    <a:pt x="4856" y="551"/>
                  </a:lnTo>
                  <a:lnTo>
                    <a:pt x="4848" y="555"/>
                  </a:lnTo>
                  <a:lnTo>
                    <a:pt x="4842" y="555"/>
                  </a:lnTo>
                  <a:lnTo>
                    <a:pt x="4840" y="554"/>
                  </a:lnTo>
                  <a:lnTo>
                    <a:pt x="4841" y="551"/>
                  </a:lnTo>
                  <a:lnTo>
                    <a:pt x="4846" y="550"/>
                  </a:lnTo>
                  <a:lnTo>
                    <a:pt x="4853" y="547"/>
                  </a:lnTo>
                  <a:lnTo>
                    <a:pt x="4857" y="542"/>
                  </a:lnTo>
                  <a:lnTo>
                    <a:pt x="4857" y="538"/>
                  </a:lnTo>
                  <a:lnTo>
                    <a:pt x="4856" y="535"/>
                  </a:lnTo>
                  <a:lnTo>
                    <a:pt x="4849" y="531"/>
                  </a:lnTo>
                  <a:lnTo>
                    <a:pt x="4841" y="529"/>
                  </a:lnTo>
                  <a:lnTo>
                    <a:pt x="4844" y="537"/>
                  </a:lnTo>
                  <a:lnTo>
                    <a:pt x="4844" y="545"/>
                  </a:lnTo>
                  <a:lnTo>
                    <a:pt x="4846" y="547"/>
                  </a:lnTo>
                  <a:lnTo>
                    <a:pt x="4845" y="549"/>
                  </a:lnTo>
                  <a:lnTo>
                    <a:pt x="4842" y="542"/>
                  </a:lnTo>
                  <a:lnTo>
                    <a:pt x="4841" y="538"/>
                  </a:lnTo>
                  <a:lnTo>
                    <a:pt x="4840" y="534"/>
                  </a:lnTo>
                  <a:lnTo>
                    <a:pt x="4841" y="541"/>
                  </a:lnTo>
                  <a:lnTo>
                    <a:pt x="4840" y="543"/>
                  </a:lnTo>
                  <a:lnTo>
                    <a:pt x="4838" y="543"/>
                  </a:lnTo>
                  <a:lnTo>
                    <a:pt x="4837" y="541"/>
                  </a:lnTo>
                  <a:lnTo>
                    <a:pt x="4838" y="538"/>
                  </a:lnTo>
                  <a:lnTo>
                    <a:pt x="4838" y="535"/>
                  </a:lnTo>
                  <a:lnTo>
                    <a:pt x="4837" y="538"/>
                  </a:lnTo>
                  <a:lnTo>
                    <a:pt x="4834" y="539"/>
                  </a:lnTo>
                  <a:lnTo>
                    <a:pt x="4833" y="539"/>
                  </a:lnTo>
                  <a:lnTo>
                    <a:pt x="4833" y="543"/>
                  </a:lnTo>
                  <a:lnTo>
                    <a:pt x="4829" y="547"/>
                  </a:lnTo>
                  <a:lnTo>
                    <a:pt x="4829" y="553"/>
                  </a:lnTo>
                  <a:lnTo>
                    <a:pt x="4830" y="560"/>
                  </a:lnTo>
                  <a:lnTo>
                    <a:pt x="4833" y="562"/>
                  </a:lnTo>
                  <a:lnTo>
                    <a:pt x="4844" y="562"/>
                  </a:lnTo>
                  <a:lnTo>
                    <a:pt x="4865" y="566"/>
                  </a:lnTo>
                  <a:lnTo>
                    <a:pt x="4875" y="572"/>
                  </a:lnTo>
                  <a:lnTo>
                    <a:pt x="4883" y="580"/>
                  </a:lnTo>
                  <a:lnTo>
                    <a:pt x="4890" y="588"/>
                  </a:lnTo>
                  <a:lnTo>
                    <a:pt x="4895" y="597"/>
                  </a:lnTo>
                  <a:lnTo>
                    <a:pt x="4898" y="608"/>
                  </a:lnTo>
                  <a:lnTo>
                    <a:pt x="4899" y="620"/>
                  </a:lnTo>
                  <a:lnTo>
                    <a:pt x="4903" y="620"/>
                  </a:lnTo>
                  <a:lnTo>
                    <a:pt x="4977" y="616"/>
                  </a:lnTo>
                  <a:lnTo>
                    <a:pt x="5045" y="618"/>
                  </a:lnTo>
                  <a:lnTo>
                    <a:pt x="5101" y="624"/>
                  </a:lnTo>
                  <a:lnTo>
                    <a:pt x="5147" y="638"/>
                  </a:lnTo>
                  <a:lnTo>
                    <a:pt x="5168" y="647"/>
                  </a:lnTo>
                  <a:lnTo>
                    <a:pt x="5185" y="661"/>
                  </a:lnTo>
                  <a:lnTo>
                    <a:pt x="5223" y="692"/>
                  </a:lnTo>
                  <a:lnTo>
                    <a:pt x="5244" y="707"/>
                  </a:lnTo>
                  <a:lnTo>
                    <a:pt x="5270" y="719"/>
                  </a:lnTo>
                  <a:lnTo>
                    <a:pt x="5286" y="723"/>
                  </a:lnTo>
                  <a:lnTo>
                    <a:pt x="5302" y="727"/>
                  </a:lnTo>
                  <a:lnTo>
                    <a:pt x="5342" y="730"/>
                  </a:lnTo>
                  <a:lnTo>
                    <a:pt x="5369" y="730"/>
                  </a:lnTo>
                  <a:lnTo>
                    <a:pt x="5392" y="725"/>
                  </a:lnTo>
                  <a:lnTo>
                    <a:pt x="5410" y="721"/>
                  </a:lnTo>
                  <a:lnTo>
                    <a:pt x="5425" y="715"/>
                  </a:lnTo>
                  <a:lnTo>
                    <a:pt x="5450" y="698"/>
                  </a:lnTo>
                  <a:lnTo>
                    <a:pt x="5468" y="678"/>
                  </a:lnTo>
                  <a:lnTo>
                    <a:pt x="5487" y="658"/>
                  </a:lnTo>
                  <a:lnTo>
                    <a:pt x="5510" y="639"/>
                  </a:lnTo>
                  <a:lnTo>
                    <a:pt x="5544" y="623"/>
                  </a:lnTo>
                  <a:lnTo>
                    <a:pt x="5593" y="612"/>
                  </a:lnTo>
                  <a:lnTo>
                    <a:pt x="5593" y="601"/>
                  </a:lnTo>
                  <a:lnTo>
                    <a:pt x="5555" y="601"/>
                  </a:lnTo>
                  <a:lnTo>
                    <a:pt x="5607" y="333"/>
                  </a:lnTo>
                  <a:lnTo>
                    <a:pt x="5643" y="520"/>
                  </a:lnTo>
                  <a:lnTo>
                    <a:pt x="5626" y="529"/>
                  </a:lnTo>
                  <a:lnTo>
                    <a:pt x="5645" y="531"/>
                  </a:lnTo>
                  <a:lnTo>
                    <a:pt x="5648" y="545"/>
                  </a:lnTo>
                  <a:lnTo>
                    <a:pt x="5622" y="554"/>
                  </a:lnTo>
                  <a:lnTo>
                    <a:pt x="5622" y="557"/>
                  </a:lnTo>
                  <a:lnTo>
                    <a:pt x="5652" y="562"/>
                  </a:lnTo>
                  <a:lnTo>
                    <a:pt x="5659" y="599"/>
                  </a:lnTo>
                  <a:lnTo>
                    <a:pt x="5695" y="592"/>
                  </a:lnTo>
                  <a:lnTo>
                    <a:pt x="5695" y="562"/>
                  </a:lnTo>
                  <a:lnTo>
                    <a:pt x="5659" y="562"/>
                  </a:lnTo>
                  <a:lnTo>
                    <a:pt x="5710" y="294"/>
                  </a:lnTo>
                  <a:lnTo>
                    <a:pt x="5747" y="483"/>
                  </a:lnTo>
                  <a:lnTo>
                    <a:pt x="5729" y="491"/>
                  </a:lnTo>
                  <a:lnTo>
                    <a:pt x="5749" y="493"/>
                  </a:lnTo>
                  <a:lnTo>
                    <a:pt x="5751" y="506"/>
                  </a:lnTo>
                  <a:lnTo>
                    <a:pt x="5725" y="515"/>
                  </a:lnTo>
                  <a:lnTo>
                    <a:pt x="5725" y="519"/>
                  </a:lnTo>
                  <a:lnTo>
                    <a:pt x="5753" y="524"/>
                  </a:lnTo>
                  <a:lnTo>
                    <a:pt x="5788" y="340"/>
                  </a:lnTo>
                  <a:lnTo>
                    <a:pt x="5819" y="500"/>
                  </a:lnTo>
                  <a:lnTo>
                    <a:pt x="5863" y="278"/>
                  </a:lnTo>
                  <a:lnTo>
                    <a:pt x="5899" y="466"/>
                  </a:lnTo>
                  <a:lnTo>
                    <a:pt x="5881" y="475"/>
                  </a:lnTo>
                  <a:lnTo>
                    <a:pt x="5900" y="477"/>
                  </a:lnTo>
                  <a:lnTo>
                    <a:pt x="5903" y="489"/>
                  </a:lnTo>
                  <a:lnTo>
                    <a:pt x="5877" y="499"/>
                  </a:lnTo>
                  <a:lnTo>
                    <a:pt x="5877" y="503"/>
                  </a:lnTo>
                  <a:lnTo>
                    <a:pt x="5907" y="508"/>
                  </a:lnTo>
                  <a:lnTo>
                    <a:pt x="5914" y="546"/>
                  </a:lnTo>
                  <a:lnTo>
                    <a:pt x="5877" y="546"/>
                  </a:lnTo>
                  <a:lnTo>
                    <a:pt x="5877" y="572"/>
                  </a:lnTo>
                  <a:lnTo>
                    <a:pt x="5966" y="570"/>
                  </a:lnTo>
                  <a:lnTo>
                    <a:pt x="5981" y="570"/>
                  </a:lnTo>
                  <a:lnTo>
                    <a:pt x="6011" y="372"/>
                  </a:lnTo>
                  <a:lnTo>
                    <a:pt x="6031" y="487"/>
                  </a:lnTo>
                  <a:lnTo>
                    <a:pt x="6049" y="372"/>
                  </a:lnTo>
                  <a:lnTo>
                    <a:pt x="6070" y="495"/>
                  </a:lnTo>
                  <a:lnTo>
                    <a:pt x="6089" y="372"/>
                  </a:lnTo>
                  <a:lnTo>
                    <a:pt x="6110" y="489"/>
                  </a:lnTo>
                  <a:lnTo>
                    <a:pt x="6128" y="372"/>
                  </a:lnTo>
                  <a:lnTo>
                    <a:pt x="6166" y="585"/>
                  </a:lnTo>
                  <a:lnTo>
                    <a:pt x="6191" y="595"/>
                  </a:lnTo>
                  <a:lnTo>
                    <a:pt x="6213" y="442"/>
                  </a:lnTo>
                  <a:lnTo>
                    <a:pt x="6234" y="558"/>
                  </a:lnTo>
                  <a:lnTo>
                    <a:pt x="6251" y="442"/>
                  </a:lnTo>
                  <a:lnTo>
                    <a:pt x="6273" y="565"/>
                  </a:lnTo>
                  <a:lnTo>
                    <a:pt x="6292" y="442"/>
                  </a:lnTo>
                  <a:lnTo>
                    <a:pt x="6313" y="560"/>
                  </a:lnTo>
                  <a:lnTo>
                    <a:pt x="6331" y="442"/>
                  </a:lnTo>
                  <a:lnTo>
                    <a:pt x="6367" y="647"/>
                  </a:lnTo>
                  <a:lnTo>
                    <a:pt x="6427" y="662"/>
                  </a:lnTo>
                  <a:lnTo>
                    <a:pt x="6427" y="526"/>
                  </a:lnTo>
                  <a:lnTo>
                    <a:pt x="6832" y="526"/>
                  </a:lnTo>
                  <a:lnTo>
                    <a:pt x="6832" y="635"/>
                  </a:lnTo>
                  <a:lnTo>
                    <a:pt x="6845" y="635"/>
                  </a:lnTo>
                  <a:lnTo>
                    <a:pt x="6845" y="599"/>
                  </a:lnTo>
                  <a:lnTo>
                    <a:pt x="6845" y="593"/>
                  </a:lnTo>
                  <a:lnTo>
                    <a:pt x="6845" y="551"/>
                  </a:lnTo>
                  <a:lnTo>
                    <a:pt x="6886" y="551"/>
                  </a:lnTo>
                  <a:lnTo>
                    <a:pt x="6906" y="593"/>
                  </a:lnTo>
                  <a:lnTo>
                    <a:pt x="6938" y="593"/>
                  </a:lnTo>
                  <a:lnTo>
                    <a:pt x="6938" y="640"/>
                  </a:lnTo>
                  <a:lnTo>
                    <a:pt x="6944" y="640"/>
                  </a:lnTo>
                  <a:lnTo>
                    <a:pt x="6944" y="666"/>
                  </a:lnTo>
                  <a:lnTo>
                    <a:pt x="6915" y="666"/>
                  </a:lnTo>
                  <a:lnTo>
                    <a:pt x="6915" y="673"/>
                  </a:lnTo>
                  <a:lnTo>
                    <a:pt x="6896" y="673"/>
                  </a:lnTo>
                  <a:lnTo>
                    <a:pt x="6892" y="685"/>
                  </a:lnTo>
                  <a:lnTo>
                    <a:pt x="6888" y="689"/>
                  </a:lnTo>
                  <a:lnTo>
                    <a:pt x="6883" y="693"/>
                  </a:lnTo>
                  <a:lnTo>
                    <a:pt x="6956" y="696"/>
                  </a:lnTo>
                  <a:lnTo>
                    <a:pt x="7030" y="696"/>
                  </a:lnTo>
                  <a:lnTo>
                    <a:pt x="7189" y="696"/>
                  </a:lnTo>
                  <a:lnTo>
                    <a:pt x="7246" y="697"/>
                  </a:lnTo>
                  <a:lnTo>
                    <a:pt x="7299" y="697"/>
                  </a:lnTo>
                  <a:lnTo>
                    <a:pt x="7299" y="573"/>
                  </a:lnTo>
                  <a:lnTo>
                    <a:pt x="7411" y="573"/>
                  </a:lnTo>
                  <a:lnTo>
                    <a:pt x="7411" y="526"/>
                  </a:lnTo>
                  <a:lnTo>
                    <a:pt x="7537" y="526"/>
                  </a:lnTo>
                  <a:lnTo>
                    <a:pt x="7537" y="342"/>
                  </a:lnTo>
                  <a:lnTo>
                    <a:pt x="7540" y="342"/>
                  </a:lnTo>
                  <a:lnTo>
                    <a:pt x="7540" y="276"/>
                  </a:lnTo>
                  <a:lnTo>
                    <a:pt x="7559" y="276"/>
                  </a:lnTo>
                  <a:lnTo>
                    <a:pt x="7559" y="342"/>
                  </a:lnTo>
                  <a:lnTo>
                    <a:pt x="7560" y="526"/>
                  </a:lnTo>
                  <a:lnTo>
                    <a:pt x="7583" y="526"/>
                  </a:lnTo>
                  <a:lnTo>
                    <a:pt x="7583" y="367"/>
                  </a:lnTo>
                  <a:lnTo>
                    <a:pt x="7606" y="367"/>
                  </a:lnTo>
                  <a:lnTo>
                    <a:pt x="7606" y="526"/>
                  </a:lnTo>
                  <a:lnTo>
                    <a:pt x="7756" y="526"/>
                  </a:lnTo>
                  <a:lnTo>
                    <a:pt x="7756" y="627"/>
                  </a:lnTo>
                  <a:lnTo>
                    <a:pt x="7772" y="611"/>
                  </a:lnTo>
                  <a:lnTo>
                    <a:pt x="7809" y="611"/>
                  </a:lnTo>
                  <a:lnTo>
                    <a:pt x="7779" y="643"/>
                  </a:lnTo>
                  <a:lnTo>
                    <a:pt x="7794" y="643"/>
                  </a:lnTo>
                  <a:lnTo>
                    <a:pt x="7806" y="643"/>
                  </a:lnTo>
                  <a:lnTo>
                    <a:pt x="7838" y="611"/>
                  </a:lnTo>
                  <a:lnTo>
                    <a:pt x="7875" y="611"/>
                  </a:lnTo>
                  <a:lnTo>
                    <a:pt x="7842" y="646"/>
                  </a:lnTo>
                  <a:lnTo>
                    <a:pt x="7865" y="649"/>
                  </a:lnTo>
                  <a:lnTo>
                    <a:pt x="7903" y="611"/>
                  </a:lnTo>
                  <a:lnTo>
                    <a:pt x="7941" y="611"/>
                  </a:lnTo>
                  <a:lnTo>
                    <a:pt x="7899" y="655"/>
                  </a:lnTo>
                  <a:lnTo>
                    <a:pt x="7919" y="661"/>
                  </a:lnTo>
                  <a:lnTo>
                    <a:pt x="7969" y="611"/>
                  </a:lnTo>
                  <a:lnTo>
                    <a:pt x="8006" y="611"/>
                  </a:lnTo>
                  <a:lnTo>
                    <a:pt x="7950" y="669"/>
                  </a:lnTo>
                  <a:lnTo>
                    <a:pt x="7969" y="676"/>
                  </a:lnTo>
                  <a:lnTo>
                    <a:pt x="8035" y="611"/>
                  </a:lnTo>
                  <a:lnTo>
                    <a:pt x="8072" y="611"/>
                  </a:lnTo>
                  <a:lnTo>
                    <a:pt x="7999" y="686"/>
                  </a:lnTo>
                  <a:lnTo>
                    <a:pt x="8019" y="693"/>
                  </a:lnTo>
                  <a:lnTo>
                    <a:pt x="8102" y="611"/>
                  </a:lnTo>
                  <a:lnTo>
                    <a:pt x="8138" y="611"/>
                  </a:lnTo>
                  <a:lnTo>
                    <a:pt x="8049" y="703"/>
                  </a:lnTo>
                  <a:lnTo>
                    <a:pt x="8069" y="709"/>
                  </a:lnTo>
                  <a:lnTo>
                    <a:pt x="8166" y="611"/>
                  </a:lnTo>
                  <a:lnTo>
                    <a:pt x="8203" y="611"/>
                  </a:lnTo>
                  <a:lnTo>
                    <a:pt x="8100" y="717"/>
                  </a:lnTo>
                  <a:lnTo>
                    <a:pt x="8122" y="721"/>
                  </a:lnTo>
                  <a:lnTo>
                    <a:pt x="8232" y="611"/>
                  </a:lnTo>
                  <a:lnTo>
                    <a:pt x="8269" y="611"/>
                  </a:lnTo>
                  <a:lnTo>
                    <a:pt x="8156" y="727"/>
                  </a:lnTo>
                  <a:lnTo>
                    <a:pt x="8180" y="728"/>
                  </a:lnTo>
                  <a:lnTo>
                    <a:pt x="8284" y="626"/>
                  </a:lnTo>
                  <a:lnTo>
                    <a:pt x="8350" y="524"/>
                  </a:lnTo>
                  <a:lnTo>
                    <a:pt x="8397" y="680"/>
                  </a:lnTo>
                  <a:lnTo>
                    <a:pt x="8424" y="655"/>
                  </a:lnTo>
                  <a:lnTo>
                    <a:pt x="8440" y="645"/>
                  </a:lnTo>
                  <a:lnTo>
                    <a:pt x="8456" y="640"/>
                  </a:lnTo>
                  <a:lnTo>
                    <a:pt x="8466" y="642"/>
                  </a:lnTo>
                  <a:lnTo>
                    <a:pt x="8473" y="646"/>
                  </a:lnTo>
                  <a:lnTo>
                    <a:pt x="8487" y="658"/>
                  </a:lnTo>
                  <a:lnTo>
                    <a:pt x="8502" y="670"/>
                  </a:lnTo>
                  <a:lnTo>
                    <a:pt x="8509" y="673"/>
                  </a:lnTo>
                  <a:lnTo>
                    <a:pt x="8517" y="673"/>
                  </a:lnTo>
                  <a:lnTo>
                    <a:pt x="8535" y="669"/>
                  </a:lnTo>
                  <a:lnTo>
                    <a:pt x="8550" y="662"/>
                  </a:lnTo>
                  <a:lnTo>
                    <a:pt x="8575" y="645"/>
                  </a:lnTo>
                  <a:lnTo>
                    <a:pt x="8597" y="623"/>
                  </a:lnTo>
                  <a:lnTo>
                    <a:pt x="8616" y="599"/>
                  </a:lnTo>
                  <a:lnTo>
                    <a:pt x="8635" y="576"/>
                  </a:lnTo>
                  <a:lnTo>
                    <a:pt x="8656" y="555"/>
                  </a:lnTo>
                  <a:lnTo>
                    <a:pt x="8668" y="547"/>
                  </a:lnTo>
                  <a:lnTo>
                    <a:pt x="8680" y="542"/>
                  </a:lnTo>
                  <a:lnTo>
                    <a:pt x="8695" y="538"/>
                  </a:lnTo>
                  <a:lnTo>
                    <a:pt x="8712" y="537"/>
                  </a:lnTo>
                  <a:lnTo>
                    <a:pt x="8726" y="538"/>
                  </a:lnTo>
                  <a:lnTo>
                    <a:pt x="8740" y="541"/>
                  </a:lnTo>
                  <a:lnTo>
                    <a:pt x="8761" y="553"/>
                  </a:lnTo>
                  <a:lnTo>
                    <a:pt x="8771" y="560"/>
                  </a:lnTo>
                  <a:lnTo>
                    <a:pt x="8779" y="569"/>
                  </a:lnTo>
                  <a:lnTo>
                    <a:pt x="8794" y="587"/>
                  </a:lnTo>
                  <a:lnTo>
                    <a:pt x="8810" y="605"/>
                  </a:lnTo>
                  <a:lnTo>
                    <a:pt x="8828" y="623"/>
                  </a:lnTo>
                  <a:lnTo>
                    <a:pt x="8838" y="630"/>
                  </a:lnTo>
                  <a:lnTo>
                    <a:pt x="8852" y="635"/>
                  </a:lnTo>
                  <a:lnTo>
                    <a:pt x="8882" y="642"/>
                  </a:lnTo>
                  <a:lnTo>
                    <a:pt x="8892" y="642"/>
                  </a:lnTo>
                  <a:lnTo>
                    <a:pt x="8902" y="639"/>
                  </a:lnTo>
                  <a:lnTo>
                    <a:pt x="8919" y="630"/>
                  </a:lnTo>
                  <a:lnTo>
                    <a:pt x="8937" y="616"/>
                  </a:lnTo>
                  <a:lnTo>
                    <a:pt x="8954" y="600"/>
                  </a:lnTo>
                  <a:lnTo>
                    <a:pt x="8988" y="570"/>
                  </a:lnTo>
                  <a:lnTo>
                    <a:pt x="9006" y="561"/>
                  </a:lnTo>
                  <a:lnTo>
                    <a:pt x="9025" y="557"/>
                  </a:lnTo>
                  <a:lnTo>
                    <a:pt x="9045" y="561"/>
                  </a:lnTo>
                  <a:lnTo>
                    <a:pt x="9064" y="572"/>
                  </a:lnTo>
                  <a:lnTo>
                    <a:pt x="9081" y="588"/>
                  </a:lnTo>
                  <a:lnTo>
                    <a:pt x="9098" y="605"/>
                  </a:lnTo>
                  <a:lnTo>
                    <a:pt x="9129" y="645"/>
                  </a:lnTo>
                  <a:lnTo>
                    <a:pt x="9145" y="661"/>
                  </a:lnTo>
                  <a:lnTo>
                    <a:pt x="9160" y="672"/>
                  </a:lnTo>
                  <a:lnTo>
                    <a:pt x="9192" y="685"/>
                  </a:lnTo>
                  <a:lnTo>
                    <a:pt x="9207" y="688"/>
                  </a:lnTo>
                  <a:lnTo>
                    <a:pt x="9222" y="690"/>
                  </a:lnTo>
                  <a:lnTo>
                    <a:pt x="9251" y="690"/>
                  </a:lnTo>
                  <a:lnTo>
                    <a:pt x="9280" y="685"/>
                  </a:lnTo>
                  <a:lnTo>
                    <a:pt x="9334" y="670"/>
                  </a:lnTo>
                  <a:lnTo>
                    <a:pt x="9359" y="663"/>
                  </a:lnTo>
                  <a:lnTo>
                    <a:pt x="9385" y="658"/>
                  </a:lnTo>
                  <a:lnTo>
                    <a:pt x="9385" y="630"/>
                  </a:lnTo>
                  <a:lnTo>
                    <a:pt x="9427" y="588"/>
                  </a:lnTo>
                  <a:lnTo>
                    <a:pt x="9463" y="588"/>
                  </a:lnTo>
                  <a:lnTo>
                    <a:pt x="9397" y="655"/>
                  </a:lnTo>
                  <a:lnTo>
                    <a:pt x="9428" y="651"/>
                  </a:lnTo>
                  <a:lnTo>
                    <a:pt x="9493" y="588"/>
                  </a:lnTo>
                  <a:lnTo>
                    <a:pt x="9529" y="588"/>
                  </a:lnTo>
                  <a:lnTo>
                    <a:pt x="9474" y="646"/>
                  </a:lnTo>
                  <a:lnTo>
                    <a:pt x="9504" y="642"/>
                  </a:lnTo>
                  <a:lnTo>
                    <a:pt x="9531" y="615"/>
                  </a:lnTo>
                  <a:lnTo>
                    <a:pt x="9531" y="338"/>
                  </a:lnTo>
                  <a:lnTo>
                    <a:pt x="9591" y="338"/>
                  </a:lnTo>
                  <a:lnTo>
                    <a:pt x="9591" y="264"/>
                  </a:lnTo>
                  <a:lnTo>
                    <a:pt x="9585" y="261"/>
                  </a:lnTo>
                  <a:lnTo>
                    <a:pt x="9581" y="256"/>
                  </a:lnTo>
                  <a:lnTo>
                    <a:pt x="9577" y="249"/>
                  </a:lnTo>
                  <a:lnTo>
                    <a:pt x="9575" y="241"/>
                  </a:lnTo>
                  <a:lnTo>
                    <a:pt x="9577" y="232"/>
                  </a:lnTo>
                  <a:lnTo>
                    <a:pt x="9582" y="224"/>
                  </a:lnTo>
                  <a:lnTo>
                    <a:pt x="9590" y="218"/>
                  </a:lnTo>
                  <a:lnTo>
                    <a:pt x="9600" y="217"/>
                  </a:lnTo>
                  <a:lnTo>
                    <a:pt x="9609" y="218"/>
                  </a:lnTo>
                  <a:lnTo>
                    <a:pt x="9617" y="224"/>
                  </a:lnTo>
                  <a:lnTo>
                    <a:pt x="9622" y="232"/>
                  </a:lnTo>
                  <a:lnTo>
                    <a:pt x="9624" y="241"/>
                  </a:lnTo>
                  <a:lnTo>
                    <a:pt x="9622" y="249"/>
                  </a:lnTo>
                  <a:lnTo>
                    <a:pt x="9620" y="256"/>
                  </a:lnTo>
                  <a:lnTo>
                    <a:pt x="9614" y="261"/>
                  </a:lnTo>
                  <a:lnTo>
                    <a:pt x="9608" y="264"/>
                  </a:lnTo>
                  <a:lnTo>
                    <a:pt x="9608" y="338"/>
                  </a:lnTo>
                  <a:lnTo>
                    <a:pt x="9645" y="338"/>
                  </a:lnTo>
                  <a:lnTo>
                    <a:pt x="9730" y="276"/>
                  </a:lnTo>
                  <a:lnTo>
                    <a:pt x="9730" y="338"/>
                  </a:lnTo>
                  <a:lnTo>
                    <a:pt x="9744" y="338"/>
                  </a:lnTo>
                  <a:lnTo>
                    <a:pt x="9829" y="276"/>
                  </a:lnTo>
                  <a:lnTo>
                    <a:pt x="9829" y="338"/>
                  </a:lnTo>
                  <a:lnTo>
                    <a:pt x="9848" y="338"/>
                  </a:lnTo>
                  <a:lnTo>
                    <a:pt x="9932" y="276"/>
                  </a:lnTo>
                  <a:lnTo>
                    <a:pt x="9932" y="338"/>
                  </a:lnTo>
                  <a:lnTo>
                    <a:pt x="9932" y="441"/>
                  </a:lnTo>
                  <a:lnTo>
                    <a:pt x="9967" y="448"/>
                  </a:lnTo>
                  <a:lnTo>
                    <a:pt x="9999" y="457"/>
                  </a:lnTo>
                  <a:lnTo>
                    <a:pt x="10030" y="472"/>
                  </a:lnTo>
                  <a:lnTo>
                    <a:pt x="10058" y="488"/>
                  </a:lnTo>
                  <a:lnTo>
                    <a:pt x="10085" y="508"/>
                  </a:lnTo>
                  <a:lnTo>
                    <a:pt x="10108" y="533"/>
                  </a:lnTo>
                  <a:lnTo>
                    <a:pt x="10130" y="558"/>
                  </a:lnTo>
                  <a:lnTo>
                    <a:pt x="10147" y="588"/>
                  </a:lnTo>
                  <a:lnTo>
                    <a:pt x="10149" y="588"/>
                  </a:lnTo>
                  <a:lnTo>
                    <a:pt x="10185" y="588"/>
                  </a:lnTo>
                  <a:lnTo>
                    <a:pt x="10161" y="615"/>
                  </a:lnTo>
                  <a:lnTo>
                    <a:pt x="10168" y="635"/>
                  </a:lnTo>
                  <a:lnTo>
                    <a:pt x="10215" y="588"/>
                  </a:lnTo>
                  <a:lnTo>
                    <a:pt x="10230" y="588"/>
                  </a:lnTo>
                  <a:lnTo>
                    <a:pt x="10230" y="612"/>
                  </a:lnTo>
                  <a:lnTo>
                    <a:pt x="10176" y="666"/>
                  </a:lnTo>
                  <a:lnTo>
                    <a:pt x="10179" y="689"/>
                  </a:lnTo>
                  <a:lnTo>
                    <a:pt x="10230" y="638"/>
                  </a:lnTo>
                  <a:lnTo>
                    <a:pt x="10230" y="677"/>
                  </a:lnTo>
                  <a:lnTo>
                    <a:pt x="10183" y="724"/>
                  </a:lnTo>
                  <a:lnTo>
                    <a:pt x="10183" y="728"/>
                  </a:lnTo>
                  <a:lnTo>
                    <a:pt x="10201" y="732"/>
                  </a:lnTo>
                  <a:lnTo>
                    <a:pt x="10230" y="704"/>
                  </a:lnTo>
                  <a:lnTo>
                    <a:pt x="10230" y="736"/>
                  </a:lnTo>
                  <a:lnTo>
                    <a:pt x="10274" y="743"/>
                  </a:lnTo>
                  <a:lnTo>
                    <a:pt x="10365" y="754"/>
                  </a:lnTo>
                  <a:lnTo>
                    <a:pt x="10365" y="720"/>
                  </a:lnTo>
                  <a:lnTo>
                    <a:pt x="10412" y="721"/>
                  </a:lnTo>
                  <a:lnTo>
                    <a:pt x="10413" y="755"/>
                  </a:lnTo>
                  <a:lnTo>
                    <a:pt x="10416" y="755"/>
                  </a:lnTo>
                  <a:lnTo>
                    <a:pt x="10482" y="754"/>
                  </a:lnTo>
                  <a:lnTo>
                    <a:pt x="10539" y="747"/>
                  </a:lnTo>
                  <a:lnTo>
                    <a:pt x="10589" y="738"/>
                  </a:lnTo>
                  <a:lnTo>
                    <a:pt x="10636" y="727"/>
                  </a:lnTo>
                  <a:lnTo>
                    <a:pt x="10732" y="705"/>
                  </a:lnTo>
                  <a:lnTo>
                    <a:pt x="10787" y="698"/>
                  </a:lnTo>
                  <a:lnTo>
                    <a:pt x="10851" y="696"/>
                  </a:lnTo>
                  <a:lnTo>
                    <a:pt x="10903" y="700"/>
                  </a:lnTo>
                  <a:lnTo>
                    <a:pt x="10955" y="707"/>
                  </a:lnTo>
                  <a:lnTo>
                    <a:pt x="10996" y="491"/>
                  </a:lnTo>
                  <a:lnTo>
                    <a:pt x="11033" y="680"/>
                  </a:lnTo>
                  <a:lnTo>
                    <a:pt x="11015" y="688"/>
                  </a:lnTo>
                  <a:lnTo>
                    <a:pt x="11034" y="690"/>
                  </a:lnTo>
                  <a:lnTo>
                    <a:pt x="11037" y="703"/>
                  </a:lnTo>
                  <a:lnTo>
                    <a:pt x="11014" y="711"/>
                  </a:lnTo>
                  <a:lnTo>
                    <a:pt x="11049" y="715"/>
                  </a:lnTo>
                  <a:lnTo>
                    <a:pt x="11099" y="453"/>
                  </a:lnTo>
                  <a:lnTo>
                    <a:pt x="11135" y="640"/>
                  </a:lnTo>
                  <a:lnTo>
                    <a:pt x="11118" y="649"/>
                  </a:lnTo>
                  <a:lnTo>
                    <a:pt x="11138" y="651"/>
                  </a:lnTo>
                  <a:lnTo>
                    <a:pt x="11141" y="665"/>
                  </a:lnTo>
                  <a:lnTo>
                    <a:pt x="11115" y="674"/>
                  </a:lnTo>
                  <a:lnTo>
                    <a:pt x="11115" y="678"/>
                  </a:lnTo>
                  <a:lnTo>
                    <a:pt x="11142" y="682"/>
                  </a:lnTo>
                  <a:lnTo>
                    <a:pt x="11179" y="499"/>
                  </a:lnTo>
                  <a:lnTo>
                    <a:pt x="11214" y="686"/>
                  </a:lnTo>
                  <a:lnTo>
                    <a:pt x="11196" y="694"/>
                  </a:lnTo>
                  <a:lnTo>
                    <a:pt x="11216" y="697"/>
                  </a:lnTo>
                  <a:lnTo>
                    <a:pt x="11219" y="711"/>
                  </a:lnTo>
                  <a:lnTo>
                    <a:pt x="11193" y="720"/>
                  </a:lnTo>
                  <a:lnTo>
                    <a:pt x="11193" y="723"/>
                  </a:lnTo>
                  <a:lnTo>
                    <a:pt x="11222" y="728"/>
                  </a:lnTo>
                  <a:lnTo>
                    <a:pt x="11226" y="744"/>
                  </a:lnTo>
                  <a:lnTo>
                    <a:pt x="11251" y="750"/>
                  </a:lnTo>
                  <a:lnTo>
                    <a:pt x="11304" y="485"/>
                  </a:lnTo>
                  <a:lnTo>
                    <a:pt x="11339" y="673"/>
                  </a:lnTo>
                  <a:lnTo>
                    <a:pt x="11323" y="681"/>
                  </a:lnTo>
                  <a:lnTo>
                    <a:pt x="11342" y="685"/>
                  </a:lnTo>
                  <a:lnTo>
                    <a:pt x="11345" y="697"/>
                  </a:lnTo>
                  <a:lnTo>
                    <a:pt x="11319" y="707"/>
                  </a:lnTo>
                  <a:lnTo>
                    <a:pt x="11319" y="711"/>
                  </a:lnTo>
                  <a:lnTo>
                    <a:pt x="11347" y="716"/>
                  </a:lnTo>
                  <a:lnTo>
                    <a:pt x="11355" y="752"/>
                  </a:lnTo>
                  <a:lnTo>
                    <a:pt x="11448" y="750"/>
                  </a:lnTo>
                  <a:close/>
                  <a:moveTo>
                    <a:pt x="11516" y="332"/>
                  </a:moveTo>
                  <a:lnTo>
                    <a:pt x="11509" y="334"/>
                  </a:lnTo>
                  <a:lnTo>
                    <a:pt x="11507" y="332"/>
                  </a:lnTo>
                  <a:lnTo>
                    <a:pt x="11507" y="328"/>
                  </a:lnTo>
                  <a:lnTo>
                    <a:pt x="11513" y="319"/>
                  </a:lnTo>
                  <a:lnTo>
                    <a:pt x="11512" y="294"/>
                  </a:lnTo>
                  <a:lnTo>
                    <a:pt x="11513" y="288"/>
                  </a:lnTo>
                  <a:lnTo>
                    <a:pt x="11516" y="284"/>
                  </a:lnTo>
                  <a:lnTo>
                    <a:pt x="11516" y="332"/>
                  </a:lnTo>
                  <a:close/>
                  <a:moveTo>
                    <a:pt x="11516" y="373"/>
                  </a:moveTo>
                  <a:lnTo>
                    <a:pt x="11516" y="371"/>
                  </a:lnTo>
                  <a:lnTo>
                    <a:pt x="11516" y="373"/>
                  </a:lnTo>
                  <a:close/>
                  <a:moveTo>
                    <a:pt x="11516" y="466"/>
                  </a:moveTo>
                  <a:lnTo>
                    <a:pt x="11508" y="458"/>
                  </a:lnTo>
                  <a:lnTo>
                    <a:pt x="11498" y="446"/>
                  </a:lnTo>
                  <a:lnTo>
                    <a:pt x="11498" y="433"/>
                  </a:lnTo>
                  <a:lnTo>
                    <a:pt x="11516" y="407"/>
                  </a:lnTo>
                  <a:lnTo>
                    <a:pt x="11516" y="466"/>
                  </a:lnTo>
                  <a:close/>
                  <a:moveTo>
                    <a:pt x="11516" y="529"/>
                  </a:moveTo>
                  <a:lnTo>
                    <a:pt x="11511" y="516"/>
                  </a:lnTo>
                  <a:lnTo>
                    <a:pt x="11508" y="496"/>
                  </a:lnTo>
                  <a:lnTo>
                    <a:pt x="11516" y="488"/>
                  </a:lnTo>
                  <a:lnTo>
                    <a:pt x="11516" y="529"/>
                  </a:lnTo>
                  <a:close/>
                </a:path>
              </a:pathLst>
            </a:custGeom>
            <a:solidFill>
              <a:srgbClr val="CCE0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fi-FI" sz="1800"/>
            </a:p>
          </p:txBody>
        </p:sp>
      </p:grpSp>
      <p:sp>
        <p:nvSpPr>
          <p:cNvPr id="7" name="Freeform 6"/>
          <p:cNvSpPr>
            <a:spLocks noChangeAspect="1" noEditPoints="1"/>
          </p:cNvSpPr>
          <p:nvPr/>
        </p:nvSpPr>
        <p:spPr bwMode="auto">
          <a:xfrm>
            <a:off x="8331200" y="692150"/>
            <a:ext cx="3141133" cy="719138"/>
          </a:xfrm>
          <a:custGeom>
            <a:avLst/>
            <a:gdLst>
              <a:gd name="T0" fmla="*/ 401090 w 4892"/>
              <a:gd name="T1" fmla="*/ 91967 h 1494"/>
              <a:gd name="T2" fmla="*/ 273011 w 4892"/>
              <a:gd name="T3" fmla="*/ 529169 h 1494"/>
              <a:gd name="T4" fmla="*/ 767993 w 4892"/>
              <a:gd name="T5" fmla="*/ 523391 h 1494"/>
              <a:gd name="T6" fmla="*/ 648581 w 4892"/>
              <a:gd name="T7" fmla="*/ 678434 h 1494"/>
              <a:gd name="T8" fmla="*/ 634617 w 4892"/>
              <a:gd name="T9" fmla="*/ 172377 h 1494"/>
              <a:gd name="T10" fmla="*/ 572985 w 4892"/>
              <a:gd name="T11" fmla="*/ 266751 h 1494"/>
              <a:gd name="T12" fmla="*/ 760289 w 4892"/>
              <a:gd name="T13" fmla="*/ 714065 h 1494"/>
              <a:gd name="T14" fmla="*/ 795438 w 4892"/>
              <a:gd name="T15" fmla="*/ 455018 h 1494"/>
              <a:gd name="T16" fmla="*/ 747288 w 4892"/>
              <a:gd name="T17" fmla="*/ 43335 h 1494"/>
              <a:gd name="T18" fmla="*/ 749696 w 4892"/>
              <a:gd name="T19" fmla="*/ 157451 h 1494"/>
              <a:gd name="T20" fmla="*/ 830588 w 4892"/>
              <a:gd name="T21" fmla="*/ 139635 h 1494"/>
              <a:gd name="T22" fmla="*/ 885960 w 4892"/>
              <a:gd name="T23" fmla="*/ 49113 h 1494"/>
              <a:gd name="T24" fmla="*/ 923036 w 4892"/>
              <a:gd name="T25" fmla="*/ 127598 h 1494"/>
              <a:gd name="T26" fmla="*/ 915813 w 4892"/>
              <a:gd name="T27" fmla="*/ 218120 h 1494"/>
              <a:gd name="T28" fmla="*/ 1002002 w 4892"/>
              <a:gd name="T29" fmla="*/ 145895 h 1494"/>
              <a:gd name="T30" fmla="*/ 980334 w 4892"/>
              <a:gd name="T31" fmla="*/ 251343 h 1494"/>
              <a:gd name="T32" fmla="*/ 414090 w 4892"/>
              <a:gd name="T33" fmla="*/ 429017 h 1494"/>
              <a:gd name="T34" fmla="*/ 448277 w 4892"/>
              <a:gd name="T35" fmla="*/ 311531 h 1494"/>
              <a:gd name="T36" fmla="*/ 534947 w 4892"/>
              <a:gd name="T37" fmla="*/ 419387 h 1494"/>
              <a:gd name="T38" fmla="*/ 1014521 w 4892"/>
              <a:gd name="T39" fmla="*/ 578282 h 1494"/>
              <a:gd name="T40" fmla="*/ 1120932 w 4892"/>
              <a:gd name="T41" fmla="*/ 492093 h 1494"/>
              <a:gd name="T42" fmla="*/ 1110821 w 4892"/>
              <a:gd name="T43" fmla="*/ 628358 h 1494"/>
              <a:gd name="T44" fmla="*/ 381830 w 4892"/>
              <a:gd name="T45" fmla="*/ 370274 h 1494"/>
              <a:gd name="T46" fmla="*/ 503168 w 4892"/>
              <a:gd name="T47" fmla="*/ 465611 h 1494"/>
              <a:gd name="T48" fmla="*/ 520020 w 4892"/>
              <a:gd name="T49" fmla="*/ 306716 h 1494"/>
              <a:gd name="T50" fmla="*/ 303827 w 4892"/>
              <a:gd name="T51" fmla="*/ 508464 h 1494"/>
              <a:gd name="T52" fmla="*/ 442499 w 4892"/>
              <a:gd name="T53" fmla="*/ 98226 h 1494"/>
              <a:gd name="T54" fmla="*/ 985631 w 4892"/>
              <a:gd name="T55" fmla="*/ 280233 h 1494"/>
              <a:gd name="T56" fmla="*/ 1015484 w 4892"/>
              <a:gd name="T57" fmla="*/ 124709 h 1494"/>
              <a:gd name="T58" fmla="*/ 936518 w 4892"/>
              <a:gd name="T59" fmla="*/ 208971 h 1494"/>
              <a:gd name="T60" fmla="*/ 930740 w 4892"/>
              <a:gd name="T61" fmla="*/ 111227 h 1494"/>
              <a:gd name="T62" fmla="*/ 862367 w 4892"/>
              <a:gd name="T63" fmla="*/ 46706 h 1494"/>
              <a:gd name="T64" fmla="*/ 816624 w 4892"/>
              <a:gd name="T65" fmla="*/ 147339 h 1494"/>
              <a:gd name="T66" fmla="*/ 782919 w 4892"/>
              <a:gd name="T67" fmla="*/ 102078 h 1494"/>
              <a:gd name="T68" fmla="*/ 1032818 w 4892"/>
              <a:gd name="T69" fmla="*/ 22631 h 1494"/>
              <a:gd name="T70" fmla="*/ 841662 w 4892"/>
              <a:gd name="T71" fmla="*/ 481019 h 1494"/>
              <a:gd name="T72" fmla="*/ 1170045 w 4892"/>
              <a:gd name="T73" fmla="*/ 266270 h 1494"/>
              <a:gd name="T74" fmla="*/ 660137 w 4892"/>
              <a:gd name="T75" fmla="*/ 224379 h 1494"/>
              <a:gd name="T76" fmla="*/ 529650 w 4892"/>
              <a:gd name="T77" fmla="*/ 194045 h 1494"/>
              <a:gd name="T78" fmla="*/ 1055930 w 4892"/>
              <a:gd name="T79" fmla="*/ 473796 h 1494"/>
              <a:gd name="T80" fmla="*/ 1026558 w 4892"/>
              <a:gd name="T81" fmla="*/ 625950 h 1494"/>
              <a:gd name="T82" fmla="*/ 1175823 w 4892"/>
              <a:gd name="T83" fmla="*/ 569615 h 1494"/>
              <a:gd name="T84" fmla="*/ 1047744 w 4892"/>
              <a:gd name="T85" fmla="*/ 415053 h 1494"/>
              <a:gd name="T86" fmla="*/ 1115636 w 4892"/>
              <a:gd name="T87" fmla="*/ 283604 h 1494"/>
              <a:gd name="T88" fmla="*/ 1173416 w 4892"/>
              <a:gd name="T89" fmla="*/ 94856 h 1494"/>
              <a:gd name="T90" fmla="*/ 1447389 w 4892"/>
              <a:gd name="T91" fmla="*/ 687582 h 1494"/>
              <a:gd name="T92" fmla="*/ 1355423 w 4892"/>
              <a:gd name="T93" fmla="*/ 573467 h 1494"/>
              <a:gd name="T94" fmla="*/ 1372757 w 4892"/>
              <a:gd name="T95" fmla="*/ 455018 h 1494"/>
              <a:gd name="T96" fmla="*/ 1425240 w 4892"/>
              <a:gd name="T97" fmla="*/ 477648 h 1494"/>
              <a:gd name="T98" fmla="*/ 1351571 w 4892"/>
              <a:gd name="T99" fmla="*/ 541206 h 1494"/>
              <a:gd name="T100" fmla="*/ 1479168 w 4892"/>
              <a:gd name="T101" fmla="*/ 685175 h 1494"/>
              <a:gd name="T102" fmla="*/ 1314495 w 4892"/>
              <a:gd name="T103" fmla="*/ 648581 h 1494"/>
              <a:gd name="T104" fmla="*/ 2251976 w 4892"/>
              <a:gd name="T105" fmla="*/ 714065 h 1494"/>
              <a:gd name="T106" fmla="*/ 2019411 w 4892"/>
              <a:gd name="T107" fmla="*/ 16371 h 1494"/>
              <a:gd name="T108" fmla="*/ 2059857 w 4892"/>
              <a:gd name="T109" fmla="*/ 188748 h 1494"/>
              <a:gd name="T110" fmla="*/ 2008337 w 4892"/>
              <a:gd name="T111" fmla="*/ 127598 h 1494"/>
              <a:gd name="T112" fmla="*/ 2188418 w 4892"/>
              <a:gd name="T113" fmla="*/ 116042 h 1494"/>
              <a:gd name="T114" fmla="*/ 2275569 w 4892"/>
              <a:gd name="T115" fmla="*/ 304308 h 1494"/>
              <a:gd name="T116" fmla="*/ 2182158 w 4892"/>
              <a:gd name="T117" fmla="*/ 377015 h 1494"/>
              <a:gd name="T118" fmla="*/ 2133045 w 4892"/>
              <a:gd name="T119" fmla="*/ 50076 h 1494"/>
              <a:gd name="T120" fmla="*/ 2331905 w 4892"/>
              <a:gd name="T121" fmla="*/ 40446 h 1494"/>
              <a:gd name="T122" fmla="*/ 2293866 w 4892"/>
              <a:gd name="T123" fmla="*/ 375089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8" name="Freeform 7">
            <a:hlinkClick r:id="rId2" tooltip="Verouutiset - Twitter"/>
          </p:cNvPr>
          <p:cNvSpPr>
            <a:spLocks noChangeAspect="1" noEditPoints="1"/>
          </p:cNvSpPr>
          <p:nvPr/>
        </p:nvSpPr>
        <p:spPr bwMode="auto">
          <a:xfrm>
            <a:off x="1214968" y="692151"/>
            <a:ext cx="385233" cy="288925"/>
          </a:xfrm>
          <a:custGeom>
            <a:avLst/>
            <a:gdLst>
              <a:gd name="T0" fmla="*/ 124704 w 2806"/>
              <a:gd name="T1" fmla="*/ 221081 h 2806"/>
              <a:gd name="T2" fmla="*/ 142768 w 2806"/>
              <a:gd name="T3" fmla="*/ 217078 h 2806"/>
              <a:gd name="T4" fmla="*/ 158985 w 2806"/>
              <a:gd name="T5" fmla="*/ 210612 h 2806"/>
              <a:gd name="T6" fmla="*/ 173457 w 2806"/>
              <a:gd name="T7" fmla="*/ 201990 h 2806"/>
              <a:gd name="T8" fmla="*/ 186081 w 2806"/>
              <a:gd name="T9" fmla="*/ 191521 h 2806"/>
              <a:gd name="T10" fmla="*/ 196756 w 2806"/>
              <a:gd name="T11" fmla="*/ 179307 h 2806"/>
              <a:gd name="T12" fmla="*/ 205480 w 2806"/>
              <a:gd name="T13" fmla="*/ 166067 h 2806"/>
              <a:gd name="T14" fmla="*/ 212356 w 2806"/>
              <a:gd name="T15" fmla="*/ 151800 h 2806"/>
              <a:gd name="T16" fmla="*/ 217078 w 2806"/>
              <a:gd name="T17" fmla="*/ 137123 h 2806"/>
              <a:gd name="T18" fmla="*/ 220054 w 2806"/>
              <a:gd name="T19" fmla="*/ 119675 h 2806"/>
              <a:gd name="T20" fmla="*/ 220465 w 2806"/>
              <a:gd name="T21" fmla="*/ 104895 h 2806"/>
              <a:gd name="T22" fmla="*/ 232371 w 2806"/>
              <a:gd name="T23" fmla="*/ 94221 h 2806"/>
              <a:gd name="T24" fmla="*/ 240171 w 2806"/>
              <a:gd name="T25" fmla="*/ 84368 h 2806"/>
              <a:gd name="T26" fmla="*/ 223339 w 2806"/>
              <a:gd name="T27" fmla="*/ 89602 h 2806"/>
              <a:gd name="T28" fmla="*/ 223236 w 2806"/>
              <a:gd name="T29" fmla="*/ 86421 h 2806"/>
              <a:gd name="T30" fmla="*/ 230113 w 2806"/>
              <a:gd name="T31" fmla="*/ 78415 h 2806"/>
              <a:gd name="T32" fmla="*/ 234834 w 2806"/>
              <a:gd name="T33" fmla="*/ 68767 h 2806"/>
              <a:gd name="T34" fmla="*/ 219541 w 2806"/>
              <a:gd name="T35" fmla="*/ 75746 h 2806"/>
              <a:gd name="T36" fmla="*/ 206917 w 2806"/>
              <a:gd name="T37" fmla="*/ 75644 h 2806"/>
              <a:gd name="T38" fmla="*/ 196961 w 2806"/>
              <a:gd name="T39" fmla="*/ 69177 h 2806"/>
              <a:gd name="T40" fmla="*/ 185158 w 2806"/>
              <a:gd name="T41" fmla="*/ 66098 h 2806"/>
              <a:gd name="T42" fmla="*/ 172944 w 2806"/>
              <a:gd name="T43" fmla="*/ 66612 h 2806"/>
              <a:gd name="T44" fmla="*/ 162167 w 2806"/>
              <a:gd name="T45" fmla="*/ 70717 h 2806"/>
              <a:gd name="T46" fmla="*/ 153032 w 2806"/>
              <a:gd name="T47" fmla="*/ 77388 h 2806"/>
              <a:gd name="T48" fmla="*/ 146258 w 2806"/>
              <a:gd name="T49" fmla="*/ 86626 h 2806"/>
              <a:gd name="T50" fmla="*/ 142768 w 2806"/>
              <a:gd name="T51" fmla="*/ 95453 h 2806"/>
              <a:gd name="T52" fmla="*/ 141639 w 2806"/>
              <a:gd name="T53" fmla="*/ 107666 h 2806"/>
              <a:gd name="T54" fmla="*/ 136405 w 2806"/>
              <a:gd name="T55" fmla="*/ 113927 h 2806"/>
              <a:gd name="T56" fmla="*/ 118751 w 2806"/>
              <a:gd name="T57" fmla="*/ 110540 h 2806"/>
              <a:gd name="T58" fmla="*/ 102124 w 2806"/>
              <a:gd name="T59" fmla="*/ 104587 h 2806"/>
              <a:gd name="T60" fmla="*/ 86831 w 2806"/>
              <a:gd name="T61" fmla="*/ 96274 h 2806"/>
              <a:gd name="T62" fmla="*/ 73180 w 2806"/>
              <a:gd name="T63" fmla="*/ 85702 h 2806"/>
              <a:gd name="T64" fmla="*/ 61172 w 2806"/>
              <a:gd name="T65" fmla="*/ 73078 h 2806"/>
              <a:gd name="T66" fmla="*/ 57272 w 2806"/>
              <a:gd name="T67" fmla="*/ 82520 h 2806"/>
              <a:gd name="T68" fmla="*/ 55835 w 2806"/>
              <a:gd name="T69" fmla="*/ 91552 h 2806"/>
              <a:gd name="T70" fmla="*/ 56348 w 2806"/>
              <a:gd name="T71" fmla="*/ 99250 h 2806"/>
              <a:gd name="T72" fmla="*/ 59222 w 2806"/>
              <a:gd name="T73" fmla="*/ 108590 h 2806"/>
              <a:gd name="T74" fmla="*/ 64661 w 2806"/>
              <a:gd name="T75" fmla="*/ 117828 h 2806"/>
              <a:gd name="T76" fmla="*/ 72257 w 2806"/>
              <a:gd name="T77" fmla="*/ 125731 h 2806"/>
              <a:gd name="T78" fmla="*/ 61890 w 2806"/>
              <a:gd name="T79" fmla="*/ 123678 h 2806"/>
              <a:gd name="T80" fmla="*/ 55629 w 2806"/>
              <a:gd name="T81" fmla="*/ 123165 h 2806"/>
              <a:gd name="T82" fmla="*/ 57374 w 2806"/>
              <a:gd name="T83" fmla="*/ 133326 h 2806"/>
              <a:gd name="T84" fmla="*/ 61685 w 2806"/>
              <a:gd name="T85" fmla="*/ 142460 h 2806"/>
              <a:gd name="T86" fmla="*/ 66919 w 2806"/>
              <a:gd name="T87" fmla="*/ 148927 h 2806"/>
              <a:gd name="T88" fmla="*/ 74720 w 2806"/>
              <a:gd name="T89" fmla="*/ 155187 h 2806"/>
              <a:gd name="T90" fmla="*/ 83957 w 2806"/>
              <a:gd name="T91" fmla="*/ 159190 h 2806"/>
              <a:gd name="T92" fmla="*/ 79544 w 2806"/>
              <a:gd name="T93" fmla="*/ 161243 h 2806"/>
              <a:gd name="T94" fmla="*/ 69999 w 2806"/>
              <a:gd name="T95" fmla="*/ 162167 h 2806"/>
              <a:gd name="T96" fmla="*/ 74001 w 2806"/>
              <a:gd name="T97" fmla="*/ 170275 h 2806"/>
              <a:gd name="T98" fmla="*/ 79749 w 2806"/>
              <a:gd name="T99" fmla="*/ 177254 h 2806"/>
              <a:gd name="T100" fmla="*/ 87036 w 2806"/>
              <a:gd name="T101" fmla="*/ 182592 h 2806"/>
              <a:gd name="T102" fmla="*/ 95350 w 2806"/>
              <a:gd name="T103" fmla="*/ 186389 h 2806"/>
              <a:gd name="T104" fmla="*/ 106332 w 2806"/>
              <a:gd name="T105" fmla="*/ 188031 h 2806"/>
              <a:gd name="T106" fmla="*/ 95453 w 2806"/>
              <a:gd name="T107" fmla="*/ 195113 h 2806"/>
              <a:gd name="T108" fmla="*/ 79031 w 2806"/>
              <a:gd name="T109" fmla="*/ 201990 h 2806"/>
              <a:gd name="T110" fmla="*/ 64148 w 2806"/>
              <a:gd name="T111" fmla="*/ 204659 h 2806"/>
              <a:gd name="T112" fmla="*/ 50190 w 2806"/>
              <a:gd name="T113" fmla="*/ 204659 h 2806"/>
              <a:gd name="T114" fmla="*/ 61582 w 2806"/>
              <a:gd name="T115" fmla="*/ 211946 h 2806"/>
              <a:gd name="T116" fmla="*/ 84060 w 2806"/>
              <a:gd name="T117" fmla="*/ 219438 h 2806"/>
              <a:gd name="T118" fmla="*/ 95966 w 2806"/>
              <a:gd name="T119" fmla="*/ 221491 h 2806"/>
              <a:gd name="T120" fmla="*/ 0 w 2806"/>
              <a:gd name="T121" fmla="*/ 0 h 2806"/>
              <a:gd name="T122" fmla="*/ 288000 w 2806"/>
              <a:gd name="T123" fmla="*/ 144000 h 2806"/>
              <a:gd name="T124" fmla="*/ 0 w 2806"/>
              <a:gd name="T125" fmla="*/ 288000 h 280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  <a:gd name="T186" fmla="*/ 0 60000 65536"/>
              <a:gd name="T187" fmla="*/ 0 60000 65536"/>
              <a:gd name="T188" fmla="*/ 0 60000 65536"/>
            </a:gdLst>
            <a:ahLst/>
            <a:cxnLst>
              <a:cxn ang="T126">
                <a:pos x="T0" y="T1"/>
              </a:cxn>
              <a:cxn ang="T127">
                <a:pos x="T2" y="T3"/>
              </a:cxn>
              <a:cxn ang="T128">
                <a:pos x="T4" y="T5"/>
              </a:cxn>
              <a:cxn ang="T129">
                <a:pos x="T6" y="T7"/>
              </a:cxn>
              <a:cxn ang="T130">
                <a:pos x="T8" y="T9"/>
              </a:cxn>
              <a:cxn ang="T131">
                <a:pos x="T10" y="T11"/>
              </a:cxn>
              <a:cxn ang="T132">
                <a:pos x="T12" y="T13"/>
              </a:cxn>
              <a:cxn ang="T133">
                <a:pos x="T14" y="T15"/>
              </a:cxn>
              <a:cxn ang="T134">
                <a:pos x="T16" y="T17"/>
              </a:cxn>
              <a:cxn ang="T135">
                <a:pos x="T18" y="T19"/>
              </a:cxn>
              <a:cxn ang="T136">
                <a:pos x="T20" y="T21"/>
              </a:cxn>
              <a:cxn ang="T137">
                <a:pos x="T22" y="T23"/>
              </a:cxn>
              <a:cxn ang="T138">
                <a:pos x="T24" y="T25"/>
              </a:cxn>
              <a:cxn ang="T139">
                <a:pos x="T26" y="T27"/>
              </a:cxn>
              <a:cxn ang="T140">
                <a:pos x="T28" y="T29"/>
              </a:cxn>
              <a:cxn ang="T141">
                <a:pos x="T30" y="T31"/>
              </a:cxn>
              <a:cxn ang="T142">
                <a:pos x="T32" y="T33"/>
              </a:cxn>
              <a:cxn ang="T143">
                <a:pos x="T34" y="T35"/>
              </a:cxn>
              <a:cxn ang="T144">
                <a:pos x="T36" y="T37"/>
              </a:cxn>
              <a:cxn ang="T145">
                <a:pos x="T38" y="T39"/>
              </a:cxn>
              <a:cxn ang="T146">
                <a:pos x="T40" y="T41"/>
              </a:cxn>
              <a:cxn ang="T147">
                <a:pos x="T42" y="T43"/>
              </a:cxn>
              <a:cxn ang="T148">
                <a:pos x="T44" y="T45"/>
              </a:cxn>
              <a:cxn ang="T149">
                <a:pos x="T46" y="T47"/>
              </a:cxn>
              <a:cxn ang="T150">
                <a:pos x="T48" y="T49"/>
              </a:cxn>
              <a:cxn ang="T151">
                <a:pos x="T50" y="T51"/>
              </a:cxn>
              <a:cxn ang="T152">
                <a:pos x="T52" y="T53"/>
              </a:cxn>
              <a:cxn ang="T153">
                <a:pos x="T54" y="T55"/>
              </a:cxn>
              <a:cxn ang="T154">
                <a:pos x="T56" y="T57"/>
              </a:cxn>
              <a:cxn ang="T155">
                <a:pos x="T58" y="T59"/>
              </a:cxn>
              <a:cxn ang="T156">
                <a:pos x="T60" y="T61"/>
              </a:cxn>
              <a:cxn ang="T157">
                <a:pos x="T62" y="T63"/>
              </a:cxn>
              <a:cxn ang="T158">
                <a:pos x="T64" y="T65"/>
              </a:cxn>
              <a:cxn ang="T159">
                <a:pos x="T66" y="T67"/>
              </a:cxn>
              <a:cxn ang="T160">
                <a:pos x="T68" y="T69"/>
              </a:cxn>
              <a:cxn ang="T161">
                <a:pos x="T70" y="T71"/>
              </a:cxn>
              <a:cxn ang="T162">
                <a:pos x="T72" y="T73"/>
              </a:cxn>
              <a:cxn ang="T163">
                <a:pos x="T74" y="T75"/>
              </a:cxn>
              <a:cxn ang="T164">
                <a:pos x="T76" y="T77"/>
              </a:cxn>
              <a:cxn ang="T165">
                <a:pos x="T78" y="T79"/>
              </a:cxn>
              <a:cxn ang="T166">
                <a:pos x="T80" y="T81"/>
              </a:cxn>
              <a:cxn ang="T167">
                <a:pos x="T82" y="T83"/>
              </a:cxn>
              <a:cxn ang="T168">
                <a:pos x="T84" y="T85"/>
              </a:cxn>
              <a:cxn ang="T169">
                <a:pos x="T86" y="T87"/>
              </a:cxn>
              <a:cxn ang="T170">
                <a:pos x="T88" y="T89"/>
              </a:cxn>
              <a:cxn ang="T171">
                <a:pos x="T90" y="T91"/>
              </a:cxn>
              <a:cxn ang="T172">
                <a:pos x="T92" y="T93"/>
              </a:cxn>
              <a:cxn ang="T173">
                <a:pos x="T94" y="T95"/>
              </a:cxn>
              <a:cxn ang="T174">
                <a:pos x="T96" y="T97"/>
              </a:cxn>
              <a:cxn ang="T175">
                <a:pos x="T98" y="T99"/>
              </a:cxn>
              <a:cxn ang="T176">
                <a:pos x="T100" y="T101"/>
              </a:cxn>
              <a:cxn ang="T177">
                <a:pos x="T102" y="T103"/>
              </a:cxn>
              <a:cxn ang="T178">
                <a:pos x="T104" y="T105"/>
              </a:cxn>
              <a:cxn ang="T179">
                <a:pos x="T106" y="T107"/>
              </a:cxn>
              <a:cxn ang="T180">
                <a:pos x="T108" y="T109"/>
              </a:cxn>
              <a:cxn ang="T181">
                <a:pos x="T110" y="T111"/>
              </a:cxn>
              <a:cxn ang="T182">
                <a:pos x="T112" y="T113"/>
              </a:cxn>
              <a:cxn ang="T183">
                <a:pos x="T114" y="T115"/>
              </a:cxn>
              <a:cxn ang="T184">
                <a:pos x="T116" y="T117"/>
              </a:cxn>
              <a:cxn ang="T185">
                <a:pos x="T118" y="T119"/>
              </a:cxn>
              <a:cxn ang="T186">
                <a:pos x="T120" y="T121"/>
              </a:cxn>
              <a:cxn ang="T187">
                <a:pos x="T122" y="T123"/>
              </a:cxn>
              <a:cxn ang="T188">
                <a:pos x="T124" y="T125"/>
              </a:cxn>
            </a:cxnLst>
            <a:rect l="0" t="0" r="r" b="b"/>
            <a:pathLst>
              <a:path w="2806" h="2806">
                <a:moveTo>
                  <a:pt x="1055" y="2164"/>
                </a:moveTo>
                <a:lnTo>
                  <a:pt x="1089" y="2164"/>
                </a:lnTo>
                <a:lnTo>
                  <a:pt x="1121" y="2162"/>
                </a:lnTo>
                <a:lnTo>
                  <a:pt x="1153" y="2160"/>
                </a:lnTo>
                <a:lnTo>
                  <a:pt x="1184" y="2158"/>
                </a:lnTo>
                <a:lnTo>
                  <a:pt x="1215" y="2154"/>
                </a:lnTo>
                <a:lnTo>
                  <a:pt x="1246" y="2149"/>
                </a:lnTo>
                <a:lnTo>
                  <a:pt x="1276" y="2144"/>
                </a:lnTo>
                <a:lnTo>
                  <a:pt x="1305" y="2138"/>
                </a:lnTo>
                <a:lnTo>
                  <a:pt x="1335" y="2132"/>
                </a:lnTo>
                <a:lnTo>
                  <a:pt x="1364" y="2124"/>
                </a:lnTo>
                <a:lnTo>
                  <a:pt x="1391" y="2115"/>
                </a:lnTo>
                <a:lnTo>
                  <a:pt x="1419" y="2107"/>
                </a:lnTo>
                <a:lnTo>
                  <a:pt x="1446" y="2097"/>
                </a:lnTo>
                <a:lnTo>
                  <a:pt x="1472" y="2087"/>
                </a:lnTo>
                <a:lnTo>
                  <a:pt x="1498" y="2076"/>
                </a:lnTo>
                <a:lnTo>
                  <a:pt x="1524" y="2065"/>
                </a:lnTo>
                <a:lnTo>
                  <a:pt x="1549" y="2052"/>
                </a:lnTo>
                <a:lnTo>
                  <a:pt x="1574" y="2040"/>
                </a:lnTo>
                <a:lnTo>
                  <a:pt x="1599" y="2026"/>
                </a:lnTo>
                <a:lnTo>
                  <a:pt x="1622" y="2013"/>
                </a:lnTo>
                <a:lnTo>
                  <a:pt x="1646" y="1998"/>
                </a:lnTo>
                <a:lnTo>
                  <a:pt x="1668" y="1983"/>
                </a:lnTo>
                <a:lnTo>
                  <a:pt x="1690" y="1968"/>
                </a:lnTo>
                <a:lnTo>
                  <a:pt x="1712" y="1952"/>
                </a:lnTo>
                <a:lnTo>
                  <a:pt x="1733" y="1936"/>
                </a:lnTo>
                <a:lnTo>
                  <a:pt x="1753" y="1919"/>
                </a:lnTo>
                <a:lnTo>
                  <a:pt x="1774" y="1901"/>
                </a:lnTo>
                <a:lnTo>
                  <a:pt x="1794" y="1883"/>
                </a:lnTo>
                <a:lnTo>
                  <a:pt x="1813" y="1866"/>
                </a:lnTo>
                <a:lnTo>
                  <a:pt x="1831" y="1847"/>
                </a:lnTo>
                <a:lnTo>
                  <a:pt x="1850" y="1827"/>
                </a:lnTo>
                <a:lnTo>
                  <a:pt x="1867" y="1807"/>
                </a:lnTo>
                <a:lnTo>
                  <a:pt x="1884" y="1788"/>
                </a:lnTo>
                <a:lnTo>
                  <a:pt x="1900" y="1768"/>
                </a:lnTo>
                <a:lnTo>
                  <a:pt x="1917" y="1747"/>
                </a:lnTo>
                <a:lnTo>
                  <a:pt x="1933" y="1727"/>
                </a:lnTo>
                <a:lnTo>
                  <a:pt x="1947" y="1705"/>
                </a:lnTo>
                <a:lnTo>
                  <a:pt x="1962" y="1684"/>
                </a:lnTo>
                <a:lnTo>
                  <a:pt x="1976" y="1661"/>
                </a:lnTo>
                <a:lnTo>
                  <a:pt x="1990" y="1640"/>
                </a:lnTo>
                <a:lnTo>
                  <a:pt x="2002" y="1618"/>
                </a:lnTo>
                <a:lnTo>
                  <a:pt x="2014" y="1595"/>
                </a:lnTo>
                <a:lnTo>
                  <a:pt x="2027" y="1572"/>
                </a:lnTo>
                <a:lnTo>
                  <a:pt x="2038" y="1549"/>
                </a:lnTo>
                <a:lnTo>
                  <a:pt x="2048" y="1526"/>
                </a:lnTo>
                <a:lnTo>
                  <a:pt x="2059" y="1503"/>
                </a:lnTo>
                <a:lnTo>
                  <a:pt x="2069" y="1479"/>
                </a:lnTo>
                <a:lnTo>
                  <a:pt x="2077" y="1456"/>
                </a:lnTo>
                <a:lnTo>
                  <a:pt x="2086" y="1432"/>
                </a:lnTo>
                <a:lnTo>
                  <a:pt x="2093" y="1408"/>
                </a:lnTo>
                <a:lnTo>
                  <a:pt x="2101" y="1384"/>
                </a:lnTo>
                <a:lnTo>
                  <a:pt x="2108" y="1361"/>
                </a:lnTo>
                <a:lnTo>
                  <a:pt x="2115" y="1336"/>
                </a:lnTo>
                <a:lnTo>
                  <a:pt x="2121" y="1312"/>
                </a:lnTo>
                <a:lnTo>
                  <a:pt x="2126" y="1288"/>
                </a:lnTo>
                <a:lnTo>
                  <a:pt x="2131" y="1263"/>
                </a:lnTo>
                <a:lnTo>
                  <a:pt x="2136" y="1239"/>
                </a:lnTo>
                <a:lnTo>
                  <a:pt x="2138" y="1215"/>
                </a:lnTo>
                <a:lnTo>
                  <a:pt x="2144" y="1166"/>
                </a:lnTo>
                <a:lnTo>
                  <a:pt x="2147" y="1143"/>
                </a:lnTo>
                <a:lnTo>
                  <a:pt x="2148" y="1118"/>
                </a:lnTo>
                <a:lnTo>
                  <a:pt x="2148" y="1095"/>
                </a:lnTo>
                <a:lnTo>
                  <a:pt x="2149" y="1071"/>
                </a:lnTo>
                <a:lnTo>
                  <a:pt x="2148" y="1046"/>
                </a:lnTo>
                <a:lnTo>
                  <a:pt x="2148" y="1022"/>
                </a:lnTo>
                <a:lnTo>
                  <a:pt x="2175" y="1001"/>
                </a:lnTo>
                <a:lnTo>
                  <a:pt x="2189" y="990"/>
                </a:lnTo>
                <a:lnTo>
                  <a:pt x="2202" y="978"/>
                </a:lnTo>
                <a:lnTo>
                  <a:pt x="2228" y="955"/>
                </a:lnTo>
                <a:lnTo>
                  <a:pt x="2252" y="930"/>
                </a:lnTo>
                <a:lnTo>
                  <a:pt x="2264" y="918"/>
                </a:lnTo>
                <a:lnTo>
                  <a:pt x="2275" y="904"/>
                </a:lnTo>
                <a:lnTo>
                  <a:pt x="2288" y="892"/>
                </a:lnTo>
                <a:lnTo>
                  <a:pt x="2299" y="878"/>
                </a:lnTo>
                <a:lnTo>
                  <a:pt x="2320" y="851"/>
                </a:lnTo>
                <a:lnTo>
                  <a:pt x="2330" y="836"/>
                </a:lnTo>
                <a:lnTo>
                  <a:pt x="2340" y="822"/>
                </a:lnTo>
                <a:lnTo>
                  <a:pt x="2314" y="834"/>
                </a:lnTo>
                <a:lnTo>
                  <a:pt x="2286" y="844"/>
                </a:lnTo>
                <a:lnTo>
                  <a:pt x="2259" y="852"/>
                </a:lnTo>
                <a:lnTo>
                  <a:pt x="2232" y="861"/>
                </a:lnTo>
                <a:lnTo>
                  <a:pt x="2205" y="867"/>
                </a:lnTo>
                <a:lnTo>
                  <a:pt x="2176" y="873"/>
                </a:lnTo>
                <a:lnTo>
                  <a:pt x="2148" y="878"/>
                </a:lnTo>
                <a:lnTo>
                  <a:pt x="2118" y="883"/>
                </a:lnTo>
                <a:lnTo>
                  <a:pt x="2133" y="873"/>
                </a:lnTo>
                <a:lnTo>
                  <a:pt x="2148" y="863"/>
                </a:lnTo>
                <a:lnTo>
                  <a:pt x="2162" y="853"/>
                </a:lnTo>
                <a:lnTo>
                  <a:pt x="2175" y="842"/>
                </a:lnTo>
                <a:lnTo>
                  <a:pt x="2188" y="830"/>
                </a:lnTo>
                <a:lnTo>
                  <a:pt x="2200" y="818"/>
                </a:lnTo>
                <a:lnTo>
                  <a:pt x="2211" y="805"/>
                </a:lnTo>
                <a:lnTo>
                  <a:pt x="2222" y="792"/>
                </a:lnTo>
                <a:lnTo>
                  <a:pt x="2232" y="778"/>
                </a:lnTo>
                <a:lnTo>
                  <a:pt x="2242" y="764"/>
                </a:lnTo>
                <a:lnTo>
                  <a:pt x="2252" y="749"/>
                </a:lnTo>
                <a:lnTo>
                  <a:pt x="2261" y="735"/>
                </a:lnTo>
                <a:lnTo>
                  <a:pt x="2268" y="719"/>
                </a:lnTo>
                <a:lnTo>
                  <a:pt x="2275" y="702"/>
                </a:lnTo>
                <a:lnTo>
                  <a:pt x="2282" y="686"/>
                </a:lnTo>
                <a:lnTo>
                  <a:pt x="2288" y="670"/>
                </a:lnTo>
                <a:lnTo>
                  <a:pt x="2259" y="686"/>
                </a:lnTo>
                <a:lnTo>
                  <a:pt x="2231" y="701"/>
                </a:lnTo>
                <a:lnTo>
                  <a:pt x="2201" y="715"/>
                </a:lnTo>
                <a:lnTo>
                  <a:pt x="2170" y="727"/>
                </a:lnTo>
                <a:lnTo>
                  <a:pt x="2155" y="732"/>
                </a:lnTo>
                <a:lnTo>
                  <a:pt x="2139" y="738"/>
                </a:lnTo>
                <a:lnTo>
                  <a:pt x="2108" y="748"/>
                </a:lnTo>
                <a:lnTo>
                  <a:pt x="2092" y="752"/>
                </a:lnTo>
                <a:lnTo>
                  <a:pt x="2076" y="756"/>
                </a:lnTo>
                <a:lnTo>
                  <a:pt x="2044" y="763"/>
                </a:lnTo>
                <a:lnTo>
                  <a:pt x="2030" y="749"/>
                </a:lnTo>
                <a:lnTo>
                  <a:pt x="2016" y="737"/>
                </a:lnTo>
                <a:lnTo>
                  <a:pt x="2001" y="725"/>
                </a:lnTo>
                <a:lnTo>
                  <a:pt x="1986" y="712"/>
                </a:lnTo>
                <a:lnTo>
                  <a:pt x="1970" y="702"/>
                </a:lnTo>
                <a:lnTo>
                  <a:pt x="1954" y="693"/>
                </a:lnTo>
                <a:lnTo>
                  <a:pt x="1936" y="683"/>
                </a:lnTo>
                <a:lnTo>
                  <a:pt x="1919" y="674"/>
                </a:lnTo>
                <a:lnTo>
                  <a:pt x="1900" y="667"/>
                </a:lnTo>
                <a:lnTo>
                  <a:pt x="1882" y="660"/>
                </a:lnTo>
                <a:lnTo>
                  <a:pt x="1863" y="655"/>
                </a:lnTo>
                <a:lnTo>
                  <a:pt x="1844" y="650"/>
                </a:lnTo>
                <a:lnTo>
                  <a:pt x="1824" y="647"/>
                </a:lnTo>
                <a:lnTo>
                  <a:pt x="1804" y="644"/>
                </a:lnTo>
                <a:lnTo>
                  <a:pt x="1784" y="643"/>
                </a:lnTo>
                <a:lnTo>
                  <a:pt x="1763" y="642"/>
                </a:lnTo>
                <a:lnTo>
                  <a:pt x="1743" y="642"/>
                </a:lnTo>
                <a:lnTo>
                  <a:pt x="1724" y="644"/>
                </a:lnTo>
                <a:lnTo>
                  <a:pt x="1705" y="647"/>
                </a:lnTo>
                <a:lnTo>
                  <a:pt x="1685" y="649"/>
                </a:lnTo>
                <a:lnTo>
                  <a:pt x="1667" y="654"/>
                </a:lnTo>
                <a:lnTo>
                  <a:pt x="1649" y="659"/>
                </a:lnTo>
                <a:lnTo>
                  <a:pt x="1631" y="665"/>
                </a:lnTo>
                <a:lnTo>
                  <a:pt x="1613" y="672"/>
                </a:lnTo>
                <a:lnTo>
                  <a:pt x="1596" y="680"/>
                </a:lnTo>
                <a:lnTo>
                  <a:pt x="1580" y="689"/>
                </a:lnTo>
                <a:lnTo>
                  <a:pt x="1564" y="698"/>
                </a:lnTo>
                <a:lnTo>
                  <a:pt x="1548" y="707"/>
                </a:lnTo>
                <a:lnTo>
                  <a:pt x="1533" y="719"/>
                </a:lnTo>
                <a:lnTo>
                  <a:pt x="1518" y="730"/>
                </a:lnTo>
                <a:lnTo>
                  <a:pt x="1505" y="742"/>
                </a:lnTo>
                <a:lnTo>
                  <a:pt x="1491" y="754"/>
                </a:lnTo>
                <a:lnTo>
                  <a:pt x="1479" y="768"/>
                </a:lnTo>
                <a:lnTo>
                  <a:pt x="1466" y="782"/>
                </a:lnTo>
                <a:lnTo>
                  <a:pt x="1455" y="796"/>
                </a:lnTo>
                <a:lnTo>
                  <a:pt x="1444" y="811"/>
                </a:lnTo>
                <a:lnTo>
                  <a:pt x="1434" y="827"/>
                </a:lnTo>
                <a:lnTo>
                  <a:pt x="1425" y="844"/>
                </a:lnTo>
                <a:lnTo>
                  <a:pt x="1420" y="851"/>
                </a:lnTo>
                <a:lnTo>
                  <a:pt x="1417" y="860"/>
                </a:lnTo>
                <a:lnTo>
                  <a:pt x="1409" y="877"/>
                </a:lnTo>
                <a:lnTo>
                  <a:pt x="1402" y="894"/>
                </a:lnTo>
                <a:lnTo>
                  <a:pt x="1396" y="912"/>
                </a:lnTo>
                <a:lnTo>
                  <a:pt x="1391" y="930"/>
                </a:lnTo>
                <a:lnTo>
                  <a:pt x="1387" y="949"/>
                </a:lnTo>
                <a:lnTo>
                  <a:pt x="1383" y="967"/>
                </a:lnTo>
                <a:lnTo>
                  <a:pt x="1381" y="987"/>
                </a:lnTo>
                <a:lnTo>
                  <a:pt x="1380" y="1007"/>
                </a:lnTo>
                <a:lnTo>
                  <a:pt x="1378" y="1027"/>
                </a:lnTo>
                <a:lnTo>
                  <a:pt x="1380" y="1049"/>
                </a:lnTo>
                <a:lnTo>
                  <a:pt x="1381" y="1060"/>
                </a:lnTo>
                <a:lnTo>
                  <a:pt x="1381" y="1071"/>
                </a:lnTo>
                <a:lnTo>
                  <a:pt x="1385" y="1092"/>
                </a:lnTo>
                <a:lnTo>
                  <a:pt x="1388" y="1113"/>
                </a:lnTo>
                <a:lnTo>
                  <a:pt x="1359" y="1112"/>
                </a:lnTo>
                <a:lnTo>
                  <a:pt x="1329" y="1110"/>
                </a:lnTo>
                <a:lnTo>
                  <a:pt x="1300" y="1106"/>
                </a:lnTo>
                <a:lnTo>
                  <a:pt x="1271" y="1101"/>
                </a:lnTo>
                <a:lnTo>
                  <a:pt x="1242" y="1096"/>
                </a:lnTo>
                <a:lnTo>
                  <a:pt x="1214" y="1091"/>
                </a:lnTo>
                <a:lnTo>
                  <a:pt x="1185" y="1085"/>
                </a:lnTo>
                <a:lnTo>
                  <a:pt x="1157" y="1077"/>
                </a:lnTo>
                <a:lnTo>
                  <a:pt x="1130" y="1069"/>
                </a:lnTo>
                <a:lnTo>
                  <a:pt x="1101" y="1060"/>
                </a:lnTo>
                <a:lnTo>
                  <a:pt x="1075" y="1051"/>
                </a:lnTo>
                <a:lnTo>
                  <a:pt x="1048" y="1041"/>
                </a:lnTo>
                <a:lnTo>
                  <a:pt x="1021" y="1030"/>
                </a:lnTo>
                <a:lnTo>
                  <a:pt x="995" y="1019"/>
                </a:lnTo>
                <a:lnTo>
                  <a:pt x="970" y="1007"/>
                </a:lnTo>
                <a:lnTo>
                  <a:pt x="944" y="994"/>
                </a:lnTo>
                <a:lnTo>
                  <a:pt x="919" y="981"/>
                </a:lnTo>
                <a:lnTo>
                  <a:pt x="895" y="967"/>
                </a:lnTo>
                <a:lnTo>
                  <a:pt x="870" y="952"/>
                </a:lnTo>
                <a:lnTo>
                  <a:pt x="846" y="938"/>
                </a:lnTo>
                <a:lnTo>
                  <a:pt x="823" y="921"/>
                </a:lnTo>
                <a:lnTo>
                  <a:pt x="801" y="905"/>
                </a:lnTo>
                <a:lnTo>
                  <a:pt x="777" y="888"/>
                </a:lnTo>
                <a:lnTo>
                  <a:pt x="756" y="871"/>
                </a:lnTo>
                <a:lnTo>
                  <a:pt x="734" y="853"/>
                </a:lnTo>
                <a:lnTo>
                  <a:pt x="713" y="835"/>
                </a:lnTo>
                <a:lnTo>
                  <a:pt x="692" y="815"/>
                </a:lnTo>
                <a:lnTo>
                  <a:pt x="672" y="795"/>
                </a:lnTo>
                <a:lnTo>
                  <a:pt x="652" y="775"/>
                </a:lnTo>
                <a:lnTo>
                  <a:pt x="634" y="754"/>
                </a:lnTo>
                <a:lnTo>
                  <a:pt x="615" y="733"/>
                </a:lnTo>
                <a:lnTo>
                  <a:pt x="596" y="712"/>
                </a:lnTo>
                <a:lnTo>
                  <a:pt x="585" y="735"/>
                </a:lnTo>
                <a:lnTo>
                  <a:pt x="580" y="746"/>
                </a:lnTo>
                <a:lnTo>
                  <a:pt x="574" y="757"/>
                </a:lnTo>
                <a:lnTo>
                  <a:pt x="565" y="780"/>
                </a:lnTo>
                <a:lnTo>
                  <a:pt x="562" y="792"/>
                </a:lnTo>
                <a:lnTo>
                  <a:pt x="558" y="804"/>
                </a:lnTo>
                <a:lnTo>
                  <a:pt x="556" y="816"/>
                </a:lnTo>
                <a:lnTo>
                  <a:pt x="553" y="829"/>
                </a:lnTo>
                <a:lnTo>
                  <a:pt x="548" y="853"/>
                </a:lnTo>
                <a:lnTo>
                  <a:pt x="547" y="866"/>
                </a:lnTo>
                <a:lnTo>
                  <a:pt x="546" y="879"/>
                </a:lnTo>
                <a:lnTo>
                  <a:pt x="544" y="892"/>
                </a:lnTo>
                <a:lnTo>
                  <a:pt x="544" y="905"/>
                </a:lnTo>
                <a:lnTo>
                  <a:pt x="544" y="918"/>
                </a:lnTo>
                <a:lnTo>
                  <a:pt x="546" y="930"/>
                </a:lnTo>
                <a:lnTo>
                  <a:pt x="547" y="942"/>
                </a:lnTo>
                <a:lnTo>
                  <a:pt x="548" y="955"/>
                </a:lnTo>
                <a:lnTo>
                  <a:pt x="549" y="967"/>
                </a:lnTo>
                <a:lnTo>
                  <a:pt x="552" y="978"/>
                </a:lnTo>
                <a:lnTo>
                  <a:pt x="557" y="1002"/>
                </a:lnTo>
                <a:lnTo>
                  <a:pt x="561" y="1013"/>
                </a:lnTo>
                <a:lnTo>
                  <a:pt x="564" y="1025"/>
                </a:lnTo>
                <a:lnTo>
                  <a:pt x="572" y="1048"/>
                </a:lnTo>
                <a:lnTo>
                  <a:pt x="577" y="1058"/>
                </a:lnTo>
                <a:lnTo>
                  <a:pt x="582" y="1069"/>
                </a:lnTo>
                <a:lnTo>
                  <a:pt x="591" y="1090"/>
                </a:lnTo>
                <a:lnTo>
                  <a:pt x="604" y="1110"/>
                </a:lnTo>
                <a:lnTo>
                  <a:pt x="610" y="1119"/>
                </a:lnTo>
                <a:lnTo>
                  <a:pt x="616" y="1129"/>
                </a:lnTo>
                <a:lnTo>
                  <a:pt x="630" y="1148"/>
                </a:lnTo>
                <a:lnTo>
                  <a:pt x="646" y="1165"/>
                </a:lnTo>
                <a:lnTo>
                  <a:pt x="662" y="1181"/>
                </a:lnTo>
                <a:lnTo>
                  <a:pt x="679" y="1197"/>
                </a:lnTo>
                <a:lnTo>
                  <a:pt x="697" y="1212"/>
                </a:lnTo>
                <a:lnTo>
                  <a:pt x="715" y="1226"/>
                </a:lnTo>
                <a:lnTo>
                  <a:pt x="704" y="1225"/>
                </a:lnTo>
                <a:lnTo>
                  <a:pt x="692" y="1223"/>
                </a:lnTo>
                <a:lnTo>
                  <a:pt x="669" y="1221"/>
                </a:lnTo>
                <a:lnTo>
                  <a:pt x="658" y="1220"/>
                </a:lnTo>
                <a:lnTo>
                  <a:pt x="647" y="1217"/>
                </a:lnTo>
                <a:lnTo>
                  <a:pt x="625" y="1211"/>
                </a:lnTo>
                <a:lnTo>
                  <a:pt x="603" y="1205"/>
                </a:lnTo>
                <a:lnTo>
                  <a:pt x="582" y="1196"/>
                </a:lnTo>
                <a:lnTo>
                  <a:pt x="562" y="1187"/>
                </a:lnTo>
                <a:lnTo>
                  <a:pt x="552" y="1183"/>
                </a:lnTo>
                <a:lnTo>
                  <a:pt x="542" y="1178"/>
                </a:lnTo>
                <a:lnTo>
                  <a:pt x="542" y="1183"/>
                </a:lnTo>
                <a:lnTo>
                  <a:pt x="542" y="1200"/>
                </a:lnTo>
                <a:lnTo>
                  <a:pt x="543" y="1217"/>
                </a:lnTo>
                <a:lnTo>
                  <a:pt x="544" y="1233"/>
                </a:lnTo>
                <a:lnTo>
                  <a:pt x="548" y="1251"/>
                </a:lnTo>
                <a:lnTo>
                  <a:pt x="551" y="1267"/>
                </a:lnTo>
                <a:lnTo>
                  <a:pt x="556" y="1283"/>
                </a:lnTo>
                <a:lnTo>
                  <a:pt x="559" y="1299"/>
                </a:lnTo>
                <a:lnTo>
                  <a:pt x="565" y="1315"/>
                </a:lnTo>
                <a:lnTo>
                  <a:pt x="572" y="1330"/>
                </a:lnTo>
                <a:lnTo>
                  <a:pt x="578" y="1345"/>
                </a:lnTo>
                <a:lnTo>
                  <a:pt x="585" y="1359"/>
                </a:lnTo>
                <a:lnTo>
                  <a:pt x="593" y="1374"/>
                </a:lnTo>
                <a:lnTo>
                  <a:pt x="601" y="1388"/>
                </a:lnTo>
                <a:lnTo>
                  <a:pt x="610" y="1402"/>
                </a:lnTo>
                <a:lnTo>
                  <a:pt x="620" y="1414"/>
                </a:lnTo>
                <a:lnTo>
                  <a:pt x="625" y="1421"/>
                </a:lnTo>
                <a:lnTo>
                  <a:pt x="630" y="1428"/>
                </a:lnTo>
                <a:lnTo>
                  <a:pt x="641" y="1440"/>
                </a:lnTo>
                <a:lnTo>
                  <a:pt x="652" y="1451"/>
                </a:lnTo>
                <a:lnTo>
                  <a:pt x="663" y="1462"/>
                </a:lnTo>
                <a:lnTo>
                  <a:pt x="676" y="1473"/>
                </a:lnTo>
                <a:lnTo>
                  <a:pt x="688" y="1483"/>
                </a:lnTo>
                <a:lnTo>
                  <a:pt x="700" y="1493"/>
                </a:lnTo>
                <a:lnTo>
                  <a:pt x="714" y="1503"/>
                </a:lnTo>
                <a:lnTo>
                  <a:pt x="728" y="1512"/>
                </a:lnTo>
                <a:lnTo>
                  <a:pt x="741" y="1519"/>
                </a:lnTo>
                <a:lnTo>
                  <a:pt x="756" y="1526"/>
                </a:lnTo>
                <a:lnTo>
                  <a:pt x="771" y="1534"/>
                </a:lnTo>
                <a:lnTo>
                  <a:pt x="786" y="1540"/>
                </a:lnTo>
                <a:lnTo>
                  <a:pt x="802" y="1546"/>
                </a:lnTo>
                <a:lnTo>
                  <a:pt x="818" y="1551"/>
                </a:lnTo>
                <a:lnTo>
                  <a:pt x="834" y="1555"/>
                </a:lnTo>
                <a:lnTo>
                  <a:pt x="850" y="1559"/>
                </a:lnTo>
                <a:lnTo>
                  <a:pt x="825" y="1565"/>
                </a:lnTo>
                <a:lnTo>
                  <a:pt x="801" y="1569"/>
                </a:lnTo>
                <a:lnTo>
                  <a:pt x="787" y="1570"/>
                </a:lnTo>
                <a:lnTo>
                  <a:pt x="775" y="1571"/>
                </a:lnTo>
                <a:lnTo>
                  <a:pt x="749" y="1572"/>
                </a:lnTo>
                <a:lnTo>
                  <a:pt x="730" y="1572"/>
                </a:lnTo>
                <a:lnTo>
                  <a:pt x="711" y="1571"/>
                </a:lnTo>
                <a:lnTo>
                  <a:pt x="694" y="1569"/>
                </a:lnTo>
                <a:lnTo>
                  <a:pt x="677" y="1565"/>
                </a:lnTo>
                <a:lnTo>
                  <a:pt x="682" y="1580"/>
                </a:lnTo>
                <a:lnTo>
                  <a:pt x="687" y="1593"/>
                </a:lnTo>
                <a:lnTo>
                  <a:pt x="693" y="1607"/>
                </a:lnTo>
                <a:lnTo>
                  <a:pt x="699" y="1621"/>
                </a:lnTo>
                <a:lnTo>
                  <a:pt x="705" y="1634"/>
                </a:lnTo>
                <a:lnTo>
                  <a:pt x="713" y="1647"/>
                </a:lnTo>
                <a:lnTo>
                  <a:pt x="721" y="1659"/>
                </a:lnTo>
                <a:lnTo>
                  <a:pt x="730" y="1671"/>
                </a:lnTo>
                <a:lnTo>
                  <a:pt x="739" y="1682"/>
                </a:lnTo>
                <a:lnTo>
                  <a:pt x="747" y="1695"/>
                </a:lnTo>
                <a:lnTo>
                  <a:pt x="757" y="1706"/>
                </a:lnTo>
                <a:lnTo>
                  <a:pt x="767" y="1716"/>
                </a:lnTo>
                <a:lnTo>
                  <a:pt x="777" y="1727"/>
                </a:lnTo>
                <a:lnTo>
                  <a:pt x="788" y="1737"/>
                </a:lnTo>
                <a:lnTo>
                  <a:pt x="799" y="1745"/>
                </a:lnTo>
                <a:lnTo>
                  <a:pt x="812" y="1755"/>
                </a:lnTo>
                <a:lnTo>
                  <a:pt x="823" y="1764"/>
                </a:lnTo>
                <a:lnTo>
                  <a:pt x="835" y="1771"/>
                </a:lnTo>
                <a:lnTo>
                  <a:pt x="848" y="1779"/>
                </a:lnTo>
                <a:lnTo>
                  <a:pt x="861" y="1786"/>
                </a:lnTo>
                <a:lnTo>
                  <a:pt x="874" y="1794"/>
                </a:lnTo>
                <a:lnTo>
                  <a:pt x="887" y="1800"/>
                </a:lnTo>
                <a:lnTo>
                  <a:pt x="901" y="1806"/>
                </a:lnTo>
                <a:lnTo>
                  <a:pt x="916" y="1811"/>
                </a:lnTo>
                <a:lnTo>
                  <a:pt x="929" y="1816"/>
                </a:lnTo>
                <a:lnTo>
                  <a:pt x="944" y="1820"/>
                </a:lnTo>
                <a:lnTo>
                  <a:pt x="974" y="1826"/>
                </a:lnTo>
                <a:lnTo>
                  <a:pt x="989" y="1828"/>
                </a:lnTo>
                <a:lnTo>
                  <a:pt x="1005" y="1831"/>
                </a:lnTo>
                <a:lnTo>
                  <a:pt x="1020" y="1832"/>
                </a:lnTo>
                <a:lnTo>
                  <a:pt x="1036" y="1832"/>
                </a:lnTo>
                <a:lnTo>
                  <a:pt x="1011" y="1851"/>
                </a:lnTo>
                <a:lnTo>
                  <a:pt x="997" y="1861"/>
                </a:lnTo>
                <a:lnTo>
                  <a:pt x="985" y="1869"/>
                </a:lnTo>
                <a:lnTo>
                  <a:pt x="971" y="1878"/>
                </a:lnTo>
                <a:lnTo>
                  <a:pt x="958" y="1885"/>
                </a:lnTo>
                <a:lnTo>
                  <a:pt x="930" y="1901"/>
                </a:lnTo>
                <a:lnTo>
                  <a:pt x="903" y="1916"/>
                </a:lnTo>
                <a:lnTo>
                  <a:pt x="874" y="1930"/>
                </a:lnTo>
                <a:lnTo>
                  <a:pt x="845" y="1942"/>
                </a:lnTo>
                <a:lnTo>
                  <a:pt x="815" y="1953"/>
                </a:lnTo>
                <a:lnTo>
                  <a:pt x="784" y="1963"/>
                </a:lnTo>
                <a:lnTo>
                  <a:pt x="770" y="1968"/>
                </a:lnTo>
                <a:lnTo>
                  <a:pt x="754" y="1972"/>
                </a:lnTo>
                <a:lnTo>
                  <a:pt x="723" y="1979"/>
                </a:lnTo>
                <a:lnTo>
                  <a:pt x="690" y="1986"/>
                </a:lnTo>
                <a:lnTo>
                  <a:pt x="658" y="1990"/>
                </a:lnTo>
                <a:lnTo>
                  <a:pt x="641" y="1993"/>
                </a:lnTo>
                <a:lnTo>
                  <a:pt x="625" y="1994"/>
                </a:lnTo>
                <a:lnTo>
                  <a:pt x="591" y="1997"/>
                </a:lnTo>
                <a:lnTo>
                  <a:pt x="575" y="1997"/>
                </a:lnTo>
                <a:lnTo>
                  <a:pt x="558" y="1997"/>
                </a:lnTo>
                <a:lnTo>
                  <a:pt x="535" y="1997"/>
                </a:lnTo>
                <a:lnTo>
                  <a:pt x="512" y="1995"/>
                </a:lnTo>
                <a:lnTo>
                  <a:pt x="489" y="1994"/>
                </a:lnTo>
                <a:lnTo>
                  <a:pt x="466" y="1992"/>
                </a:lnTo>
                <a:lnTo>
                  <a:pt x="499" y="2012"/>
                </a:lnTo>
                <a:lnTo>
                  <a:pt x="532" y="2030"/>
                </a:lnTo>
                <a:lnTo>
                  <a:pt x="548" y="2039"/>
                </a:lnTo>
                <a:lnTo>
                  <a:pt x="565" y="2047"/>
                </a:lnTo>
                <a:lnTo>
                  <a:pt x="600" y="2065"/>
                </a:lnTo>
                <a:lnTo>
                  <a:pt x="635" y="2080"/>
                </a:lnTo>
                <a:lnTo>
                  <a:pt x="671" y="2094"/>
                </a:lnTo>
                <a:lnTo>
                  <a:pt x="707" y="2107"/>
                </a:lnTo>
                <a:lnTo>
                  <a:pt x="744" y="2119"/>
                </a:lnTo>
                <a:lnTo>
                  <a:pt x="781" y="2129"/>
                </a:lnTo>
                <a:lnTo>
                  <a:pt x="819" y="2138"/>
                </a:lnTo>
                <a:lnTo>
                  <a:pt x="838" y="2143"/>
                </a:lnTo>
                <a:lnTo>
                  <a:pt x="857" y="2146"/>
                </a:lnTo>
                <a:lnTo>
                  <a:pt x="876" y="2149"/>
                </a:lnTo>
                <a:lnTo>
                  <a:pt x="896" y="2153"/>
                </a:lnTo>
                <a:lnTo>
                  <a:pt x="916" y="2155"/>
                </a:lnTo>
                <a:lnTo>
                  <a:pt x="935" y="2158"/>
                </a:lnTo>
                <a:lnTo>
                  <a:pt x="975" y="2161"/>
                </a:lnTo>
                <a:lnTo>
                  <a:pt x="995" y="2162"/>
                </a:lnTo>
                <a:lnTo>
                  <a:pt x="1015" y="2164"/>
                </a:lnTo>
                <a:lnTo>
                  <a:pt x="1036" y="2164"/>
                </a:lnTo>
                <a:lnTo>
                  <a:pt x="1055" y="2164"/>
                </a:lnTo>
                <a:close/>
                <a:moveTo>
                  <a:pt x="0" y="0"/>
                </a:moveTo>
                <a:lnTo>
                  <a:pt x="702" y="0"/>
                </a:lnTo>
                <a:lnTo>
                  <a:pt x="1403" y="0"/>
                </a:lnTo>
                <a:lnTo>
                  <a:pt x="2105" y="0"/>
                </a:lnTo>
                <a:lnTo>
                  <a:pt x="2806" y="0"/>
                </a:lnTo>
                <a:lnTo>
                  <a:pt x="2806" y="701"/>
                </a:lnTo>
                <a:lnTo>
                  <a:pt x="2806" y="1403"/>
                </a:lnTo>
                <a:lnTo>
                  <a:pt x="2806" y="2104"/>
                </a:lnTo>
                <a:lnTo>
                  <a:pt x="2806" y="2806"/>
                </a:lnTo>
                <a:lnTo>
                  <a:pt x="2105" y="2806"/>
                </a:lnTo>
                <a:lnTo>
                  <a:pt x="1403" y="2806"/>
                </a:lnTo>
                <a:lnTo>
                  <a:pt x="702" y="2806"/>
                </a:lnTo>
                <a:lnTo>
                  <a:pt x="0" y="2806"/>
                </a:lnTo>
                <a:lnTo>
                  <a:pt x="0" y="2104"/>
                </a:lnTo>
                <a:lnTo>
                  <a:pt x="0" y="1403"/>
                </a:lnTo>
                <a:lnTo>
                  <a:pt x="0" y="70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9" name="Freeform 8">
            <a:hlinkClick r:id="rId3" tooltip="Verohallinto - facebook"/>
          </p:cNvPr>
          <p:cNvSpPr>
            <a:spLocks noChangeAspect="1" noEditPoints="1"/>
          </p:cNvSpPr>
          <p:nvPr/>
        </p:nvSpPr>
        <p:spPr bwMode="auto">
          <a:xfrm>
            <a:off x="734485" y="692150"/>
            <a:ext cx="385233" cy="287338"/>
          </a:xfrm>
          <a:custGeom>
            <a:avLst/>
            <a:gdLst>
              <a:gd name="T0" fmla="*/ 158390 w 2807"/>
              <a:gd name="T1" fmla="*/ 234731 h 2806"/>
              <a:gd name="T2" fmla="*/ 158390 w 2807"/>
              <a:gd name="T3" fmla="*/ 152006 h 2806"/>
              <a:gd name="T4" fmla="*/ 186244 w 2807"/>
              <a:gd name="T5" fmla="*/ 152006 h 2806"/>
              <a:gd name="T6" fmla="*/ 190458 w 2807"/>
              <a:gd name="T7" fmla="*/ 119675 h 2806"/>
              <a:gd name="T8" fmla="*/ 158390 w 2807"/>
              <a:gd name="T9" fmla="*/ 119675 h 2806"/>
              <a:gd name="T10" fmla="*/ 158390 w 2807"/>
              <a:gd name="T11" fmla="*/ 99045 h 2806"/>
              <a:gd name="T12" fmla="*/ 158493 w 2807"/>
              <a:gd name="T13" fmla="*/ 95761 h 2806"/>
              <a:gd name="T14" fmla="*/ 159006 w 2807"/>
              <a:gd name="T15" fmla="*/ 92681 h 2806"/>
              <a:gd name="T16" fmla="*/ 159932 w 2807"/>
              <a:gd name="T17" fmla="*/ 90013 h 2806"/>
              <a:gd name="T18" fmla="*/ 161268 w 2807"/>
              <a:gd name="T19" fmla="*/ 87755 h 2806"/>
              <a:gd name="T20" fmla="*/ 163426 w 2807"/>
              <a:gd name="T21" fmla="*/ 85907 h 2806"/>
              <a:gd name="T22" fmla="*/ 166304 w 2807"/>
              <a:gd name="T23" fmla="*/ 84573 h 2806"/>
              <a:gd name="T24" fmla="*/ 169799 w 2807"/>
              <a:gd name="T25" fmla="*/ 83649 h 2806"/>
              <a:gd name="T26" fmla="*/ 171957 w 2807"/>
              <a:gd name="T27" fmla="*/ 83444 h 2806"/>
              <a:gd name="T28" fmla="*/ 174424 w 2807"/>
              <a:gd name="T29" fmla="*/ 83444 h 2806"/>
              <a:gd name="T30" fmla="*/ 191383 w 2807"/>
              <a:gd name="T31" fmla="*/ 83444 h 2806"/>
              <a:gd name="T32" fmla="*/ 191383 w 2807"/>
              <a:gd name="T33" fmla="*/ 54398 h 2806"/>
              <a:gd name="T34" fmla="*/ 182236 w 2807"/>
              <a:gd name="T35" fmla="*/ 53679 h 2806"/>
              <a:gd name="T36" fmla="*/ 175041 w 2807"/>
              <a:gd name="T37" fmla="*/ 53474 h 2806"/>
              <a:gd name="T38" fmla="*/ 166510 w 2807"/>
              <a:gd name="T39" fmla="*/ 53166 h 2806"/>
              <a:gd name="T40" fmla="*/ 162090 w 2807"/>
              <a:gd name="T41" fmla="*/ 53474 h 2806"/>
              <a:gd name="T42" fmla="*/ 157773 w 2807"/>
              <a:gd name="T43" fmla="*/ 53987 h 2806"/>
              <a:gd name="T44" fmla="*/ 153559 w 2807"/>
              <a:gd name="T45" fmla="*/ 54808 h 2806"/>
              <a:gd name="T46" fmla="*/ 149550 w 2807"/>
              <a:gd name="T47" fmla="*/ 55937 h 2806"/>
              <a:gd name="T48" fmla="*/ 145953 w 2807"/>
              <a:gd name="T49" fmla="*/ 57477 h 2806"/>
              <a:gd name="T50" fmla="*/ 142561 w 2807"/>
              <a:gd name="T51" fmla="*/ 59427 h 2806"/>
              <a:gd name="T52" fmla="*/ 139375 w 2807"/>
              <a:gd name="T53" fmla="*/ 61685 h 2806"/>
              <a:gd name="T54" fmla="*/ 136497 w 2807"/>
              <a:gd name="T55" fmla="*/ 64251 h 2806"/>
              <a:gd name="T56" fmla="*/ 133927 w 2807"/>
              <a:gd name="T57" fmla="*/ 67022 h 2806"/>
              <a:gd name="T58" fmla="*/ 131666 w 2807"/>
              <a:gd name="T59" fmla="*/ 70204 h 2806"/>
              <a:gd name="T60" fmla="*/ 129610 w 2807"/>
              <a:gd name="T61" fmla="*/ 73796 h 2806"/>
              <a:gd name="T62" fmla="*/ 127966 w 2807"/>
              <a:gd name="T63" fmla="*/ 77594 h 2806"/>
              <a:gd name="T64" fmla="*/ 126732 w 2807"/>
              <a:gd name="T65" fmla="*/ 81699 h 2806"/>
              <a:gd name="T66" fmla="*/ 125807 w 2807"/>
              <a:gd name="T67" fmla="*/ 86113 h 2806"/>
              <a:gd name="T68" fmla="*/ 125191 w 2807"/>
              <a:gd name="T69" fmla="*/ 90937 h 2806"/>
              <a:gd name="T70" fmla="*/ 124882 w 2807"/>
              <a:gd name="T71" fmla="*/ 95863 h 2806"/>
              <a:gd name="T72" fmla="*/ 124882 w 2807"/>
              <a:gd name="T73" fmla="*/ 119675 h 2806"/>
              <a:gd name="T74" fmla="*/ 97028 w 2807"/>
              <a:gd name="T75" fmla="*/ 119675 h 2806"/>
              <a:gd name="T76" fmla="*/ 97028 w 2807"/>
              <a:gd name="T77" fmla="*/ 152006 h 2806"/>
              <a:gd name="T78" fmla="*/ 124882 w 2807"/>
              <a:gd name="T79" fmla="*/ 152006 h 2806"/>
              <a:gd name="T80" fmla="*/ 124882 w 2807"/>
              <a:gd name="T81" fmla="*/ 234731 h 2806"/>
              <a:gd name="T82" fmla="*/ 158390 w 2807"/>
              <a:gd name="T83" fmla="*/ 234731 h 2806"/>
              <a:gd name="T84" fmla="*/ 0 w 2807"/>
              <a:gd name="T85" fmla="*/ 0 h 2806"/>
              <a:gd name="T86" fmla="*/ 72154 w 2807"/>
              <a:gd name="T87" fmla="*/ 0 h 2806"/>
              <a:gd name="T88" fmla="*/ 144206 w 2807"/>
              <a:gd name="T89" fmla="*/ 0 h 2806"/>
              <a:gd name="T90" fmla="*/ 216360 w 2807"/>
              <a:gd name="T91" fmla="*/ 0 h 2806"/>
              <a:gd name="T92" fmla="*/ 288514 w 2807"/>
              <a:gd name="T93" fmla="*/ 0 h 2806"/>
              <a:gd name="T94" fmla="*/ 288514 w 2807"/>
              <a:gd name="T95" fmla="*/ 71949 h 2806"/>
              <a:gd name="T96" fmla="*/ 288514 w 2807"/>
              <a:gd name="T97" fmla="*/ 144000 h 2806"/>
              <a:gd name="T98" fmla="*/ 288514 w 2807"/>
              <a:gd name="T99" fmla="*/ 215949 h 2806"/>
              <a:gd name="T100" fmla="*/ 288514 w 2807"/>
              <a:gd name="T101" fmla="*/ 288000 h 2806"/>
              <a:gd name="T102" fmla="*/ 216360 w 2807"/>
              <a:gd name="T103" fmla="*/ 288000 h 2806"/>
              <a:gd name="T104" fmla="*/ 144206 w 2807"/>
              <a:gd name="T105" fmla="*/ 288000 h 2806"/>
              <a:gd name="T106" fmla="*/ 72154 w 2807"/>
              <a:gd name="T107" fmla="*/ 288000 h 2806"/>
              <a:gd name="T108" fmla="*/ 0 w 2807"/>
              <a:gd name="T109" fmla="*/ 288000 h 2806"/>
              <a:gd name="T110" fmla="*/ 0 w 2807"/>
              <a:gd name="T111" fmla="*/ 215949 h 2806"/>
              <a:gd name="T112" fmla="*/ 0 w 2807"/>
              <a:gd name="T113" fmla="*/ 144000 h 2806"/>
              <a:gd name="T114" fmla="*/ 0 w 2807"/>
              <a:gd name="T115" fmla="*/ 71949 h 2806"/>
              <a:gd name="T116" fmla="*/ 0 w 2807"/>
              <a:gd name="T117" fmla="*/ 0 h 2806"/>
              <a:gd name="T118" fmla="*/ 0 60000 65536"/>
              <a:gd name="T119" fmla="*/ 0 60000 65536"/>
              <a:gd name="T120" fmla="*/ 0 60000 65536"/>
              <a:gd name="T121" fmla="*/ 0 60000 65536"/>
              <a:gd name="T122" fmla="*/ 0 60000 65536"/>
              <a:gd name="T123" fmla="*/ 0 60000 65536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</a:gdLst>
            <a:ahLst/>
            <a:cxnLst>
              <a:cxn ang="T118">
                <a:pos x="T0" y="T1"/>
              </a:cxn>
              <a:cxn ang="T119">
                <a:pos x="T2" y="T3"/>
              </a:cxn>
              <a:cxn ang="T120">
                <a:pos x="T4" y="T5"/>
              </a:cxn>
              <a:cxn ang="T121">
                <a:pos x="T6" y="T7"/>
              </a:cxn>
              <a:cxn ang="T122">
                <a:pos x="T8" y="T9"/>
              </a:cxn>
              <a:cxn ang="T123">
                <a:pos x="T10" y="T11"/>
              </a:cxn>
              <a:cxn ang="T124">
                <a:pos x="T12" y="T13"/>
              </a:cxn>
              <a:cxn ang="T125">
                <a:pos x="T14" y="T15"/>
              </a:cxn>
              <a:cxn ang="T126">
                <a:pos x="T16" y="T17"/>
              </a:cxn>
              <a:cxn ang="T127">
                <a:pos x="T18" y="T19"/>
              </a:cxn>
              <a:cxn ang="T128">
                <a:pos x="T20" y="T21"/>
              </a:cxn>
              <a:cxn ang="T129">
                <a:pos x="T22" y="T23"/>
              </a:cxn>
              <a:cxn ang="T130">
                <a:pos x="T24" y="T25"/>
              </a:cxn>
              <a:cxn ang="T131">
                <a:pos x="T26" y="T27"/>
              </a:cxn>
              <a:cxn ang="T132">
                <a:pos x="T28" y="T29"/>
              </a:cxn>
              <a:cxn ang="T133">
                <a:pos x="T30" y="T31"/>
              </a:cxn>
              <a:cxn ang="T134">
                <a:pos x="T32" y="T33"/>
              </a:cxn>
              <a:cxn ang="T135">
                <a:pos x="T34" y="T35"/>
              </a:cxn>
              <a:cxn ang="T136">
                <a:pos x="T36" y="T37"/>
              </a:cxn>
              <a:cxn ang="T137">
                <a:pos x="T38" y="T39"/>
              </a:cxn>
              <a:cxn ang="T138">
                <a:pos x="T40" y="T41"/>
              </a:cxn>
              <a:cxn ang="T139">
                <a:pos x="T42" y="T43"/>
              </a:cxn>
              <a:cxn ang="T140">
                <a:pos x="T44" y="T45"/>
              </a:cxn>
              <a:cxn ang="T141">
                <a:pos x="T46" y="T47"/>
              </a:cxn>
              <a:cxn ang="T142">
                <a:pos x="T48" y="T49"/>
              </a:cxn>
              <a:cxn ang="T143">
                <a:pos x="T50" y="T51"/>
              </a:cxn>
              <a:cxn ang="T144">
                <a:pos x="T52" y="T53"/>
              </a:cxn>
              <a:cxn ang="T145">
                <a:pos x="T54" y="T55"/>
              </a:cxn>
              <a:cxn ang="T146">
                <a:pos x="T56" y="T57"/>
              </a:cxn>
              <a:cxn ang="T147">
                <a:pos x="T58" y="T59"/>
              </a:cxn>
              <a:cxn ang="T148">
                <a:pos x="T60" y="T61"/>
              </a:cxn>
              <a:cxn ang="T149">
                <a:pos x="T62" y="T63"/>
              </a:cxn>
              <a:cxn ang="T150">
                <a:pos x="T64" y="T65"/>
              </a:cxn>
              <a:cxn ang="T151">
                <a:pos x="T66" y="T67"/>
              </a:cxn>
              <a:cxn ang="T152">
                <a:pos x="T68" y="T69"/>
              </a:cxn>
              <a:cxn ang="T153">
                <a:pos x="T70" y="T71"/>
              </a:cxn>
              <a:cxn ang="T154">
                <a:pos x="T72" y="T73"/>
              </a:cxn>
              <a:cxn ang="T155">
                <a:pos x="T74" y="T75"/>
              </a:cxn>
              <a:cxn ang="T156">
                <a:pos x="T76" y="T77"/>
              </a:cxn>
              <a:cxn ang="T157">
                <a:pos x="T78" y="T79"/>
              </a:cxn>
              <a:cxn ang="T158">
                <a:pos x="T80" y="T81"/>
              </a:cxn>
              <a:cxn ang="T159">
                <a:pos x="T82" y="T83"/>
              </a:cxn>
              <a:cxn ang="T160">
                <a:pos x="T84" y="T85"/>
              </a:cxn>
              <a:cxn ang="T161">
                <a:pos x="T86" y="T87"/>
              </a:cxn>
              <a:cxn ang="T162">
                <a:pos x="T88" y="T89"/>
              </a:cxn>
              <a:cxn ang="T163">
                <a:pos x="T90" y="T91"/>
              </a:cxn>
              <a:cxn ang="T164">
                <a:pos x="T92" y="T93"/>
              </a:cxn>
              <a:cxn ang="T165">
                <a:pos x="T94" y="T95"/>
              </a:cxn>
              <a:cxn ang="T166">
                <a:pos x="T96" y="T97"/>
              </a:cxn>
              <a:cxn ang="T167">
                <a:pos x="T98" y="T99"/>
              </a:cxn>
              <a:cxn ang="T168">
                <a:pos x="T100" y="T101"/>
              </a:cxn>
              <a:cxn ang="T169">
                <a:pos x="T102" y="T103"/>
              </a:cxn>
              <a:cxn ang="T170">
                <a:pos x="T104" y="T105"/>
              </a:cxn>
              <a:cxn ang="T171">
                <a:pos x="T106" y="T107"/>
              </a:cxn>
              <a:cxn ang="T172">
                <a:pos x="T108" y="T109"/>
              </a:cxn>
              <a:cxn ang="T173">
                <a:pos x="T110" y="T111"/>
              </a:cxn>
              <a:cxn ang="T174">
                <a:pos x="T112" y="T113"/>
              </a:cxn>
              <a:cxn ang="T175">
                <a:pos x="T114" y="T115"/>
              </a:cxn>
              <a:cxn ang="T176">
                <a:pos x="T116" y="T117"/>
              </a:cxn>
            </a:cxnLst>
            <a:rect l="0" t="0" r="r" b="b"/>
            <a:pathLst>
              <a:path w="2807" h="2806">
                <a:moveTo>
                  <a:pt x="1541" y="2287"/>
                </a:moveTo>
                <a:lnTo>
                  <a:pt x="1541" y="1481"/>
                </a:lnTo>
                <a:lnTo>
                  <a:pt x="1812" y="1481"/>
                </a:lnTo>
                <a:lnTo>
                  <a:pt x="1853" y="1166"/>
                </a:lnTo>
                <a:lnTo>
                  <a:pt x="1541" y="1166"/>
                </a:lnTo>
                <a:lnTo>
                  <a:pt x="1541" y="965"/>
                </a:lnTo>
                <a:lnTo>
                  <a:pt x="1542" y="933"/>
                </a:lnTo>
                <a:lnTo>
                  <a:pt x="1547" y="903"/>
                </a:lnTo>
                <a:lnTo>
                  <a:pt x="1556" y="877"/>
                </a:lnTo>
                <a:lnTo>
                  <a:pt x="1569" y="855"/>
                </a:lnTo>
                <a:lnTo>
                  <a:pt x="1590" y="837"/>
                </a:lnTo>
                <a:lnTo>
                  <a:pt x="1618" y="824"/>
                </a:lnTo>
                <a:lnTo>
                  <a:pt x="1652" y="815"/>
                </a:lnTo>
                <a:lnTo>
                  <a:pt x="1673" y="813"/>
                </a:lnTo>
                <a:lnTo>
                  <a:pt x="1697" y="813"/>
                </a:lnTo>
                <a:lnTo>
                  <a:pt x="1862" y="813"/>
                </a:lnTo>
                <a:lnTo>
                  <a:pt x="1862" y="530"/>
                </a:lnTo>
                <a:lnTo>
                  <a:pt x="1773" y="523"/>
                </a:lnTo>
                <a:lnTo>
                  <a:pt x="1703" y="521"/>
                </a:lnTo>
                <a:lnTo>
                  <a:pt x="1620" y="518"/>
                </a:lnTo>
                <a:lnTo>
                  <a:pt x="1577" y="521"/>
                </a:lnTo>
                <a:lnTo>
                  <a:pt x="1535" y="526"/>
                </a:lnTo>
                <a:lnTo>
                  <a:pt x="1494" y="534"/>
                </a:lnTo>
                <a:lnTo>
                  <a:pt x="1455" y="545"/>
                </a:lnTo>
                <a:lnTo>
                  <a:pt x="1420" y="560"/>
                </a:lnTo>
                <a:lnTo>
                  <a:pt x="1387" y="579"/>
                </a:lnTo>
                <a:lnTo>
                  <a:pt x="1356" y="601"/>
                </a:lnTo>
                <a:lnTo>
                  <a:pt x="1328" y="626"/>
                </a:lnTo>
                <a:lnTo>
                  <a:pt x="1303" y="653"/>
                </a:lnTo>
                <a:lnTo>
                  <a:pt x="1281" y="684"/>
                </a:lnTo>
                <a:lnTo>
                  <a:pt x="1261" y="719"/>
                </a:lnTo>
                <a:lnTo>
                  <a:pt x="1245" y="756"/>
                </a:lnTo>
                <a:lnTo>
                  <a:pt x="1233" y="796"/>
                </a:lnTo>
                <a:lnTo>
                  <a:pt x="1224" y="839"/>
                </a:lnTo>
                <a:lnTo>
                  <a:pt x="1218" y="886"/>
                </a:lnTo>
                <a:lnTo>
                  <a:pt x="1215" y="934"/>
                </a:lnTo>
                <a:lnTo>
                  <a:pt x="1215" y="1166"/>
                </a:lnTo>
                <a:lnTo>
                  <a:pt x="944" y="1166"/>
                </a:lnTo>
                <a:lnTo>
                  <a:pt x="944" y="1481"/>
                </a:lnTo>
                <a:lnTo>
                  <a:pt x="1215" y="1481"/>
                </a:lnTo>
                <a:lnTo>
                  <a:pt x="1215" y="2287"/>
                </a:lnTo>
                <a:lnTo>
                  <a:pt x="1541" y="2287"/>
                </a:lnTo>
                <a:close/>
                <a:moveTo>
                  <a:pt x="0" y="0"/>
                </a:moveTo>
                <a:lnTo>
                  <a:pt x="702" y="0"/>
                </a:lnTo>
                <a:lnTo>
                  <a:pt x="1403" y="0"/>
                </a:lnTo>
                <a:lnTo>
                  <a:pt x="2105" y="0"/>
                </a:lnTo>
                <a:lnTo>
                  <a:pt x="2807" y="0"/>
                </a:lnTo>
                <a:lnTo>
                  <a:pt x="2807" y="701"/>
                </a:lnTo>
                <a:lnTo>
                  <a:pt x="2807" y="1403"/>
                </a:lnTo>
                <a:lnTo>
                  <a:pt x="2807" y="2104"/>
                </a:lnTo>
                <a:lnTo>
                  <a:pt x="2807" y="2806"/>
                </a:lnTo>
                <a:lnTo>
                  <a:pt x="2105" y="2806"/>
                </a:lnTo>
                <a:lnTo>
                  <a:pt x="1403" y="2806"/>
                </a:lnTo>
                <a:lnTo>
                  <a:pt x="702" y="2806"/>
                </a:lnTo>
                <a:lnTo>
                  <a:pt x="0" y="2806"/>
                </a:lnTo>
                <a:lnTo>
                  <a:pt x="0" y="2104"/>
                </a:lnTo>
                <a:lnTo>
                  <a:pt x="0" y="1403"/>
                </a:lnTo>
                <a:lnTo>
                  <a:pt x="0" y="70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10" name="Freeform 10">
            <a:hlinkClick r:id="rId4" tooltip="Verohallinto - YouTube Channel"/>
          </p:cNvPr>
          <p:cNvSpPr>
            <a:spLocks noChangeAspect="1" noEditPoints="1"/>
          </p:cNvSpPr>
          <p:nvPr/>
        </p:nvSpPr>
        <p:spPr bwMode="auto">
          <a:xfrm>
            <a:off x="2175934" y="692150"/>
            <a:ext cx="383117" cy="287338"/>
          </a:xfrm>
          <a:custGeom>
            <a:avLst/>
            <a:gdLst>
              <a:gd name="T0" fmla="*/ 81449 w 2804"/>
              <a:gd name="T1" fmla="*/ 130965 h 2806"/>
              <a:gd name="T2" fmla="*/ 72308 w 2804"/>
              <a:gd name="T3" fmla="*/ 127167 h 2806"/>
              <a:gd name="T4" fmla="*/ 62140 w 2804"/>
              <a:gd name="T5" fmla="*/ 132505 h 2806"/>
              <a:gd name="T6" fmla="*/ 60291 w 2804"/>
              <a:gd name="T7" fmla="*/ 163706 h 2806"/>
              <a:gd name="T8" fmla="*/ 66248 w 2804"/>
              <a:gd name="T9" fmla="*/ 172738 h 2806"/>
              <a:gd name="T10" fmla="*/ 76930 w 2804"/>
              <a:gd name="T11" fmla="*/ 173252 h 2806"/>
              <a:gd name="T12" fmla="*/ 83606 w 2804"/>
              <a:gd name="T13" fmla="*/ 166375 h 2806"/>
              <a:gd name="T14" fmla="*/ 75800 w 2804"/>
              <a:gd name="T15" fmla="*/ 163296 h 2806"/>
              <a:gd name="T16" fmla="*/ 72308 w 2804"/>
              <a:gd name="T17" fmla="*/ 166580 h 2806"/>
              <a:gd name="T18" fmla="*/ 68611 w 2804"/>
              <a:gd name="T19" fmla="*/ 162064 h 2806"/>
              <a:gd name="T20" fmla="*/ 69432 w 2804"/>
              <a:gd name="T21" fmla="*/ 136097 h 2806"/>
              <a:gd name="T22" fmla="*/ 74465 w 2804"/>
              <a:gd name="T23" fmla="*/ 135481 h 2806"/>
              <a:gd name="T24" fmla="*/ 50431 w 2804"/>
              <a:gd name="T25" fmla="*/ 173457 h 2806"/>
              <a:gd name="T26" fmla="*/ 50431 w 2804"/>
              <a:gd name="T27" fmla="*/ 148516 h 2806"/>
              <a:gd name="T28" fmla="*/ 98499 w 2804"/>
              <a:gd name="T29" fmla="*/ 173970 h 2806"/>
              <a:gd name="T30" fmla="*/ 91823 w 2804"/>
              <a:gd name="T31" fmla="*/ 170583 h 2806"/>
              <a:gd name="T32" fmla="*/ 99835 w 2804"/>
              <a:gd name="T33" fmla="*/ 165656 h 2806"/>
              <a:gd name="T34" fmla="*/ 104456 w 2804"/>
              <a:gd name="T35" fmla="*/ 164938 h 2806"/>
              <a:gd name="T36" fmla="*/ 200902 w 2804"/>
              <a:gd name="T37" fmla="*/ 135994 h 2806"/>
              <a:gd name="T38" fmla="*/ 204907 w 2804"/>
              <a:gd name="T39" fmla="*/ 166478 h 2806"/>
              <a:gd name="T40" fmla="*/ 207475 w 2804"/>
              <a:gd name="T41" fmla="*/ 140716 h 2806"/>
              <a:gd name="T42" fmla="*/ 204086 w 2804"/>
              <a:gd name="T43" fmla="*/ 134763 h 2806"/>
              <a:gd name="T44" fmla="*/ 235515 w 2804"/>
              <a:gd name="T45" fmla="*/ 134865 h 2806"/>
              <a:gd name="T46" fmla="*/ 230688 w 2804"/>
              <a:gd name="T47" fmla="*/ 136610 h 2806"/>
              <a:gd name="T48" fmla="*/ 255544 w 2804"/>
              <a:gd name="T49" fmla="*/ 111772 h 2806"/>
              <a:gd name="T50" fmla="*/ 249278 w 2804"/>
              <a:gd name="T51" fmla="*/ 101713 h 2806"/>
              <a:gd name="T52" fmla="*/ 237775 w 2804"/>
              <a:gd name="T53" fmla="*/ 97813 h 2806"/>
              <a:gd name="T54" fmla="*/ 150060 w 2804"/>
              <a:gd name="T55" fmla="*/ 97300 h 2806"/>
              <a:gd name="T56" fmla="*/ 130853 w 2804"/>
              <a:gd name="T57" fmla="*/ 101713 h 2806"/>
              <a:gd name="T58" fmla="*/ 123766 w 2804"/>
              <a:gd name="T59" fmla="*/ 115467 h 2806"/>
              <a:gd name="T60" fmla="*/ 122431 w 2804"/>
              <a:gd name="T61" fmla="*/ 160935 h 2806"/>
              <a:gd name="T62" fmla="*/ 126231 w 2804"/>
              <a:gd name="T63" fmla="*/ 180641 h 2806"/>
              <a:gd name="T64" fmla="*/ 137221 w 2804"/>
              <a:gd name="T65" fmla="*/ 189058 h 2806"/>
              <a:gd name="T66" fmla="*/ 190117 w 2804"/>
              <a:gd name="T67" fmla="*/ 191624 h 2806"/>
              <a:gd name="T68" fmla="*/ 243526 w 2804"/>
              <a:gd name="T69" fmla="*/ 189263 h 2806"/>
              <a:gd name="T70" fmla="*/ 253900 w 2804"/>
              <a:gd name="T71" fmla="*/ 180641 h 2806"/>
              <a:gd name="T72" fmla="*/ 258009 w 2804"/>
              <a:gd name="T73" fmla="*/ 153135 h 2806"/>
              <a:gd name="T74" fmla="*/ 142767 w 2804"/>
              <a:gd name="T75" fmla="*/ 173457 h 2806"/>
              <a:gd name="T76" fmla="*/ 174813 w 2804"/>
              <a:gd name="T77" fmla="*/ 169762 h 2806"/>
              <a:gd name="T78" fmla="*/ 164748 w 2804"/>
              <a:gd name="T79" fmla="*/ 173765 h 2806"/>
              <a:gd name="T80" fmla="*/ 160742 w 2804"/>
              <a:gd name="T81" fmla="*/ 166991 h 2806"/>
              <a:gd name="T82" fmla="*/ 170397 w 2804"/>
              <a:gd name="T83" fmla="*/ 166478 h 2806"/>
              <a:gd name="T84" fmla="*/ 184776 w 2804"/>
              <a:gd name="T85" fmla="*/ 127886 h 2806"/>
              <a:gd name="T86" fmla="*/ 214254 w 2804"/>
              <a:gd name="T87" fmla="*/ 171096 h 2806"/>
              <a:gd name="T88" fmla="*/ 205729 w 2804"/>
              <a:gd name="T89" fmla="*/ 173457 h 2806"/>
              <a:gd name="T90" fmla="*/ 199772 w 2804"/>
              <a:gd name="T91" fmla="*/ 112388 h 2806"/>
              <a:gd name="T92" fmla="*/ 208502 w 2804"/>
              <a:gd name="T93" fmla="*/ 127270 h 2806"/>
              <a:gd name="T94" fmla="*/ 214562 w 2804"/>
              <a:gd name="T95" fmla="*/ 131273 h 2806"/>
              <a:gd name="T96" fmla="*/ 235720 w 2804"/>
              <a:gd name="T97" fmla="*/ 166375 h 2806"/>
              <a:gd name="T98" fmla="*/ 246608 w 2804"/>
              <a:gd name="T99" fmla="*/ 157445 h 2806"/>
              <a:gd name="T100" fmla="*/ 243526 w 2804"/>
              <a:gd name="T101" fmla="*/ 170275 h 2806"/>
              <a:gd name="T102" fmla="*/ 234591 w 2804"/>
              <a:gd name="T103" fmla="*/ 173970 h 2806"/>
              <a:gd name="T104" fmla="*/ 223909 w 2804"/>
              <a:gd name="T105" fmla="*/ 168428 h 2806"/>
              <a:gd name="T106" fmla="*/ 221854 w 2804"/>
              <a:gd name="T107" fmla="*/ 139484 h 2806"/>
              <a:gd name="T108" fmla="*/ 228736 w 2804"/>
              <a:gd name="T109" fmla="*/ 128502 h 2806"/>
              <a:gd name="T110" fmla="*/ 238596 w 2804"/>
              <a:gd name="T111" fmla="*/ 127886 h 2806"/>
              <a:gd name="T112" fmla="*/ 245067 w 2804"/>
              <a:gd name="T113" fmla="*/ 133942 h 2806"/>
              <a:gd name="T114" fmla="*/ 230379 w 2804"/>
              <a:gd name="T115" fmla="*/ 161654 h 2806"/>
              <a:gd name="T116" fmla="*/ 0 w 2804"/>
              <a:gd name="T117" fmla="*/ 0 h 2806"/>
              <a:gd name="T118" fmla="*/ 71897 w 2804"/>
              <a:gd name="T119" fmla="*/ 288000 h 2806"/>
              <a:gd name="T120" fmla="*/ 0 60000 65536"/>
              <a:gd name="T121" fmla="*/ 0 60000 65536"/>
              <a:gd name="T122" fmla="*/ 0 60000 65536"/>
              <a:gd name="T123" fmla="*/ 0 60000 65536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</a:gdLst>
            <a:ahLst/>
            <a:cxnLst>
              <a:cxn ang="T120">
                <a:pos x="T0" y="T1"/>
              </a:cxn>
              <a:cxn ang="T121">
                <a:pos x="T2" y="T3"/>
              </a:cxn>
              <a:cxn ang="T122">
                <a:pos x="T4" y="T5"/>
              </a:cxn>
              <a:cxn ang="T123">
                <a:pos x="T6" y="T7"/>
              </a:cxn>
              <a:cxn ang="T124">
                <a:pos x="T8" y="T9"/>
              </a:cxn>
              <a:cxn ang="T125">
                <a:pos x="T10" y="T11"/>
              </a:cxn>
              <a:cxn ang="T126">
                <a:pos x="T12" y="T13"/>
              </a:cxn>
              <a:cxn ang="T127">
                <a:pos x="T14" y="T15"/>
              </a:cxn>
              <a:cxn ang="T128">
                <a:pos x="T16" y="T17"/>
              </a:cxn>
              <a:cxn ang="T129">
                <a:pos x="T18" y="T19"/>
              </a:cxn>
              <a:cxn ang="T130">
                <a:pos x="T20" y="T21"/>
              </a:cxn>
              <a:cxn ang="T131">
                <a:pos x="T22" y="T23"/>
              </a:cxn>
              <a:cxn ang="T132">
                <a:pos x="T24" y="T25"/>
              </a:cxn>
              <a:cxn ang="T133">
                <a:pos x="T26" y="T27"/>
              </a:cxn>
              <a:cxn ang="T134">
                <a:pos x="T28" y="T29"/>
              </a:cxn>
              <a:cxn ang="T135">
                <a:pos x="T30" y="T31"/>
              </a:cxn>
              <a:cxn ang="T136">
                <a:pos x="T32" y="T33"/>
              </a:cxn>
              <a:cxn ang="T137">
                <a:pos x="T34" y="T35"/>
              </a:cxn>
              <a:cxn ang="T138">
                <a:pos x="T36" y="T37"/>
              </a:cxn>
              <a:cxn ang="T139">
                <a:pos x="T38" y="T39"/>
              </a:cxn>
              <a:cxn ang="T140">
                <a:pos x="T40" y="T41"/>
              </a:cxn>
              <a:cxn ang="T141">
                <a:pos x="T42" y="T43"/>
              </a:cxn>
              <a:cxn ang="T142">
                <a:pos x="T44" y="T45"/>
              </a:cxn>
              <a:cxn ang="T143">
                <a:pos x="T46" y="T47"/>
              </a:cxn>
              <a:cxn ang="T144">
                <a:pos x="T48" y="T49"/>
              </a:cxn>
              <a:cxn ang="T145">
                <a:pos x="T50" y="T51"/>
              </a:cxn>
              <a:cxn ang="T146">
                <a:pos x="T52" y="T53"/>
              </a:cxn>
              <a:cxn ang="T147">
                <a:pos x="T54" y="T55"/>
              </a:cxn>
              <a:cxn ang="T148">
                <a:pos x="T56" y="T57"/>
              </a:cxn>
              <a:cxn ang="T149">
                <a:pos x="T58" y="T59"/>
              </a:cxn>
              <a:cxn ang="T150">
                <a:pos x="T60" y="T61"/>
              </a:cxn>
              <a:cxn ang="T151">
                <a:pos x="T62" y="T63"/>
              </a:cxn>
              <a:cxn ang="T152">
                <a:pos x="T64" y="T65"/>
              </a:cxn>
              <a:cxn ang="T153">
                <a:pos x="T66" y="T67"/>
              </a:cxn>
              <a:cxn ang="T154">
                <a:pos x="T68" y="T69"/>
              </a:cxn>
              <a:cxn ang="T155">
                <a:pos x="T70" y="T71"/>
              </a:cxn>
              <a:cxn ang="T156">
                <a:pos x="T72" y="T73"/>
              </a:cxn>
              <a:cxn ang="T157">
                <a:pos x="T74" y="T75"/>
              </a:cxn>
              <a:cxn ang="T158">
                <a:pos x="T76" y="T77"/>
              </a:cxn>
              <a:cxn ang="T159">
                <a:pos x="T78" y="T79"/>
              </a:cxn>
              <a:cxn ang="T160">
                <a:pos x="T80" y="T81"/>
              </a:cxn>
              <a:cxn ang="T161">
                <a:pos x="T82" y="T83"/>
              </a:cxn>
              <a:cxn ang="T162">
                <a:pos x="T84" y="T85"/>
              </a:cxn>
              <a:cxn ang="T163">
                <a:pos x="T86" y="T87"/>
              </a:cxn>
              <a:cxn ang="T164">
                <a:pos x="T88" y="T89"/>
              </a:cxn>
              <a:cxn ang="T165">
                <a:pos x="T90" y="T91"/>
              </a:cxn>
              <a:cxn ang="T166">
                <a:pos x="T92" y="T93"/>
              </a:cxn>
              <a:cxn ang="T167">
                <a:pos x="T94" y="T95"/>
              </a:cxn>
              <a:cxn ang="T168">
                <a:pos x="T96" y="T97"/>
              </a:cxn>
              <a:cxn ang="T169">
                <a:pos x="T98" y="T99"/>
              </a:cxn>
              <a:cxn ang="T170">
                <a:pos x="T100" y="T101"/>
              </a:cxn>
              <a:cxn ang="T171">
                <a:pos x="T102" y="T103"/>
              </a:cxn>
              <a:cxn ang="T172">
                <a:pos x="T104" y="T105"/>
              </a:cxn>
              <a:cxn ang="T173">
                <a:pos x="T106" y="T107"/>
              </a:cxn>
              <a:cxn ang="T174">
                <a:pos x="T108" y="T109"/>
              </a:cxn>
              <a:cxn ang="T175">
                <a:pos x="T110" y="T111"/>
              </a:cxn>
              <a:cxn ang="T176">
                <a:pos x="T112" y="T113"/>
              </a:cxn>
              <a:cxn ang="T177">
                <a:pos x="T114" y="T115"/>
              </a:cxn>
              <a:cxn ang="T178">
                <a:pos x="T116" y="T117"/>
              </a:cxn>
              <a:cxn ang="T179">
                <a:pos x="T118" y="T119"/>
              </a:cxn>
            </a:cxnLst>
            <a:rect l="0" t="0" r="r" b="b"/>
            <a:pathLst>
              <a:path w="2804" h="2806">
                <a:moveTo>
                  <a:pt x="824" y="1388"/>
                </a:moveTo>
                <a:lnTo>
                  <a:pt x="822" y="1371"/>
                </a:lnTo>
                <a:lnTo>
                  <a:pt x="821" y="1355"/>
                </a:lnTo>
                <a:lnTo>
                  <a:pt x="819" y="1340"/>
                </a:lnTo>
                <a:lnTo>
                  <a:pt x="816" y="1325"/>
                </a:lnTo>
                <a:lnTo>
                  <a:pt x="813" y="1313"/>
                </a:lnTo>
                <a:lnTo>
                  <a:pt x="810" y="1307"/>
                </a:lnTo>
                <a:lnTo>
                  <a:pt x="808" y="1302"/>
                </a:lnTo>
                <a:lnTo>
                  <a:pt x="803" y="1291"/>
                </a:lnTo>
                <a:lnTo>
                  <a:pt x="796" y="1282"/>
                </a:lnTo>
                <a:lnTo>
                  <a:pt x="793" y="1276"/>
                </a:lnTo>
                <a:lnTo>
                  <a:pt x="788" y="1271"/>
                </a:lnTo>
                <a:lnTo>
                  <a:pt x="783" y="1267"/>
                </a:lnTo>
                <a:lnTo>
                  <a:pt x="778" y="1262"/>
                </a:lnTo>
                <a:lnTo>
                  <a:pt x="772" y="1258"/>
                </a:lnTo>
                <a:lnTo>
                  <a:pt x="767" y="1255"/>
                </a:lnTo>
                <a:lnTo>
                  <a:pt x="761" y="1251"/>
                </a:lnTo>
                <a:lnTo>
                  <a:pt x="754" y="1249"/>
                </a:lnTo>
                <a:lnTo>
                  <a:pt x="743" y="1245"/>
                </a:lnTo>
                <a:lnTo>
                  <a:pt x="730" y="1241"/>
                </a:lnTo>
                <a:lnTo>
                  <a:pt x="717" y="1240"/>
                </a:lnTo>
                <a:lnTo>
                  <a:pt x="704" y="1239"/>
                </a:lnTo>
                <a:lnTo>
                  <a:pt x="689" y="1240"/>
                </a:lnTo>
                <a:lnTo>
                  <a:pt x="681" y="1240"/>
                </a:lnTo>
                <a:lnTo>
                  <a:pt x="675" y="1241"/>
                </a:lnTo>
                <a:lnTo>
                  <a:pt x="663" y="1245"/>
                </a:lnTo>
                <a:lnTo>
                  <a:pt x="650" y="1249"/>
                </a:lnTo>
                <a:lnTo>
                  <a:pt x="639" y="1255"/>
                </a:lnTo>
                <a:lnTo>
                  <a:pt x="634" y="1258"/>
                </a:lnTo>
                <a:lnTo>
                  <a:pt x="628" y="1262"/>
                </a:lnTo>
                <a:lnTo>
                  <a:pt x="619" y="1271"/>
                </a:lnTo>
                <a:lnTo>
                  <a:pt x="611" y="1282"/>
                </a:lnTo>
                <a:lnTo>
                  <a:pt x="605" y="1291"/>
                </a:lnTo>
                <a:lnTo>
                  <a:pt x="598" y="1302"/>
                </a:lnTo>
                <a:lnTo>
                  <a:pt x="595" y="1313"/>
                </a:lnTo>
                <a:lnTo>
                  <a:pt x="591" y="1325"/>
                </a:lnTo>
                <a:lnTo>
                  <a:pt x="587" y="1340"/>
                </a:lnTo>
                <a:lnTo>
                  <a:pt x="586" y="1355"/>
                </a:lnTo>
                <a:lnTo>
                  <a:pt x="585" y="1371"/>
                </a:lnTo>
                <a:lnTo>
                  <a:pt x="584" y="1388"/>
                </a:lnTo>
                <a:lnTo>
                  <a:pt x="584" y="1548"/>
                </a:lnTo>
                <a:lnTo>
                  <a:pt x="584" y="1565"/>
                </a:lnTo>
                <a:lnTo>
                  <a:pt x="585" y="1581"/>
                </a:lnTo>
                <a:lnTo>
                  <a:pt x="587" y="1595"/>
                </a:lnTo>
                <a:lnTo>
                  <a:pt x="590" y="1609"/>
                </a:lnTo>
                <a:lnTo>
                  <a:pt x="592" y="1615"/>
                </a:lnTo>
                <a:lnTo>
                  <a:pt x="594" y="1621"/>
                </a:lnTo>
                <a:lnTo>
                  <a:pt x="598" y="1632"/>
                </a:lnTo>
                <a:lnTo>
                  <a:pt x="603" y="1642"/>
                </a:lnTo>
                <a:lnTo>
                  <a:pt x="610" y="1651"/>
                </a:lnTo>
                <a:lnTo>
                  <a:pt x="618" y="1662"/>
                </a:lnTo>
                <a:lnTo>
                  <a:pt x="623" y="1667"/>
                </a:lnTo>
                <a:lnTo>
                  <a:pt x="628" y="1670"/>
                </a:lnTo>
                <a:lnTo>
                  <a:pt x="639" y="1679"/>
                </a:lnTo>
                <a:lnTo>
                  <a:pt x="645" y="1683"/>
                </a:lnTo>
                <a:lnTo>
                  <a:pt x="652" y="1685"/>
                </a:lnTo>
                <a:lnTo>
                  <a:pt x="664" y="1690"/>
                </a:lnTo>
                <a:lnTo>
                  <a:pt x="676" y="1694"/>
                </a:lnTo>
                <a:lnTo>
                  <a:pt x="684" y="1695"/>
                </a:lnTo>
                <a:lnTo>
                  <a:pt x="690" y="1696"/>
                </a:lnTo>
                <a:lnTo>
                  <a:pt x="696" y="1698"/>
                </a:lnTo>
                <a:lnTo>
                  <a:pt x="704" y="1698"/>
                </a:lnTo>
                <a:lnTo>
                  <a:pt x="717" y="1696"/>
                </a:lnTo>
                <a:lnTo>
                  <a:pt x="730" y="1694"/>
                </a:lnTo>
                <a:lnTo>
                  <a:pt x="743" y="1690"/>
                </a:lnTo>
                <a:lnTo>
                  <a:pt x="749" y="1688"/>
                </a:lnTo>
                <a:lnTo>
                  <a:pt x="756" y="1685"/>
                </a:lnTo>
                <a:lnTo>
                  <a:pt x="768" y="1679"/>
                </a:lnTo>
                <a:lnTo>
                  <a:pt x="774" y="1675"/>
                </a:lnTo>
                <a:lnTo>
                  <a:pt x="779" y="1670"/>
                </a:lnTo>
                <a:lnTo>
                  <a:pt x="784" y="1667"/>
                </a:lnTo>
                <a:lnTo>
                  <a:pt x="789" y="1662"/>
                </a:lnTo>
                <a:lnTo>
                  <a:pt x="794" y="1657"/>
                </a:lnTo>
                <a:lnTo>
                  <a:pt x="799" y="1651"/>
                </a:lnTo>
                <a:lnTo>
                  <a:pt x="804" y="1642"/>
                </a:lnTo>
                <a:lnTo>
                  <a:pt x="810" y="1632"/>
                </a:lnTo>
                <a:lnTo>
                  <a:pt x="814" y="1621"/>
                </a:lnTo>
                <a:lnTo>
                  <a:pt x="817" y="1609"/>
                </a:lnTo>
                <a:lnTo>
                  <a:pt x="820" y="1595"/>
                </a:lnTo>
                <a:lnTo>
                  <a:pt x="821" y="1581"/>
                </a:lnTo>
                <a:lnTo>
                  <a:pt x="822" y="1565"/>
                </a:lnTo>
                <a:lnTo>
                  <a:pt x="824" y="1548"/>
                </a:lnTo>
                <a:lnTo>
                  <a:pt x="824" y="1388"/>
                </a:lnTo>
                <a:close/>
                <a:moveTo>
                  <a:pt x="740" y="1557"/>
                </a:moveTo>
                <a:lnTo>
                  <a:pt x="740" y="1573"/>
                </a:lnTo>
                <a:lnTo>
                  <a:pt x="740" y="1579"/>
                </a:lnTo>
                <a:lnTo>
                  <a:pt x="740" y="1586"/>
                </a:lnTo>
                <a:lnTo>
                  <a:pt x="738" y="1591"/>
                </a:lnTo>
                <a:lnTo>
                  <a:pt x="737" y="1597"/>
                </a:lnTo>
                <a:lnTo>
                  <a:pt x="735" y="1602"/>
                </a:lnTo>
                <a:lnTo>
                  <a:pt x="732" y="1606"/>
                </a:lnTo>
                <a:lnTo>
                  <a:pt x="730" y="1610"/>
                </a:lnTo>
                <a:lnTo>
                  <a:pt x="727" y="1614"/>
                </a:lnTo>
                <a:lnTo>
                  <a:pt x="725" y="1617"/>
                </a:lnTo>
                <a:lnTo>
                  <a:pt x="721" y="1618"/>
                </a:lnTo>
                <a:lnTo>
                  <a:pt x="717" y="1621"/>
                </a:lnTo>
                <a:lnTo>
                  <a:pt x="712" y="1622"/>
                </a:lnTo>
                <a:lnTo>
                  <a:pt x="709" y="1623"/>
                </a:lnTo>
                <a:lnTo>
                  <a:pt x="704" y="1623"/>
                </a:lnTo>
                <a:lnTo>
                  <a:pt x="699" y="1623"/>
                </a:lnTo>
                <a:lnTo>
                  <a:pt x="694" y="1622"/>
                </a:lnTo>
                <a:lnTo>
                  <a:pt x="690" y="1621"/>
                </a:lnTo>
                <a:lnTo>
                  <a:pt x="686" y="1618"/>
                </a:lnTo>
                <a:lnTo>
                  <a:pt x="683" y="1617"/>
                </a:lnTo>
                <a:lnTo>
                  <a:pt x="680" y="1614"/>
                </a:lnTo>
                <a:lnTo>
                  <a:pt x="676" y="1610"/>
                </a:lnTo>
                <a:lnTo>
                  <a:pt x="674" y="1606"/>
                </a:lnTo>
                <a:lnTo>
                  <a:pt x="670" y="1597"/>
                </a:lnTo>
                <a:lnTo>
                  <a:pt x="668" y="1586"/>
                </a:lnTo>
                <a:lnTo>
                  <a:pt x="668" y="1579"/>
                </a:lnTo>
                <a:lnTo>
                  <a:pt x="668" y="1573"/>
                </a:lnTo>
                <a:lnTo>
                  <a:pt x="668" y="1557"/>
                </a:lnTo>
                <a:lnTo>
                  <a:pt x="668" y="1380"/>
                </a:lnTo>
                <a:lnTo>
                  <a:pt x="668" y="1364"/>
                </a:lnTo>
                <a:lnTo>
                  <a:pt x="668" y="1357"/>
                </a:lnTo>
                <a:lnTo>
                  <a:pt x="668" y="1350"/>
                </a:lnTo>
                <a:lnTo>
                  <a:pt x="669" y="1345"/>
                </a:lnTo>
                <a:lnTo>
                  <a:pt x="670" y="1339"/>
                </a:lnTo>
                <a:lnTo>
                  <a:pt x="673" y="1334"/>
                </a:lnTo>
                <a:lnTo>
                  <a:pt x="674" y="1330"/>
                </a:lnTo>
                <a:lnTo>
                  <a:pt x="676" y="1326"/>
                </a:lnTo>
                <a:lnTo>
                  <a:pt x="680" y="1323"/>
                </a:lnTo>
                <a:lnTo>
                  <a:pt x="683" y="1320"/>
                </a:lnTo>
                <a:lnTo>
                  <a:pt x="686" y="1318"/>
                </a:lnTo>
                <a:lnTo>
                  <a:pt x="694" y="1315"/>
                </a:lnTo>
                <a:lnTo>
                  <a:pt x="699" y="1314"/>
                </a:lnTo>
                <a:lnTo>
                  <a:pt x="704" y="1314"/>
                </a:lnTo>
                <a:lnTo>
                  <a:pt x="709" y="1314"/>
                </a:lnTo>
                <a:lnTo>
                  <a:pt x="712" y="1315"/>
                </a:lnTo>
                <a:lnTo>
                  <a:pt x="717" y="1317"/>
                </a:lnTo>
                <a:lnTo>
                  <a:pt x="721" y="1318"/>
                </a:lnTo>
                <a:lnTo>
                  <a:pt x="725" y="1320"/>
                </a:lnTo>
                <a:lnTo>
                  <a:pt x="727" y="1323"/>
                </a:lnTo>
                <a:lnTo>
                  <a:pt x="730" y="1326"/>
                </a:lnTo>
                <a:lnTo>
                  <a:pt x="733" y="1330"/>
                </a:lnTo>
                <a:lnTo>
                  <a:pt x="737" y="1339"/>
                </a:lnTo>
                <a:lnTo>
                  <a:pt x="740" y="1350"/>
                </a:lnTo>
                <a:lnTo>
                  <a:pt x="740" y="1357"/>
                </a:lnTo>
                <a:lnTo>
                  <a:pt x="740" y="1364"/>
                </a:lnTo>
                <a:lnTo>
                  <a:pt x="740" y="1380"/>
                </a:lnTo>
                <a:lnTo>
                  <a:pt x="740" y="1557"/>
                </a:lnTo>
                <a:close/>
                <a:moveTo>
                  <a:pt x="491" y="1447"/>
                </a:moveTo>
                <a:lnTo>
                  <a:pt x="491" y="1690"/>
                </a:lnTo>
                <a:lnTo>
                  <a:pt x="402" y="1690"/>
                </a:lnTo>
                <a:lnTo>
                  <a:pt x="402" y="1447"/>
                </a:lnTo>
                <a:lnTo>
                  <a:pt x="353" y="1289"/>
                </a:lnTo>
                <a:lnTo>
                  <a:pt x="316" y="1171"/>
                </a:lnTo>
                <a:lnTo>
                  <a:pt x="302" y="1122"/>
                </a:lnTo>
                <a:lnTo>
                  <a:pt x="292" y="1091"/>
                </a:lnTo>
                <a:lnTo>
                  <a:pt x="384" y="1091"/>
                </a:lnTo>
                <a:lnTo>
                  <a:pt x="446" y="1325"/>
                </a:lnTo>
                <a:lnTo>
                  <a:pt x="508" y="1091"/>
                </a:lnTo>
                <a:lnTo>
                  <a:pt x="601" y="1091"/>
                </a:lnTo>
                <a:lnTo>
                  <a:pt x="491" y="1447"/>
                </a:lnTo>
                <a:close/>
                <a:moveTo>
                  <a:pt x="1121" y="1690"/>
                </a:moveTo>
                <a:lnTo>
                  <a:pt x="1036" y="1690"/>
                </a:lnTo>
                <a:lnTo>
                  <a:pt x="1036" y="1641"/>
                </a:lnTo>
                <a:lnTo>
                  <a:pt x="1024" y="1654"/>
                </a:lnTo>
                <a:lnTo>
                  <a:pt x="1013" y="1666"/>
                </a:lnTo>
                <a:lnTo>
                  <a:pt x="1002" y="1674"/>
                </a:lnTo>
                <a:lnTo>
                  <a:pt x="991" y="1683"/>
                </a:lnTo>
                <a:lnTo>
                  <a:pt x="980" y="1688"/>
                </a:lnTo>
                <a:lnTo>
                  <a:pt x="970" y="1693"/>
                </a:lnTo>
                <a:lnTo>
                  <a:pt x="963" y="1694"/>
                </a:lnTo>
                <a:lnTo>
                  <a:pt x="959" y="1695"/>
                </a:lnTo>
                <a:lnTo>
                  <a:pt x="947" y="1696"/>
                </a:lnTo>
                <a:lnTo>
                  <a:pt x="939" y="1695"/>
                </a:lnTo>
                <a:lnTo>
                  <a:pt x="930" y="1694"/>
                </a:lnTo>
                <a:lnTo>
                  <a:pt x="925" y="1693"/>
                </a:lnTo>
                <a:lnTo>
                  <a:pt x="921" y="1691"/>
                </a:lnTo>
                <a:lnTo>
                  <a:pt x="915" y="1688"/>
                </a:lnTo>
                <a:lnTo>
                  <a:pt x="909" y="1683"/>
                </a:lnTo>
                <a:lnTo>
                  <a:pt x="903" y="1677"/>
                </a:lnTo>
                <a:lnTo>
                  <a:pt x="898" y="1669"/>
                </a:lnTo>
                <a:lnTo>
                  <a:pt x="897" y="1666"/>
                </a:lnTo>
                <a:lnTo>
                  <a:pt x="894" y="1662"/>
                </a:lnTo>
                <a:lnTo>
                  <a:pt x="893" y="1657"/>
                </a:lnTo>
                <a:lnTo>
                  <a:pt x="890" y="1651"/>
                </a:lnTo>
                <a:lnTo>
                  <a:pt x="888" y="1636"/>
                </a:lnTo>
                <a:lnTo>
                  <a:pt x="887" y="1627"/>
                </a:lnTo>
                <a:lnTo>
                  <a:pt x="886" y="1618"/>
                </a:lnTo>
                <a:lnTo>
                  <a:pt x="886" y="1596"/>
                </a:lnTo>
                <a:lnTo>
                  <a:pt x="886" y="1242"/>
                </a:lnTo>
                <a:lnTo>
                  <a:pt x="970" y="1242"/>
                </a:lnTo>
                <a:lnTo>
                  <a:pt x="970" y="1574"/>
                </a:lnTo>
                <a:lnTo>
                  <a:pt x="970" y="1606"/>
                </a:lnTo>
                <a:lnTo>
                  <a:pt x="972" y="1614"/>
                </a:lnTo>
                <a:lnTo>
                  <a:pt x="973" y="1616"/>
                </a:lnTo>
                <a:lnTo>
                  <a:pt x="976" y="1618"/>
                </a:lnTo>
                <a:lnTo>
                  <a:pt x="977" y="1621"/>
                </a:lnTo>
                <a:lnTo>
                  <a:pt x="981" y="1622"/>
                </a:lnTo>
                <a:lnTo>
                  <a:pt x="983" y="1622"/>
                </a:lnTo>
                <a:lnTo>
                  <a:pt x="987" y="1622"/>
                </a:lnTo>
                <a:lnTo>
                  <a:pt x="993" y="1622"/>
                </a:lnTo>
                <a:lnTo>
                  <a:pt x="999" y="1620"/>
                </a:lnTo>
                <a:lnTo>
                  <a:pt x="1006" y="1617"/>
                </a:lnTo>
                <a:lnTo>
                  <a:pt x="1012" y="1612"/>
                </a:lnTo>
                <a:lnTo>
                  <a:pt x="1017" y="1607"/>
                </a:lnTo>
                <a:lnTo>
                  <a:pt x="1023" y="1600"/>
                </a:lnTo>
                <a:lnTo>
                  <a:pt x="1036" y="1584"/>
                </a:lnTo>
                <a:lnTo>
                  <a:pt x="1036" y="1242"/>
                </a:lnTo>
                <a:lnTo>
                  <a:pt x="1121" y="1242"/>
                </a:lnTo>
                <a:lnTo>
                  <a:pt x="1121" y="1690"/>
                </a:lnTo>
                <a:close/>
                <a:moveTo>
                  <a:pt x="1987" y="1313"/>
                </a:moveTo>
                <a:lnTo>
                  <a:pt x="1982" y="1313"/>
                </a:lnTo>
                <a:lnTo>
                  <a:pt x="1977" y="1314"/>
                </a:lnTo>
                <a:lnTo>
                  <a:pt x="1966" y="1318"/>
                </a:lnTo>
                <a:lnTo>
                  <a:pt x="1961" y="1322"/>
                </a:lnTo>
                <a:lnTo>
                  <a:pt x="1956" y="1325"/>
                </a:lnTo>
                <a:lnTo>
                  <a:pt x="1950" y="1329"/>
                </a:lnTo>
                <a:lnTo>
                  <a:pt x="1945" y="1334"/>
                </a:lnTo>
                <a:lnTo>
                  <a:pt x="1945" y="1602"/>
                </a:lnTo>
                <a:lnTo>
                  <a:pt x="1956" y="1611"/>
                </a:lnTo>
                <a:lnTo>
                  <a:pt x="1961" y="1615"/>
                </a:lnTo>
                <a:lnTo>
                  <a:pt x="1966" y="1617"/>
                </a:lnTo>
                <a:lnTo>
                  <a:pt x="1972" y="1620"/>
                </a:lnTo>
                <a:lnTo>
                  <a:pt x="1977" y="1621"/>
                </a:lnTo>
                <a:lnTo>
                  <a:pt x="1982" y="1622"/>
                </a:lnTo>
                <a:lnTo>
                  <a:pt x="1987" y="1622"/>
                </a:lnTo>
                <a:lnTo>
                  <a:pt x="1995" y="1622"/>
                </a:lnTo>
                <a:lnTo>
                  <a:pt x="1999" y="1621"/>
                </a:lnTo>
                <a:lnTo>
                  <a:pt x="2002" y="1620"/>
                </a:lnTo>
                <a:lnTo>
                  <a:pt x="2005" y="1617"/>
                </a:lnTo>
                <a:lnTo>
                  <a:pt x="2008" y="1615"/>
                </a:lnTo>
                <a:lnTo>
                  <a:pt x="2010" y="1612"/>
                </a:lnTo>
                <a:lnTo>
                  <a:pt x="2013" y="1609"/>
                </a:lnTo>
                <a:lnTo>
                  <a:pt x="2016" y="1600"/>
                </a:lnTo>
                <a:lnTo>
                  <a:pt x="2019" y="1590"/>
                </a:lnTo>
                <a:lnTo>
                  <a:pt x="2020" y="1576"/>
                </a:lnTo>
                <a:lnTo>
                  <a:pt x="2020" y="1562"/>
                </a:lnTo>
                <a:lnTo>
                  <a:pt x="2020" y="1371"/>
                </a:lnTo>
                <a:lnTo>
                  <a:pt x="2020" y="1355"/>
                </a:lnTo>
                <a:lnTo>
                  <a:pt x="2019" y="1343"/>
                </a:lnTo>
                <a:lnTo>
                  <a:pt x="2016" y="1333"/>
                </a:lnTo>
                <a:lnTo>
                  <a:pt x="2014" y="1329"/>
                </a:lnTo>
                <a:lnTo>
                  <a:pt x="2013" y="1325"/>
                </a:lnTo>
                <a:lnTo>
                  <a:pt x="2010" y="1323"/>
                </a:lnTo>
                <a:lnTo>
                  <a:pt x="2008" y="1319"/>
                </a:lnTo>
                <a:lnTo>
                  <a:pt x="2005" y="1318"/>
                </a:lnTo>
                <a:lnTo>
                  <a:pt x="2002" y="1315"/>
                </a:lnTo>
                <a:lnTo>
                  <a:pt x="1995" y="1314"/>
                </a:lnTo>
                <a:lnTo>
                  <a:pt x="1987" y="1313"/>
                </a:lnTo>
                <a:close/>
                <a:moveTo>
                  <a:pt x="2317" y="1366"/>
                </a:moveTo>
                <a:lnTo>
                  <a:pt x="2317" y="1352"/>
                </a:lnTo>
                <a:lnTo>
                  <a:pt x="2316" y="1341"/>
                </a:lnTo>
                <a:lnTo>
                  <a:pt x="2315" y="1336"/>
                </a:lnTo>
                <a:lnTo>
                  <a:pt x="2313" y="1331"/>
                </a:lnTo>
                <a:lnTo>
                  <a:pt x="2308" y="1324"/>
                </a:lnTo>
                <a:lnTo>
                  <a:pt x="2306" y="1322"/>
                </a:lnTo>
                <a:lnTo>
                  <a:pt x="2303" y="1319"/>
                </a:lnTo>
                <a:lnTo>
                  <a:pt x="2301" y="1318"/>
                </a:lnTo>
                <a:lnTo>
                  <a:pt x="2297" y="1315"/>
                </a:lnTo>
                <a:lnTo>
                  <a:pt x="2293" y="1314"/>
                </a:lnTo>
                <a:lnTo>
                  <a:pt x="2290" y="1314"/>
                </a:lnTo>
                <a:lnTo>
                  <a:pt x="2280" y="1313"/>
                </a:lnTo>
                <a:lnTo>
                  <a:pt x="2271" y="1314"/>
                </a:lnTo>
                <a:lnTo>
                  <a:pt x="2266" y="1314"/>
                </a:lnTo>
                <a:lnTo>
                  <a:pt x="2263" y="1315"/>
                </a:lnTo>
                <a:lnTo>
                  <a:pt x="2260" y="1317"/>
                </a:lnTo>
                <a:lnTo>
                  <a:pt x="2256" y="1319"/>
                </a:lnTo>
                <a:lnTo>
                  <a:pt x="2254" y="1322"/>
                </a:lnTo>
                <a:lnTo>
                  <a:pt x="2251" y="1324"/>
                </a:lnTo>
                <a:lnTo>
                  <a:pt x="2249" y="1328"/>
                </a:lnTo>
                <a:lnTo>
                  <a:pt x="2246" y="1331"/>
                </a:lnTo>
                <a:lnTo>
                  <a:pt x="2245" y="1335"/>
                </a:lnTo>
                <a:lnTo>
                  <a:pt x="2244" y="1340"/>
                </a:lnTo>
                <a:lnTo>
                  <a:pt x="2243" y="1351"/>
                </a:lnTo>
                <a:lnTo>
                  <a:pt x="2242" y="1366"/>
                </a:lnTo>
                <a:lnTo>
                  <a:pt x="2242" y="1414"/>
                </a:lnTo>
                <a:lnTo>
                  <a:pt x="2317" y="1414"/>
                </a:lnTo>
                <a:lnTo>
                  <a:pt x="2317" y="1366"/>
                </a:lnTo>
                <a:close/>
                <a:moveTo>
                  <a:pt x="2499" y="1140"/>
                </a:moveTo>
                <a:lnTo>
                  <a:pt x="2496" y="1125"/>
                </a:lnTo>
                <a:lnTo>
                  <a:pt x="2493" y="1109"/>
                </a:lnTo>
                <a:lnTo>
                  <a:pt x="2488" y="1089"/>
                </a:lnTo>
                <a:lnTo>
                  <a:pt x="2485" y="1079"/>
                </a:lnTo>
                <a:lnTo>
                  <a:pt x="2480" y="1068"/>
                </a:lnTo>
                <a:lnTo>
                  <a:pt x="2477" y="1057"/>
                </a:lnTo>
                <a:lnTo>
                  <a:pt x="2472" y="1046"/>
                </a:lnTo>
                <a:lnTo>
                  <a:pt x="2467" y="1036"/>
                </a:lnTo>
                <a:lnTo>
                  <a:pt x="2461" y="1026"/>
                </a:lnTo>
                <a:lnTo>
                  <a:pt x="2454" y="1017"/>
                </a:lnTo>
                <a:lnTo>
                  <a:pt x="2447" y="1009"/>
                </a:lnTo>
                <a:lnTo>
                  <a:pt x="2442" y="1004"/>
                </a:lnTo>
                <a:lnTo>
                  <a:pt x="2437" y="1000"/>
                </a:lnTo>
                <a:lnTo>
                  <a:pt x="2427" y="991"/>
                </a:lnTo>
                <a:lnTo>
                  <a:pt x="2418" y="984"/>
                </a:lnTo>
                <a:lnTo>
                  <a:pt x="2409" y="979"/>
                </a:lnTo>
                <a:lnTo>
                  <a:pt x="2399" y="973"/>
                </a:lnTo>
                <a:lnTo>
                  <a:pt x="2390" y="969"/>
                </a:lnTo>
                <a:lnTo>
                  <a:pt x="2380" y="965"/>
                </a:lnTo>
                <a:lnTo>
                  <a:pt x="2371" y="963"/>
                </a:lnTo>
                <a:lnTo>
                  <a:pt x="2363" y="960"/>
                </a:lnTo>
                <a:lnTo>
                  <a:pt x="2354" y="958"/>
                </a:lnTo>
                <a:lnTo>
                  <a:pt x="2347" y="957"/>
                </a:lnTo>
                <a:lnTo>
                  <a:pt x="2339" y="955"/>
                </a:lnTo>
                <a:lnTo>
                  <a:pt x="2315" y="953"/>
                </a:lnTo>
                <a:lnTo>
                  <a:pt x="2242" y="948"/>
                </a:lnTo>
                <a:lnTo>
                  <a:pt x="2164" y="945"/>
                </a:lnTo>
                <a:lnTo>
                  <a:pt x="2086" y="943"/>
                </a:lnTo>
                <a:lnTo>
                  <a:pt x="2013" y="942"/>
                </a:lnTo>
                <a:lnTo>
                  <a:pt x="1898" y="939"/>
                </a:lnTo>
                <a:lnTo>
                  <a:pt x="1851" y="939"/>
                </a:lnTo>
                <a:lnTo>
                  <a:pt x="1805" y="939"/>
                </a:lnTo>
                <a:lnTo>
                  <a:pt x="1688" y="942"/>
                </a:lnTo>
                <a:lnTo>
                  <a:pt x="1615" y="943"/>
                </a:lnTo>
                <a:lnTo>
                  <a:pt x="1538" y="945"/>
                </a:lnTo>
                <a:lnTo>
                  <a:pt x="1461" y="948"/>
                </a:lnTo>
                <a:lnTo>
                  <a:pt x="1387" y="953"/>
                </a:lnTo>
                <a:lnTo>
                  <a:pt x="1377" y="954"/>
                </a:lnTo>
                <a:lnTo>
                  <a:pt x="1363" y="955"/>
                </a:lnTo>
                <a:lnTo>
                  <a:pt x="1347" y="958"/>
                </a:lnTo>
                <a:lnTo>
                  <a:pt x="1338" y="960"/>
                </a:lnTo>
                <a:lnTo>
                  <a:pt x="1330" y="963"/>
                </a:lnTo>
                <a:lnTo>
                  <a:pt x="1312" y="969"/>
                </a:lnTo>
                <a:lnTo>
                  <a:pt x="1302" y="973"/>
                </a:lnTo>
                <a:lnTo>
                  <a:pt x="1293" y="979"/>
                </a:lnTo>
                <a:lnTo>
                  <a:pt x="1283" y="984"/>
                </a:lnTo>
                <a:lnTo>
                  <a:pt x="1274" y="991"/>
                </a:lnTo>
                <a:lnTo>
                  <a:pt x="1264" y="1000"/>
                </a:lnTo>
                <a:lnTo>
                  <a:pt x="1254" y="1009"/>
                </a:lnTo>
                <a:lnTo>
                  <a:pt x="1247" y="1017"/>
                </a:lnTo>
                <a:lnTo>
                  <a:pt x="1241" y="1026"/>
                </a:lnTo>
                <a:lnTo>
                  <a:pt x="1234" y="1036"/>
                </a:lnTo>
                <a:lnTo>
                  <a:pt x="1229" y="1046"/>
                </a:lnTo>
                <a:lnTo>
                  <a:pt x="1225" y="1057"/>
                </a:lnTo>
                <a:lnTo>
                  <a:pt x="1221" y="1068"/>
                </a:lnTo>
                <a:lnTo>
                  <a:pt x="1213" y="1089"/>
                </a:lnTo>
                <a:lnTo>
                  <a:pt x="1208" y="1109"/>
                </a:lnTo>
                <a:lnTo>
                  <a:pt x="1205" y="1125"/>
                </a:lnTo>
                <a:lnTo>
                  <a:pt x="1202" y="1140"/>
                </a:lnTo>
                <a:lnTo>
                  <a:pt x="1200" y="1158"/>
                </a:lnTo>
                <a:lnTo>
                  <a:pt x="1195" y="1206"/>
                </a:lnTo>
                <a:lnTo>
                  <a:pt x="1192" y="1239"/>
                </a:lnTo>
                <a:lnTo>
                  <a:pt x="1191" y="1275"/>
                </a:lnTo>
                <a:lnTo>
                  <a:pt x="1189" y="1313"/>
                </a:lnTo>
                <a:lnTo>
                  <a:pt x="1189" y="1352"/>
                </a:lnTo>
                <a:lnTo>
                  <a:pt x="1189" y="1453"/>
                </a:lnTo>
                <a:lnTo>
                  <a:pt x="1189" y="1492"/>
                </a:lnTo>
                <a:lnTo>
                  <a:pt x="1191" y="1531"/>
                </a:lnTo>
                <a:lnTo>
                  <a:pt x="1192" y="1568"/>
                </a:lnTo>
                <a:lnTo>
                  <a:pt x="1195" y="1600"/>
                </a:lnTo>
                <a:lnTo>
                  <a:pt x="1197" y="1627"/>
                </a:lnTo>
                <a:lnTo>
                  <a:pt x="1200" y="1648"/>
                </a:lnTo>
                <a:lnTo>
                  <a:pt x="1202" y="1667"/>
                </a:lnTo>
                <a:lnTo>
                  <a:pt x="1205" y="1682"/>
                </a:lnTo>
                <a:lnTo>
                  <a:pt x="1208" y="1696"/>
                </a:lnTo>
                <a:lnTo>
                  <a:pt x="1213" y="1716"/>
                </a:lnTo>
                <a:lnTo>
                  <a:pt x="1217" y="1727"/>
                </a:lnTo>
                <a:lnTo>
                  <a:pt x="1221" y="1739"/>
                </a:lnTo>
                <a:lnTo>
                  <a:pt x="1225" y="1748"/>
                </a:lnTo>
                <a:lnTo>
                  <a:pt x="1229" y="1760"/>
                </a:lnTo>
                <a:lnTo>
                  <a:pt x="1234" y="1771"/>
                </a:lnTo>
                <a:lnTo>
                  <a:pt x="1241" y="1779"/>
                </a:lnTo>
                <a:lnTo>
                  <a:pt x="1247" y="1789"/>
                </a:lnTo>
                <a:lnTo>
                  <a:pt x="1254" y="1797"/>
                </a:lnTo>
                <a:lnTo>
                  <a:pt x="1264" y="1807"/>
                </a:lnTo>
                <a:lnTo>
                  <a:pt x="1274" y="1814"/>
                </a:lnTo>
                <a:lnTo>
                  <a:pt x="1284" y="1821"/>
                </a:lnTo>
                <a:lnTo>
                  <a:pt x="1294" y="1828"/>
                </a:lnTo>
                <a:lnTo>
                  <a:pt x="1305" y="1833"/>
                </a:lnTo>
                <a:lnTo>
                  <a:pt x="1315" y="1836"/>
                </a:lnTo>
                <a:lnTo>
                  <a:pt x="1336" y="1842"/>
                </a:lnTo>
                <a:lnTo>
                  <a:pt x="1345" y="1845"/>
                </a:lnTo>
                <a:lnTo>
                  <a:pt x="1354" y="1847"/>
                </a:lnTo>
                <a:lnTo>
                  <a:pt x="1372" y="1850"/>
                </a:lnTo>
                <a:lnTo>
                  <a:pt x="1400" y="1854"/>
                </a:lnTo>
                <a:lnTo>
                  <a:pt x="1422" y="1855"/>
                </a:lnTo>
                <a:lnTo>
                  <a:pt x="1450" y="1857"/>
                </a:lnTo>
                <a:lnTo>
                  <a:pt x="1515" y="1860"/>
                </a:lnTo>
                <a:lnTo>
                  <a:pt x="1590" y="1862"/>
                </a:lnTo>
                <a:lnTo>
                  <a:pt x="1665" y="1863"/>
                </a:lnTo>
                <a:lnTo>
                  <a:pt x="1795" y="1866"/>
                </a:lnTo>
                <a:lnTo>
                  <a:pt x="1851" y="1867"/>
                </a:lnTo>
                <a:lnTo>
                  <a:pt x="1898" y="1866"/>
                </a:lnTo>
                <a:lnTo>
                  <a:pt x="2013" y="1865"/>
                </a:lnTo>
                <a:lnTo>
                  <a:pt x="2086" y="1863"/>
                </a:lnTo>
                <a:lnTo>
                  <a:pt x="2164" y="1861"/>
                </a:lnTo>
                <a:lnTo>
                  <a:pt x="2242" y="1857"/>
                </a:lnTo>
                <a:lnTo>
                  <a:pt x="2315" y="1852"/>
                </a:lnTo>
                <a:lnTo>
                  <a:pt x="2326" y="1852"/>
                </a:lnTo>
                <a:lnTo>
                  <a:pt x="2339" y="1850"/>
                </a:lnTo>
                <a:lnTo>
                  <a:pt x="2354" y="1847"/>
                </a:lnTo>
                <a:lnTo>
                  <a:pt x="2363" y="1846"/>
                </a:lnTo>
                <a:lnTo>
                  <a:pt x="2371" y="1844"/>
                </a:lnTo>
                <a:lnTo>
                  <a:pt x="2390" y="1837"/>
                </a:lnTo>
                <a:lnTo>
                  <a:pt x="2399" y="1833"/>
                </a:lnTo>
                <a:lnTo>
                  <a:pt x="2409" y="1828"/>
                </a:lnTo>
                <a:lnTo>
                  <a:pt x="2418" y="1821"/>
                </a:lnTo>
                <a:lnTo>
                  <a:pt x="2427" y="1814"/>
                </a:lnTo>
                <a:lnTo>
                  <a:pt x="2437" y="1807"/>
                </a:lnTo>
                <a:lnTo>
                  <a:pt x="2447" y="1797"/>
                </a:lnTo>
                <a:lnTo>
                  <a:pt x="2454" y="1789"/>
                </a:lnTo>
                <a:lnTo>
                  <a:pt x="2461" y="1779"/>
                </a:lnTo>
                <a:lnTo>
                  <a:pt x="2467" y="1771"/>
                </a:lnTo>
                <a:lnTo>
                  <a:pt x="2472" y="1760"/>
                </a:lnTo>
                <a:lnTo>
                  <a:pt x="2477" y="1748"/>
                </a:lnTo>
                <a:lnTo>
                  <a:pt x="2480" y="1739"/>
                </a:lnTo>
                <a:lnTo>
                  <a:pt x="2488" y="1716"/>
                </a:lnTo>
                <a:lnTo>
                  <a:pt x="2493" y="1696"/>
                </a:lnTo>
                <a:lnTo>
                  <a:pt x="2496" y="1682"/>
                </a:lnTo>
                <a:lnTo>
                  <a:pt x="2499" y="1667"/>
                </a:lnTo>
                <a:lnTo>
                  <a:pt x="2501" y="1648"/>
                </a:lnTo>
                <a:lnTo>
                  <a:pt x="2506" y="1600"/>
                </a:lnTo>
                <a:lnTo>
                  <a:pt x="2509" y="1568"/>
                </a:lnTo>
                <a:lnTo>
                  <a:pt x="2510" y="1531"/>
                </a:lnTo>
                <a:lnTo>
                  <a:pt x="2512" y="1492"/>
                </a:lnTo>
                <a:lnTo>
                  <a:pt x="2512" y="1453"/>
                </a:lnTo>
                <a:lnTo>
                  <a:pt x="2512" y="1352"/>
                </a:lnTo>
                <a:lnTo>
                  <a:pt x="2512" y="1313"/>
                </a:lnTo>
                <a:lnTo>
                  <a:pt x="2510" y="1275"/>
                </a:lnTo>
                <a:lnTo>
                  <a:pt x="2509" y="1239"/>
                </a:lnTo>
                <a:lnTo>
                  <a:pt x="2506" y="1206"/>
                </a:lnTo>
                <a:lnTo>
                  <a:pt x="2504" y="1179"/>
                </a:lnTo>
                <a:lnTo>
                  <a:pt x="2501" y="1158"/>
                </a:lnTo>
                <a:lnTo>
                  <a:pt x="2499" y="1140"/>
                </a:lnTo>
                <a:close/>
                <a:moveTo>
                  <a:pt x="1479" y="1690"/>
                </a:moveTo>
                <a:lnTo>
                  <a:pt x="1390" y="1690"/>
                </a:lnTo>
                <a:lnTo>
                  <a:pt x="1390" y="1179"/>
                </a:lnTo>
                <a:lnTo>
                  <a:pt x="1298" y="1179"/>
                </a:lnTo>
                <a:lnTo>
                  <a:pt x="1298" y="1095"/>
                </a:lnTo>
                <a:lnTo>
                  <a:pt x="1577" y="1095"/>
                </a:lnTo>
                <a:lnTo>
                  <a:pt x="1577" y="1179"/>
                </a:lnTo>
                <a:lnTo>
                  <a:pt x="1479" y="1179"/>
                </a:lnTo>
                <a:lnTo>
                  <a:pt x="1479" y="1690"/>
                </a:lnTo>
                <a:close/>
                <a:moveTo>
                  <a:pt x="1799" y="1690"/>
                </a:moveTo>
                <a:lnTo>
                  <a:pt x="1714" y="1690"/>
                </a:lnTo>
                <a:lnTo>
                  <a:pt x="1714" y="1641"/>
                </a:lnTo>
                <a:lnTo>
                  <a:pt x="1702" y="1654"/>
                </a:lnTo>
                <a:lnTo>
                  <a:pt x="1691" y="1666"/>
                </a:lnTo>
                <a:lnTo>
                  <a:pt x="1680" y="1674"/>
                </a:lnTo>
                <a:lnTo>
                  <a:pt x="1669" y="1683"/>
                </a:lnTo>
                <a:lnTo>
                  <a:pt x="1659" y="1688"/>
                </a:lnTo>
                <a:lnTo>
                  <a:pt x="1648" y="1693"/>
                </a:lnTo>
                <a:lnTo>
                  <a:pt x="1643" y="1694"/>
                </a:lnTo>
                <a:lnTo>
                  <a:pt x="1637" y="1695"/>
                </a:lnTo>
                <a:lnTo>
                  <a:pt x="1625" y="1696"/>
                </a:lnTo>
                <a:lnTo>
                  <a:pt x="1617" y="1695"/>
                </a:lnTo>
                <a:lnTo>
                  <a:pt x="1608" y="1694"/>
                </a:lnTo>
                <a:lnTo>
                  <a:pt x="1604" y="1693"/>
                </a:lnTo>
                <a:lnTo>
                  <a:pt x="1601" y="1691"/>
                </a:lnTo>
                <a:lnTo>
                  <a:pt x="1593" y="1688"/>
                </a:lnTo>
                <a:lnTo>
                  <a:pt x="1587" y="1683"/>
                </a:lnTo>
                <a:lnTo>
                  <a:pt x="1581" y="1677"/>
                </a:lnTo>
                <a:lnTo>
                  <a:pt x="1577" y="1669"/>
                </a:lnTo>
                <a:lnTo>
                  <a:pt x="1575" y="1666"/>
                </a:lnTo>
                <a:lnTo>
                  <a:pt x="1573" y="1662"/>
                </a:lnTo>
                <a:lnTo>
                  <a:pt x="1571" y="1657"/>
                </a:lnTo>
                <a:lnTo>
                  <a:pt x="1570" y="1651"/>
                </a:lnTo>
                <a:lnTo>
                  <a:pt x="1566" y="1636"/>
                </a:lnTo>
                <a:lnTo>
                  <a:pt x="1565" y="1627"/>
                </a:lnTo>
                <a:lnTo>
                  <a:pt x="1565" y="1618"/>
                </a:lnTo>
                <a:lnTo>
                  <a:pt x="1564" y="1596"/>
                </a:lnTo>
                <a:lnTo>
                  <a:pt x="1564" y="1246"/>
                </a:lnTo>
                <a:lnTo>
                  <a:pt x="1648" y="1246"/>
                </a:lnTo>
                <a:lnTo>
                  <a:pt x="1648" y="1574"/>
                </a:lnTo>
                <a:lnTo>
                  <a:pt x="1648" y="1606"/>
                </a:lnTo>
                <a:lnTo>
                  <a:pt x="1650" y="1614"/>
                </a:lnTo>
                <a:lnTo>
                  <a:pt x="1651" y="1616"/>
                </a:lnTo>
                <a:lnTo>
                  <a:pt x="1654" y="1618"/>
                </a:lnTo>
                <a:lnTo>
                  <a:pt x="1656" y="1621"/>
                </a:lnTo>
                <a:lnTo>
                  <a:pt x="1659" y="1622"/>
                </a:lnTo>
                <a:lnTo>
                  <a:pt x="1662" y="1622"/>
                </a:lnTo>
                <a:lnTo>
                  <a:pt x="1666" y="1622"/>
                </a:lnTo>
                <a:lnTo>
                  <a:pt x="1672" y="1622"/>
                </a:lnTo>
                <a:lnTo>
                  <a:pt x="1677" y="1620"/>
                </a:lnTo>
                <a:lnTo>
                  <a:pt x="1684" y="1617"/>
                </a:lnTo>
                <a:lnTo>
                  <a:pt x="1690" y="1612"/>
                </a:lnTo>
                <a:lnTo>
                  <a:pt x="1696" y="1607"/>
                </a:lnTo>
                <a:lnTo>
                  <a:pt x="1702" y="1600"/>
                </a:lnTo>
                <a:lnTo>
                  <a:pt x="1714" y="1584"/>
                </a:lnTo>
                <a:lnTo>
                  <a:pt x="1714" y="1246"/>
                </a:lnTo>
                <a:lnTo>
                  <a:pt x="1799" y="1246"/>
                </a:lnTo>
                <a:lnTo>
                  <a:pt x="1799" y="1690"/>
                </a:lnTo>
                <a:close/>
                <a:moveTo>
                  <a:pt x="2104" y="1557"/>
                </a:moveTo>
                <a:lnTo>
                  <a:pt x="2104" y="1585"/>
                </a:lnTo>
                <a:lnTo>
                  <a:pt x="2103" y="1597"/>
                </a:lnTo>
                <a:lnTo>
                  <a:pt x="2102" y="1610"/>
                </a:lnTo>
                <a:lnTo>
                  <a:pt x="2099" y="1630"/>
                </a:lnTo>
                <a:lnTo>
                  <a:pt x="2098" y="1638"/>
                </a:lnTo>
                <a:lnTo>
                  <a:pt x="2096" y="1646"/>
                </a:lnTo>
                <a:lnTo>
                  <a:pt x="2093" y="1652"/>
                </a:lnTo>
                <a:lnTo>
                  <a:pt x="2091" y="1657"/>
                </a:lnTo>
                <a:lnTo>
                  <a:pt x="2086" y="1667"/>
                </a:lnTo>
                <a:lnTo>
                  <a:pt x="2078" y="1675"/>
                </a:lnTo>
                <a:lnTo>
                  <a:pt x="2071" y="1683"/>
                </a:lnTo>
                <a:lnTo>
                  <a:pt x="2066" y="1685"/>
                </a:lnTo>
                <a:lnTo>
                  <a:pt x="2062" y="1688"/>
                </a:lnTo>
                <a:lnTo>
                  <a:pt x="2052" y="1693"/>
                </a:lnTo>
                <a:lnTo>
                  <a:pt x="2041" y="1695"/>
                </a:lnTo>
                <a:lnTo>
                  <a:pt x="2030" y="1695"/>
                </a:lnTo>
                <a:lnTo>
                  <a:pt x="2019" y="1695"/>
                </a:lnTo>
                <a:lnTo>
                  <a:pt x="2014" y="1694"/>
                </a:lnTo>
                <a:lnTo>
                  <a:pt x="2008" y="1693"/>
                </a:lnTo>
                <a:lnTo>
                  <a:pt x="2003" y="1690"/>
                </a:lnTo>
                <a:lnTo>
                  <a:pt x="1998" y="1688"/>
                </a:lnTo>
                <a:lnTo>
                  <a:pt x="1987" y="1683"/>
                </a:lnTo>
                <a:lnTo>
                  <a:pt x="1982" y="1679"/>
                </a:lnTo>
                <a:lnTo>
                  <a:pt x="1977" y="1675"/>
                </a:lnTo>
                <a:lnTo>
                  <a:pt x="1966" y="1667"/>
                </a:lnTo>
                <a:lnTo>
                  <a:pt x="1956" y="1657"/>
                </a:lnTo>
                <a:lnTo>
                  <a:pt x="1945" y="1646"/>
                </a:lnTo>
                <a:lnTo>
                  <a:pt x="1945" y="1690"/>
                </a:lnTo>
                <a:lnTo>
                  <a:pt x="1865" y="1690"/>
                </a:lnTo>
                <a:lnTo>
                  <a:pt x="1865" y="1095"/>
                </a:lnTo>
                <a:lnTo>
                  <a:pt x="1945" y="1095"/>
                </a:lnTo>
                <a:lnTo>
                  <a:pt x="1945" y="1289"/>
                </a:lnTo>
                <a:lnTo>
                  <a:pt x="1954" y="1278"/>
                </a:lnTo>
                <a:lnTo>
                  <a:pt x="1964" y="1268"/>
                </a:lnTo>
                <a:lnTo>
                  <a:pt x="1976" y="1260"/>
                </a:lnTo>
                <a:lnTo>
                  <a:pt x="1985" y="1252"/>
                </a:lnTo>
                <a:lnTo>
                  <a:pt x="1997" y="1247"/>
                </a:lnTo>
                <a:lnTo>
                  <a:pt x="2003" y="1245"/>
                </a:lnTo>
                <a:lnTo>
                  <a:pt x="2008" y="1242"/>
                </a:lnTo>
                <a:lnTo>
                  <a:pt x="2013" y="1241"/>
                </a:lnTo>
                <a:lnTo>
                  <a:pt x="2019" y="1240"/>
                </a:lnTo>
                <a:lnTo>
                  <a:pt x="2030" y="1240"/>
                </a:lnTo>
                <a:lnTo>
                  <a:pt x="2041" y="1240"/>
                </a:lnTo>
                <a:lnTo>
                  <a:pt x="2052" y="1242"/>
                </a:lnTo>
                <a:lnTo>
                  <a:pt x="2057" y="1245"/>
                </a:lnTo>
                <a:lnTo>
                  <a:pt x="2061" y="1247"/>
                </a:lnTo>
                <a:lnTo>
                  <a:pt x="2066" y="1250"/>
                </a:lnTo>
                <a:lnTo>
                  <a:pt x="2070" y="1252"/>
                </a:lnTo>
                <a:lnTo>
                  <a:pt x="2073" y="1256"/>
                </a:lnTo>
                <a:lnTo>
                  <a:pt x="2077" y="1260"/>
                </a:lnTo>
                <a:lnTo>
                  <a:pt x="2081" y="1265"/>
                </a:lnTo>
                <a:lnTo>
                  <a:pt x="2084" y="1268"/>
                </a:lnTo>
                <a:lnTo>
                  <a:pt x="2089" y="1279"/>
                </a:lnTo>
                <a:lnTo>
                  <a:pt x="2094" y="1291"/>
                </a:lnTo>
                <a:lnTo>
                  <a:pt x="2098" y="1307"/>
                </a:lnTo>
                <a:lnTo>
                  <a:pt x="2099" y="1315"/>
                </a:lnTo>
                <a:lnTo>
                  <a:pt x="2102" y="1326"/>
                </a:lnTo>
                <a:lnTo>
                  <a:pt x="2104" y="1350"/>
                </a:lnTo>
                <a:lnTo>
                  <a:pt x="2104" y="1365"/>
                </a:lnTo>
                <a:lnTo>
                  <a:pt x="2104" y="1380"/>
                </a:lnTo>
                <a:lnTo>
                  <a:pt x="2104" y="1557"/>
                </a:lnTo>
                <a:close/>
                <a:moveTo>
                  <a:pt x="2281" y="1622"/>
                </a:moveTo>
                <a:lnTo>
                  <a:pt x="2289" y="1622"/>
                </a:lnTo>
                <a:lnTo>
                  <a:pt x="2295" y="1621"/>
                </a:lnTo>
                <a:lnTo>
                  <a:pt x="2300" y="1618"/>
                </a:lnTo>
                <a:lnTo>
                  <a:pt x="2305" y="1615"/>
                </a:lnTo>
                <a:lnTo>
                  <a:pt x="2307" y="1612"/>
                </a:lnTo>
                <a:lnTo>
                  <a:pt x="2308" y="1610"/>
                </a:lnTo>
                <a:lnTo>
                  <a:pt x="2312" y="1605"/>
                </a:lnTo>
                <a:lnTo>
                  <a:pt x="2315" y="1597"/>
                </a:lnTo>
                <a:lnTo>
                  <a:pt x="2317" y="1590"/>
                </a:lnTo>
                <a:lnTo>
                  <a:pt x="2317" y="1584"/>
                </a:lnTo>
                <a:lnTo>
                  <a:pt x="2317" y="1573"/>
                </a:lnTo>
                <a:lnTo>
                  <a:pt x="2317" y="1534"/>
                </a:lnTo>
                <a:lnTo>
                  <a:pt x="2401" y="1534"/>
                </a:lnTo>
                <a:lnTo>
                  <a:pt x="2401" y="1547"/>
                </a:lnTo>
                <a:lnTo>
                  <a:pt x="2401" y="1565"/>
                </a:lnTo>
                <a:lnTo>
                  <a:pt x="2401" y="1580"/>
                </a:lnTo>
                <a:lnTo>
                  <a:pt x="2399" y="1600"/>
                </a:lnTo>
                <a:lnTo>
                  <a:pt x="2396" y="1612"/>
                </a:lnTo>
                <a:lnTo>
                  <a:pt x="2392" y="1625"/>
                </a:lnTo>
                <a:lnTo>
                  <a:pt x="2386" y="1637"/>
                </a:lnTo>
                <a:lnTo>
                  <a:pt x="2384" y="1642"/>
                </a:lnTo>
                <a:lnTo>
                  <a:pt x="2380" y="1647"/>
                </a:lnTo>
                <a:lnTo>
                  <a:pt x="2376" y="1653"/>
                </a:lnTo>
                <a:lnTo>
                  <a:pt x="2371" y="1659"/>
                </a:lnTo>
                <a:lnTo>
                  <a:pt x="2362" y="1668"/>
                </a:lnTo>
                <a:lnTo>
                  <a:pt x="2357" y="1673"/>
                </a:lnTo>
                <a:lnTo>
                  <a:pt x="2350" y="1677"/>
                </a:lnTo>
                <a:lnTo>
                  <a:pt x="2339" y="1684"/>
                </a:lnTo>
                <a:lnTo>
                  <a:pt x="2327" y="1689"/>
                </a:lnTo>
                <a:lnTo>
                  <a:pt x="2319" y="1690"/>
                </a:lnTo>
                <a:lnTo>
                  <a:pt x="2313" y="1693"/>
                </a:lnTo>
                <a:lnTo>
                  <a:pt x="2306" y="1694"/>
                </a:lnTo>
                <a:lnTo>
                  <a:pt x="2298" y="1695"/>
                </a:lnTo>
                <a:lnTo>
                  <a:pt x="2291" y="1695"/>
                </a:lnTo>
                <a:lnTo>
                  <a:pt x="2284" y="1695"/>
                </a:lnTo>
                <a:lnTo>
                  <a:pt x="2268" y="1695"/>
                </a:lnTo>
                <a:lnTo>
                  <a:pt x="2254" y="1693"/>
                </a:lnTo>
                <a:lnTo>
                  <a:pt x="2240" y="1689"/>
                </a:lnTo>
                <a:lnTo>
                  <a:pt x="2228" y="1684"/>
                </a:lnTo>
                <a:lnTo>
                  <a:pt x="2222" y="1682"/>
                </a:lnTo>
                <a:lnTo>
                  <a:pt x="2216" y="1678"/>
                </a:lnTo>
                <a:lnTo>
                  <a:pt x="2204" y="1670"/>
                </a:lnTo>
                <a:lnTo>
                  <a:pt x="2199" y="1666"/>
                </a:lnTo>
                <a:lnTo>
                  <a:pt x="2195" y="1661"/>
                </a:lnTo>
                <a:lnTo>
                  <a:pt x="2186" y="1651"/>
                </a:lnTo>
                <a:lnTo>
                  <a:pt x="2180" y="1641"/>
                </a:lnTo>
                <a:lnTo>
                  <a:pt x="2175" y="1631"/>
                </a:lnTo>
                <a:lnTo>
                  <a:pt x="2172" y="1626"/>
                </a:lnTo>
                <a:lnTo>
                  <a:pt x="2170" y="1621"/>
                </a:lnTo>
                <a:lnTo>
                  <a:pt x="2165" y="1609"/>
                </a:lnTo>
                <a:lnTo>
                  <a:pt x="2162" y="1595"/>
                </a:lnTo>
                <a:lnTo>
                  <a:pt x="2160" y="1580"/>
                </a:lnTo>
                <a:lnTo>
                  <a:pt x="2159" y="1565"/>
                </a:lnTo>
                <a:lnTo>
                  <a:pt x="2157" y="1548"/>
                </a:lnTo>
                <a:lnTo>
                  <a:pt x="2157" y="1393"/>
                </a:lnTo>
                <a:lnTo>
                  <a:pt x="2159" y="1376"/>
                </a:lnTo>
                <a:lnTo>
                  <a:pt x="2160" y="1359"/>
                </a:lnTo>
                <a:lnTo>
                  <a:pt x="2162" y="1344"/>
                </a:lnTo>
                <a:lnTo>
                  <a:pt x="2165" y="1330"/>
                </a:lnTo>
                <a:lnTo>
                  <a:pt x="2169" y="1318"/>
                </a:lnTo>
                <a:lnTo>
                  <a:pt x="2173" y="1305"/>
                </a:lnTo>
                <a:lnTo>
                  <a:pt x="2178" y="1296"/>
                </a:lnTo>
                <a:lnTo>
                  <a:pt x="2185" y="1287"/>
                </a:lnTo>
                <a:lnTo>
                  <a:pt x="2195" y="1276"/>
                </a:lnTo>
                <a:lnTo>
                  <a:pt x="2198" y="1271"/>
                </a:lnTo>
                <a:lnTo>
                  <a:pt x="2204" y="1266"/>
                </a:lnTo>
                <a:lnTo>
                  <a:pt x="2214" y="1258"/>
                </a:lnTo>
                <a:lnTo>
                  <a:pt x="2227" y="1252"/>
                </a:lnTo>
                <a:lnTo>
                  <a:pt x="2239" y="1246"/>
                </a:lnTo>
                <a:lnTo>
                  <a:pt x="2245" y="1245"/>
                </a:lnTo>
                <a:lnTo>
                  <a:pt x="2251" y="1242"/>
                </a:lnTo>
                <a:lnTo>
                  <a:pt x="2259" y="1241"/>
                </a:lnTo>
                <a:lnTo>
                  <a:pt x="2266" y="1241"/>
                </a:lnTo>
                <a:lnTo>
                  <a:pt x="2274" y="1240"/>
                </a:lnTo>
                <a:lnTo>
                  <a:pt x="2281" y="1240"/>
                </a:lnTo>
                <a:lnTo>
                  <a:pt x="2296" y="1241"/>
                </a:lnTo>
                <a:lnTo>
                  <a:pt x="2310" y="1242"/>
                </a:lnTo>
                <a:lnTo>
                  <a:pt x="2316" y="1245"/>
                </a:lnTo>
                <a:lnTo>
                  <a:pt x="2323" y="1246"/>
                </a:lnTo>
                <a:lnTo>
                  <a:pt x="2329" y="1249"/>
                </a:lnTo>
                <a:lnTo>
                  <a:pt x="2336" y="1252"/>
                </a:lnTo>
                <a:lnTo>
                  <a:pt x="2341" y="1255"/>
                </a:lnTo>
                <a:lnTo>
                  <a:pt x="2347" y="1258"/>
                </a:lnTo>
                <a:lnTo>
                  <a:pt x="2352" y="1262"/>
                </a:lnTo>
                <a:lnTo>
                  <a:pt x="2357" y="1266"/>
                </a:lnTo>
                <a:lnTo>
                  <a:pt x="2366" y="1276"/>
                </a:lnTo>
                <a:lnTo>
                  <a:pt x="2371" y="1281"/>
                </a:lnTo>
                <a:lnTo>
                  <a:pt x="2375" y="1287"/>
                </a:lnTo>
                <a:lnTo>
                  <a:pt x="2381" y="1296"/>
                </a:lnTo>
                <a:lnTo>
                  <a:pt x="2386" y="1305"/>
                </a:lnTo>
                <a:lnTo>
                  <a:pt x="2391" y="1317"/>
                </a:lnTo>
                <a:lnTo>
                  <a:pt x="2395" y="1329"/>
                </a:lnTo>
                <a:lnTo>
                  <a:pt x="2396" y="1336"/>
                </a:lnTo>
                <a:lnTo>
                  <a:pt x="2397" y="1343"/>
                </a:lnTo>
                <a:lnTo>
                  <a:pt x="2400" y="1357"/>
                </a:lnTo>
                <a:lnTo>
                  <a:pt x="2401" y="1374"/>
                </a:lnTo>
                <a:lnTo>
                  <a:pt x="2402" y="1391"/>
                </a:lnTo>
                <a:lnTo>
                  <a:pt x="2402" y="1481"/>
                </a:lnTo>
                <a:lnTo>
                  <a:pt x="2242" y="1481"/>
                </a:lnTo>
                <a:lnTo>
                  <a:pt x="2242" y="1562"/>
                </a:lnTo>
                <a:lnTo>
                  <a:pt x="2243" y="1575"/>
                </a:lnTo>
                <a:lnTo>
                  <a:pt x="2244" y="1588"/>
                </a:lnTo>
                <a:lnTo>
                  <a:pt x="2245" y="1594"/>
                </a:lnTo>
                <a:lnTo>
                  <a:pt x="2246" y="1599"/>
                </a:lnTo>
                <a:lnTo>
                  <a:pt x="2249" y="1602"/>
                </a:lnTo>
                <a:lnTo>
                  <a:pt x="2251" y="1607"/>
                </a:lnTo>
                <a:lnTo>
                  <a:pt x="2256" y="1614"/>
                </a:lnTo>
                <a:lnTo>
                  <a:pt x="2264" y="1618"/>
                </a:lnTo>
                <a:lnTo>
                  <a:pt x="2268" y="1621"/>
                </a:lnTo>
                <a:lnTo>
                  <a:pt x="2271" y="1621"/>
                </a:lnTo>
                <a:lnTo>
                  <a:pt x="2281" y="1622"/>
                </a:lnTo>
                <a:close/>
                <a:moveTo>
                  <a:pt x="0" y="0"/>
                </a:moveTo>
                <a:lnTo>
                  <a:pt x="700" y="0"/>
                </a:lnTo>
                <a:lnTo>
                  <a:pt x="1401" y="0"/>
                </a:lnTo>
                <a:lnTo>
                  <a:pt x="2103" y="0"/>
                </a:lnTo>
                <a:lnTo>
                  <a:pt x="2804" y="0"/>
                </a:lnTo>
                <a:lnTo>
                  <a:pt x="2804" y="702"/>
                </a:lnTo>
                <a:lnTo>
                  <a:pt x="2804" y="1403"/>
                </a:lnTo>
                <a:lnTo>
                  <a:pt x="2804" y="2105"/>
                </a:lnTo>
                <a:lnTo>
                  <a:pt x="2804" y="2806"/>
                </a:lnTo>
                <a:lnTo>
                  <a:pt x="2103" y="2806"/>
                </a:lnTo>
                <a:lnTo>
                  <a:pt x="1401" y="2806"/>
                </a:lnTo>
                <a:lnTo>
                  <a:pt x="700" y="2806"/>
                </a:lnTo>
                <a:lnTo>
                  <a:pt x="0" y="2806"/>
                </a:lnTo>
                <a:lnTo>
                  <a:pt x="0" y="2105"/>
                </a:lnTo>
                <a:lnTo>
                  <a:pt x="0" y="1403"/>
                </a:lnTo>
                <a:lnTo>
                  <a:pt x="0" y="70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11" name="Freeform 11">
            <a:hlinkClick r:id="rId5" tooltip="Verohallinto - Instagram"/>
          </p:cNvPr>
          <p:cNvSpPr>
            <a:spLocks noChangeAspect="1" noEditPoints="1"/>
          </p:cNvSpPr>
          <p:nvPr/>
        </p:nvSpPr>
        <p:spPr bwMode="auto">
          <a:xfrm>
            <a:off x="3134785" y="692150"/>
            <a:ext cx="385233" cy="287338"/>
          </a:xfrm>
          <a:custGeom>
            <a:avLst/>
            <a:gdLst>
              <a:gd name="T0" fmla="*/ 194805 w 2806"/>
              <a:gd name="T1" fmla="*/ 72257 h 2806"/>
              <a:gd name="T2" fmla="*/ 209175 w 2806"/>
              <a:gd name="T3" fmla="*/ 81186 h 2806"/>
              <a:gd name="T4" fmla="*/ 216975 w 2806"/>
              <a:gd name="T5" fmla="*/ 98942 h 2806"/>
              <a:gd name="T6" fmla="*/ 218207 w 2806"/>
              <a:gd name="T7" fmla="*/ 174381 h 2806"/>
              <a:gd name="T8" fmla="*/ 212664 w 2806"/>
              <a:gd name="T9" fmla="*/ 201887 h 2806"/>
              <a:gd name="T10" fmla="*/ 200553 w 2806"/>
              <a:gd name="T11" fmla="*/ 213485 h 2806"/>
              <a:gd name="T12" fmla="*/ 174381 w 2806"/>
              <a:gd name="T13" fmla="*/ 218207 h 2806"/>
              <a:gd name="T14" fmla="*/ 96787 w 2806"/>
              <a:gd name="T15" fmla="*/ 216667 h 2806"/>
              <a:gd name="T16" fmla="*/ 81289 w 2806"/>
              <a:gd name="T17" fmla="*/ 209175 h 2806"/>
              <a:gd name="T18" fmla="*/ 71846 w 2806"/>
              <a:gd name="T19" fmla="*/ 193163 h 2806"/>
              <a:gd name="T20" fmla="*/ 69588 w 2806"/>
              <a:gd name="T21" fmla="*/ 124191 h 2806"/>
              <a:gd name="T22" fmla="*/ 73899 w 2806"/>
              <a:gd name="T23" fmla="*/ 88884 h 2806"/>
              <a:gd name="T24" fmla="*/ 84778 w 2806"/>
              <a:gd name="T25" fmla="*/ 76054 h 2806"/>
              <a:gd name="T26" fmla="*/ 105614 w 2806"/>
              <a:gd name="T27" fmla="*/ 70204 h 2806"/>
              <a:gd name="T28" fmla="*/ 103150 w 2806"/>
              <a:gd name="T29" fmla="*/ 53987 h 2806"/>
              <a:gd name="T30" fmla="*/ 78210 w 2806"/>
              <a:gd name="T31" fmla="*/ 60967 h 2806"/>
              <a:gd name="T32" fmla="*/ 60967 w 2806"/>
              <a:gd name="T33" fmla="*/ 78107 h 2806"/>
              <a:gd name="T34" fmla="*/ 53679 w 2806"/>
              <a:gd name="T35" fmla="*/ 106537 h 2806"/>
              <a:gd name="T36" fmla="*/ 54706 w 2806"/>
              <a:gd name="T37" fmla="*/ 191110 h 2806"/>
              <a:gd name="T38" fmla="*/ 63532 w 2806"/>
              <a:gd name="T39" fmla="*/ 213896 h 2806"/>
              <a:gd name="T40" fmla="*/ 80262 w 2806"/>
              <a:gd name="T41" fmla="*/ 228060 h 2806"/>
              <a:gd name="T42" fmla="*/ 113004 w 2806"/>
              <a:gd name="T43" fmla="*/ 234423 h 2806"/>
              <a:gd name="T44" fmla="*/ 193882 w 2806"/>
              <a:gd name="T45" fmla="*/ 232781 h 2806"/>
              <a:gd name="T46" fmla="*/ 214717 w 2806"/>
              <a:gd name="T47" fmla="*/ 223749 h 2806"/>
              <a:gd name="T48" fmla="*/ 230010 w 2806"/>
              <a:gd name="T49" fmla="*/ 203427 h 2806"/>
              <a:gd name="T50" fmla="*/ 234834 w 2806"/>
              <a:gd name="T51" fmla="*/ 158882 h 2806"/>
              <a:gd name="T52" fmla="*/ 231857 w 2806"/>
              <a:gd name="T53" fmla="*/ 90321 h 2806"/>
              <a:gd name="T54" fmla="*/ 222210 w 2806"/>
              <a:gd name="T55" fmla="*/ 71230 h 2806"/>
              <a:gd name="T56" fmla="*/ 201272 w 2806"/>
              <a:gd name="T57" fmla="*/ 57169 h 2806"/>
              <a:gd name="T58" fmla="*/ 144000 w 2806"/>
              <a:gd name="T59" fmla="*/ 53166 h 2806"/>
              <a:gd name="T60" fmla="*/ 119880 w 2806"/>
              <a:gd name="T61" fmla="*/ 104177 h 2806"/>
              <a:gd name="T62" fmla="*/ 102021 w 2806"/>
              <a:gd name="T63" fmla="*/ 123780 h 2806"/>
              <a:gd name="T64" fmla="*/ 97608 w 2806"/>
              <a:gd name="T65" fmla="*/ 148721 h 2806"/>
              <a:gd name="T66" fmla="*/ 108077 w 2806"/>
              <a:gd name="T67" fmla="*/ 173560 h 2806"/>
              <a:gd name="T68" fmla="*/ 130144 w 2806"/>
              <a:gd name="T69" fmla="*/ 188442 h 2806"/>
              <a:gd name="T70" fmla="*/ 155701 w 2806"/>
              <a:gd name="T71" fmla="*/ 189058 h 2806"/>
              <a:gd name="T72" fmla="*/ 178589 w 2806"/>
              <a:gd name="T73" fmla="*/ 175407 h 2806"/>
              <a:gd name="T74" fmla="*/ 189674 w 2806"/>
              <a:gd name="T75" fmla="*/ 153443 h 2806"/>
              <a:gd name="T76" fmla="*/ 186902 w 2806"/>
              <a:gd name="T77" fmla="*/ 125833 h 2806"/>
              <a:gd name="T78" fmla="*/ 170070 w 2806"/>
              <a:gd name="T79" fmla="*/ 105408 h 2806"/>
              <a:gd name="T80" fmla="*/ 146463 w 2806"/>
              <a:gd name="T81" fmla="*/ 97403 h 2806"/>
              <a:gd name="T82" fmla="*/ 129528 w 2806"/>
              <a:gd name="T83" fmla="*/ 170583 h 2806"/>
              <a:gd name="T84" fmla="*/ 117314 w 2806"/>
              <a:gd name="T85" fmla="*/ 158369 h 2806"/>
              <a:gd name="T86" fmla="*/ 113927 w 2806"/>
              <a:gd name="T87" fmla="*/ 140921 h 2806"/>
              <a:gd name="T88" fmla="*/ 120599 w 2806"/>
              <a:gd name="T89" fmla="*/ 124704 h 2806"/>
              <a:gd name="T90" fmla="*/ 134968 w 2806"/>
              <a:gd name="T91" fmla="*/ 115056 h 2806"/>
              <a:gd name="T92" fmla="*/ 153032 w 2806"/>
              <a:gd name="T93" fmla="*/ 115056 h 2806"/>
              <a:gd name="T94" fmla="*/ 167401 w 2806"/>
              <a:gd name="T95" fmla="*/ 124704 h 2806"/>
              <a:gd name="T96" fmla="*/ 174073 w 2806"/>
              <a:gd name="T97" fmla="*/ 140921 h 2806"/>
              <a:gd name="T98" fmla="*/ 170583 w 2806"/>
              <a:gd name="T99" fmla="*/ 158369 h 2806"/>
              <a:gd name="T100" fmla="*/ 158472 w 2806"/>
              <a:gd name="T101" fmla="*/ 170583 h 2806"/>
              <a:gd name="T102" fmla="*/ 181565 w 2806"/>
              <a:gd name="T103" fmla="*/ 94529 h 2806"/>
              <a:gd name="T104" fmla="*/ 188237 w 2806"/>
              <a:gd name="T105" fmla="*/ 85497 h 2806"/>
              <a:gd name="T106" fmla="*/ 199732 w 2806"/>
              <a:gd name="T107" fmla="*/ 87447 h 2806"/>
              <a:gd name="T108" fmla="*/ 202811 w 2806"/>
              <a:gd name="T109" fmla="*/ 98840 h 2806"/>
              <a:gd name="T110" fmla="*/ 194703 w 2806"/>
              <a:gd name="T111" fmla="*/ 106127 h 2806"/>
              <a:gd name="T112" fmla="*/ 184029 w 2806"/>
              <a:gd name="T113" fmla="*/ 102432 h 2806"/>
              <a:gd name="T114" fmla="*/ 288000 w 2806"/>
              <a:gd name="T115" fmla="*/ 0 h 2806"/>
              <a:gd name="T116" fmla="*/ 0 w 2806"/>
              <a:gd name="T117" fmla="*/ 0 h 2806"/>
              <a:gd name="T118" fmla="*/ 0 60000 65536"/>
              <a:gd name="T119" fmla="*/ 0 60000 65536"/>
              <a:gd name="T120" fmla="*/ 0 60000 65536"/>
              <a:gd name="T121" fmla="*/ 0 60000 65536"/>
              <a:gd name="T122" fmla="*/ 0 60000 65536"/>
              <a:gd name="T123" fmla="*/ 0 60000 65536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</a:gdLst>
            <a:ahLst/>
            <a:cxnLst>
              <a:cxn ang="T118">
                <a:pos x="T0" y="T1"/>
              </a:cxn>
              <a:cxn ang="T119">
                <a:pos x="T2" y="T3"/>
              </a:cxn>
              <a:cxn ang="T120">
                <a:pos x="T4" y="T5"/>
              </a:cxn>
              <a:cxn ang="T121">
                <a:pos x="T6" y="T7"/>
              </a:cxn>
              <a:cxn ang="T122">
                <a:pos x="T8" y="T9"/>
              </a:cxn>
              <a:cxn ang="T123">
                <a:pos x="T10" y="T11"/>
              </a:cxn>
              <a:cxn ang="T124">
                <a:pos x="T12" y="T13"/>
              </a:cxn>
              <a:cxn ang="T125">
                <a:pos x="T14" y="T15"/>
              </a:cxn>
              <a:cxn ang="T126">
                <a:pos x="T16" y="T17"/>
              </a:cxn>
              <a:cxn ang="T127">
                <a:pos x="T18" y="T19"/>
              </a:cxn>
              <a:cxn ang="T128">
                <a:pos x="T20" y="T21"/>
              </a:cxn>
              <a:cxn ang="T129">
                <a:pos x="T22" y="T23"/>
              </a:cxn>
              <a:cxn ang="T130">
                <a:pos x="T24" y="T25"/>
              </a:cxn>
              <a:cxn ang="T131">
                <a:pos x="T26" y="T27"/>
              </a:cxn>
              <a:cxn ang="T132">
                <a:pos x="T28" y="T29"/>
              </a:cxn>
              <a:cxn ang="T133">
                <a:pos x="T30" y="T31"/>
              </a:cxn>
              <a:cxn ang="T134">
                <a:pos x="T32" y="T33"/>
              </a:cxn>
              <a:cxn ang="T135">
                <a:pos x="T34" y="T35"/>
              </a:cxn>
              <a:cxn ang="T136">
                <a:pos x="T36" y="T37"/>
              </a:cxn>
              <a:cxn ang="T137">
                <a:pos x="T38" y="T39"/>
              </a:cxn>
              <a:cxn ang="T138">
                <a:pos x="T40" y="T41"/>
              </a:cxn>
              <a:cxn ang="T139">
                <a:pos x="T42" y="T43"/>
              </a:cxn>
              <a:cxn ang="T140">
                <a:pos x="T44" y="T45"/>
              </a:cxn>
              <a:cxn ang="T141">
                <a:pos x="T46" y="T47"/>
              </a:cxn>
              <a:cxn ang="T142">
                <a:pos x="T48" y="T49"/>
              </a:cxn>
              <a:cxn ang="T143">
                <a:pos x="T50" y="T51"/>
              </a:cxn>
              <a:cxn ang="T144">
                <a:pos x="T52" y="T53"/>
              </a:cxn>
              <a:cxn ang="T145">
                <a:pos x="T54" y="T55"/>
              </a:cxn>
              <a:cxn ang="T146">
                <a:pos x="T56" y="T57"/>
              </a:cxn>
              <a:cxn ang="T147">
                <a:pos x="T58" y="T59"/>
              </a:cxn>
              <a:cxn ang="T148">
                <a:pos x="T60" y="T61"/>
              </a:cxn>
              <a:cxn ang="T149">
                <a:pos x="T62" y="T63"/>
              </a:cxn>
              <a:cxn ang="T150">
                <a:pos x="T64" y="T65"/>
              </a:cxn>
              <a:cxn ang="T151">
                <a:pos x="T66" y="T67"/>
              </a:cxn>
              <a:cxn ang="T152">
                <a:pos x="T68" y="T69"/>
              </a:cxn>
              <a:cxn ang="T153">
                <a:pos x="T70" y="T71"/>
              </a:cxn>
              <a:cxn ang="T154">
                <a:pos x="T72" y="T73"/>
              </a:cxn>
              <a:cxn ang="T155">
                <a:pos x="T74" y="T75"/>
              </a:cxn>
              <a:cxn ang="T156">
                <a:pos x="T76" y="T77"/>
              </a:cxn>
              <a:cxn ang="T157">
                <a:pos x="T78" y="T79"/>
              </a:cxn>
              <a:cxn ang="T158">
                <a:pos x="T80" y="T81"/>
              </a:cxn>
              <a:cxn ang="T159">
                <a:pos x="T82" y="T83"/>
              </a:cxn>
              <a:cxn ang="T160">
                <a:pos x="T84" y="T85"/>
              </a:cxn>
              <a:cxn ang="T161">
                <a:pos x="T86" y="T87"/>
              </a:cxn>
              <a:cxn ang="T162">
                <a:pos x="T88" y="T89"/>
              </a:cxn>
              <a:cxn ang="T163">
                <a:pos x="T90" y="T91"/>
              </a:cxn>
              <a:cxn ang="T164">
                <a:pos x="T92" y="T93"/>
              </a:cxn>
              <a:cxn ang="T165">
                <a:pos x="T94" y="T95"/>
              </a:cxn>
              <a:cxn ang="T166">
                <a:pos x="T96" y="T97"/>
              </a:cxn>
              <a:cxn ang="T167">
                <a:pos x="T98" y="T99"/>
              </a:cxn>
              <a:cxn ang="T168">
                <a:pos x="T100" y="T101"/>
              </a:cxn>
              <a:cxn ang="T169">
                <a:pos x="T102" y="T103"/>
              </a:cxn>
              <a:cxn ang="T170">
                <a:pos x="T104" y="T105"/>
              </a:cxn>
              <a:cxn ang="T171">
                <a:pos x="T106" y="T107"/>
              </a:cxn>
              <a:cxn ang="T172">
                <a:pos x="T108" y="T109"/>
              </a:cxn>
              <a:cxn ang="T173">
                <a:pos x="T110" y="T111"/>
              </a:cxn>
              <a:cxn ang="T174">
                <a:pos x="T112" y="T113"/>
              </a:cxn>
              <a:cxn ang="T175">
                <a:pos x="T114" y="T115"/>
              </a:cxn>
              <a:cxn ang="T176">
                <a:pos x="T116" y="T117"/>
              </a:cxn>
            </a:cxnLst>
            <a:rect l="0" t="0" r="r" b="b"/>
            <a:pathLst>
              <a:path w="2806" h="2806">
                <a:moveTo>
                  <a:pt x="1403" y="678"/>
                </a:moveTo>
                <a:lnTo>
                  <a:pt x="1545" y="678"/>
                </a:lnTo>
                <a:lnTo>
                  <a:pt x="1595" y="678"/>
                </a:lnTo>
                <a:lnTo>
                  <a:pt x="1636" y="679"/>
                </a:lnTo>
                <a:lnTo>
                  <a:pt x="1699" y="681"/>
                </a:lnTo>
                <a:lnTo>
                  <a:pt x="1761" y="683"/>
                </a:lnTo>
                <a:lnTo>
                  <a:pt x="1790" y="685"/>
                </a:lnTo>
                <a:lnTo>
                  <a:pt x="1818" y="688"/>
                </a:lnTo>
                <a:lnTo>
                  <a:pt x="1842" y="692"/>
                </a:lnTo>
                <a:lnTo>
                  <a:pt x="1863" y="695"/>
                </a:lnTo>
                <a:lnTo>
                  <a:pt x="1882" y="699"/>
                </a:lnTo>
                <a:lnTo>
                  <a:pt x="1898" y="704"/>
                </a:lnTo>
                <a:lnTo>
                  <a:pt x="1912" y="709"/>
                </a:lnTo>
                <a:lnTo>
                  <a:pt x="1925" y="714"/>
                </a:lnTo>
                <a:lnTo>
                  <a:pt x="1940" y="720"/>
                </a:lnTo>
                <a:lnTo>
                  <a:pt x="1954" y="726"/>
                </a:lnTo>
                <a:lnTo>
                  <a:pt x="1967" y="734"/>
                </a:lnTo>
                <a:lnTo>
                  <a:pt x="1980" y="741"/>
                </a:lnTo>
                <a:lnTo>
                  <a:pt x="1992" y="750"/>
                </a:lnTo>
                <a:lnTo>
                  <a:pt x="2003" y="758"/>
                </a:lnTo>
                <a:lnTo>
                  <a:pt x="2009" y="763"/>
                </a:lnTo>
                <a:lnTo>
                  <a:pt x="2014" y="768"/>
                </a:lnTo>
                <a:lnTo>
                  <a:pt x="2027" y="779"/>
                </a:lnTo>
                <a:lnTo>
                  <a:pt x="2038" y="791"/>
                </a:lnTo>
                <a:lnTo>
                  <a:pt x="2048" y="803"/>
                </a:lnTo>
                <a:lnTo>
                  <a:pt x="2056" y="814"/>
                </a:lnTo>
                <a:lnTo>
                  <a:pt x="2065" y="827"/>
                </a:lnTo>
                <a:lnTo>
                  <a:pt x="2072" y="839"/>
                </a:lnTo>
                <a:lnTo>
                  <a:pt x="2080" y="852"/>
                </a:lnTo>
                <a:lnTo>
                  <a:pt x="2086" y="866"/>
                </a:lnTo>
                <a:lnTo>
                  <a:pt x="2092" y="881"/>
                </a:lnTo>
                <a:lnTo>
                  <a:pt x="2097" y="893"/>
                </a:lnTo>
                <a:lnTo>
                  <a:pt x="2102" y="908"/>
                </a:lnTo>
                <a:lnTo>
                  <a:pt x="2106" y="924"/>
                </a:lnTo>
                <a:lnTo>
                  <a:pt x="2111" y="943"/>
                </a:lnTo>
                <a:lnTo>
                  <a:pt x="2114" y="964"/>
                </a:lnTo>
                <a:lnTo>
                  <a:pt x="2118" y="987"/>
                </a:lnTo>
                <a:lnTo>
                  <a:pt x="2121" y="1015"/>
                </a:lnTo>
                <a:lnTo>
                  <a:pt x="2122" y="1029"/>
                </a:lnTo>
                <a:lnTo>
                  <a:pt x="2123" y="1046"/>
                </a:lnTo>
                <a:lnTo>
                  <a:pt x="2126" y="1107"/>
                </a:lnTo>
                <a:lnTo>
                  <a:pt x="2127" y="1170"/>
                </a:lnTo>
                <a:lnTo>
                  <a:pt x="2128" y="1261"/>
                </a:lnTo>
                <a:lnTo>
                  <a:pt x="2128" y="1403"/>
                </a:lnTo>
                <a:lnTo>
                  <a:pt x="2128" y="1545"/>
                </a:lnTo>
                <a:lnTo>
                  <a:pt x="2128" y="1595"/>
                </a:lnTo>
                <a:lnTo>
                  <a:pt x="2127" y="1636"/>
                </a:lnTo>
                <a:lnTo>
                  <a:pt x="2126" y="1699"/>
                </a:lnTo>
                <a:lnTo>
                  <a:pt x="2123" y="1761"/>
                </a:lnTo>
                <a:lnTo>
                  <a:pt x="2121" y="1790"/>
                </a:lnTo>
                <a:lnTo>
                  <a:pt x="2118" y="1818"/>
                </a:lnTo>
                <a:lnTo>
                  <a:pt x="2114" y="1842"/>
                </a:lnTo>
                <a:lnTo>
                  <a:pt x="2111" y="1863"/>
                </a:lnTo>
                <a:lnTo>
                  <a:pt x="2106" y="1882"/>
                </a:lnTo>
                <a:lnTo>
                  <a:pt x="2102" y="1898"/>
                </a:lnTo>
                <a:lnTo>
                  <a:pt x="2097" y="1912"/>
                </a:lnTo>
                <a:lnTo>
                  <a:pt x="2092" y="1924"/>
                </a:lnTo>
                <a:lnTo>
                  <a:pt x="2086" y="1940"/>
                </a:lnTo>
                <a:lnTo>
                  <a:pt x="2080" y="1954"/>
                </a:lnTo>
                <a:lnTo>
                  <a:pt x="2072" y="1967"/>
                </a:lnTo>
                <a:lnTo>
                  <a:pt x="2065" y="1980"/>
                </a:lnTo>
                <a:lnTo>
                  <a:pt x="2056" y="1991"/>
                </a:lnTo>
                <a:lnTo>
                  <a:pt x="2048" y="2003"/>
                </a:lnTo>
                <a:lnTo>
                  <a:pt x="2043" y="2009"/>
                </a:lnTo>
                <a:lnTo>
                  <a:pt x="2038" y="2014"/>
                </a:lnTo>
                <a:lnTo>
                  <a:pt x="2027" y="2027"/>
                </a:lnTo>
                <a:lnTo>
                  <a:pt x="2014" y="2038"/>
                </a:lnTo>
                <a:lnTo>
                  <a:pt x="2003" y="2048"/>
                </a:lnTo>
                <a:lnTo>
                  <a:pt x="1992" y="2056"/>
                </a:lnTo>
                <a:lnTo>
                  <a:pt x="1980" y="2065"/>
                </a:lnTo>
                <a:lnTo>
                  <a:pt x="1967" y="2072"/>
                </a:lnTo>
                <a:lnTo>
                  <a:pt x="1954" y="2080"/>
                </a:lnTo>
                <a:lnTo>
                  <a:pt x="1940" y="2086"/>
                </a:lnTo>
                <a:lnTo>
                  <a:pt x="1925" y="2092"/>
                </a:lnTo>
                <a:lnTo>
                  <a:pt x="1912" y="2097"/>
                </a:lnTo>
                <a:lnTo>
                  <a:pt x="1898" y="2102"/>
                </a:lnTo>
                <a:lnTo>
                  <a:pt x="1882" y="2106"/>
                </a:lnTo>
                <a:lnTo>
                  <a:pt x="1863" y="2111"/>
                </a:lnTo>
                <a:lnTo>
                  <a:pt x="1842" y="2115"/>
                </a:lnTo>
                <a:lnTo>
                  <a:pt x="1818" y="2118"/>
                </a:lnTo>
                <a:lnTo>
                  <a:pt x="1790" y="2121"/>
                </a:lnTo>
                <a:lnTo>
                  <a:pt x="1777" y="2122"/>
                </a:lnTo>
                <a:lnTo>
                  <a:pt x="1761" y="2123"/>
                </a:lnTo>
                <a:lnTo>
                  <a:pt x="1699" y="2126"/>
                </a:lnTo>
                <a:lnTo>
                  <a:pt x="1636" y="2127"/>
                </a:lnTo>
                <a:lnTo>
                  <a:pt x="1545" y="2128"/>
                </a:lnTo>
                <a:lnTo>
                  <a:pt x="1403" y="2128"/>
                </a:lnTo>
                <a:lnTo>
                  <a:pt x="1261" y="2128"/>
                </a:lnTo>
                <a:lnTo>
                  <a:pt x="1211" y="2127"/>
                </a:lnTo>
                <a:lnTo>
                  <a:pt x="1170" y="2127"/>
                </a:lnTo>
                <a:lnTo>
                  <a:pt x="1107" y="2126"/>
                </a:lnTo>
                <a:lnTo>
                  <a:pt x="1045" y="2123"/>
                </a:lnTo>
                <a:lnTo>
                  <a:pt x="1015" y="2121"/>
                </a:lnTo>
                <a:lnTo>
                  <a:pt x="989" y="2118"/>
                </a:lnTo>
                <a:lnTo>
                  <a:pt x="964" y="2115"/>
                </a:lnTo>
                <a:lnTo>
                  <a:pt x="943" y="2111"/>
                </a:lnTo>
                <a:lnTo>
                  <a:pt x="924" y="2106"/>
                </a:lnTo>
                <a:lnTo>
                  <a:pt x="908" y="2102"/>
                </a:lnTo>
                <a:lnTo>
                  <a:pt x="893" y="2097"/>
                </a:lnTo>
                <a:lnTo>
                  <a:pt x="881" y="2092"/>
                </a:lnTo>
                <a:lnTo>
                  <a:pt x="866" y="2086"/>
                </a:lnTo>
                <a:lnTo>
                  <a:pt x="852" y="2080"/>
                </a:lnTo>
                <a:lnTo>
                  <a:pt x="839" y="2072"/>
                </a:lnTo>
                <a:lnTo>
                  <a:pt x="826" y="2065"/>
                </a:lnTo>
                <a:lnTo>
                  <a:pt x="814" y="2056"/>
                </a:lnTo>
                <a:lnTo>
                  <a:pt x="803" y="2048"/>
                </a:lnTo>
                <a:lnTo>
                  <a:pt x="797" y="2043"/>
                </a:lnTo>
                <a:lnTo>
                  <a:pt x="792" y="2038"/>
                </a:lnTo>
                <a:lnTo>
                  <a:pt x="779" y="2027"/>
                </a:lnTo>
                <a:lnTo>
                  <a:pt x="768" y="2014"/>
                </a:lnTo>
                <a:lnTo>
                  <a:pt x="758" y="2003"/>
                </a:lnTo>
                <a:lnTo>
                  <a:pt x="750" y="1991"/>
                </a:lnTo>
                <a:lnTo>
                  <a:pt x="741" y="1980"/>
                </a:lnTo>
                <a:lnTo>
                  <a:pt x="734" y="1967"/>
                </a:lnTo>
                <a:lnTo>
                  <a:pt x="726" y="1954"/>
                </a:lnTo>
                <a:lnTo>
                  <a:pt x="720" y="1940"/>
                </a:lnTo>
                <a:lnTo>
                  <a:pt x="714" y="1924"/>
                </a:lnTo>
                <a:lnTo>
                  <a:pt x="709" y="1912"/>
                </a:lnTo>
                <a:lnTo>
                  <a:pt x="704" y="1898"/>
                </a:lnTo>
                <a:lnTo>
                  <a:pt x="700" y="1882"/>
                </a:lnTo>
                <a:lnTo>
                  <a:pt x="695" y="1863"/>
                </a:lnTo>
                <a:lnTo>
                  <a:pt x="692" y="1842"/>
                </a:lnTo>
                <a:lnTo>
                  <a:pt x="688" y="1818"/>
                </a:lnTo>
                <a:lnTo>
                  <a:pt x="685" y="1790"/>
                </a:lnTo>
                <a:lnTo>
                  <a:pt x="684" y="1776"/>
                </a:lnTo>
                <a:lnTo>
                  <a:pt x="683" y="1761"/>
                </a:lnTo>
                <a:lnTo>
                  <a:pt x="680" y="1699"/>
                </a:lnTo>
                <a:lnTo>
                  <a:pt x="679" y="1636"/>
                </a:lnTo>
                <a:lnTo>
                  <a:pt x="678" y="1545"/>
                </a:lnTo>
                <a:lnTo>
                  <a:pt x="678" y="1403"/>
                </a:lnTo>
                <a:lnTo>
                  <a:pt x="678" y="1261"/>
                </a:lnTo>
                <a:lnTo>
                  <a:pt x="678" y="1210"/>
                </a:lnTo>
                <a:lnTo>
                  <a:pt x="679" y="1170"/>
                </a:lnTo>
                <a:lnTo>
                  <a:pt x="680" y="1107"/>
                </a:lnTo>
                <a:lnTo>
                  <a:pt x="683" y="1046"/>
                </a:lnTo>
                <a:lnTo>
                  <a:pt x="685" y="1015"/>
                </a:lnTo>
                <a:lnTo>
                  <a:pt x="688" y="987"/>
                </a:lnTo>
                <a:lnTo>
                  <a:pt x="692" y="964"/>
                </a:lnTo>
                <a:lnTo>
                  <a:pt x="695" y="943"/>
                </a:lnTo>
                <a:lnTo>
                  <a:pt x="700" y="924"/>
                </a:lnTo>
                <a:lnTo>
                  <a:pt x="704" y="908"/>
                </a:lnTo>
                <a:lnTo>
                  <a:pt x="709" y="893"/>
                </a:lnTo>
                <a:lnTo>
                  <a:pt x="714" y="881"/>
                </a:lnTo>
                <a:lnTo>
                  <a:pt x="720" y="866"/>
                </a:lnTo>
                <a:lnTo>
                  <a:pt x="726" y="852"/>
                </a:lnTo>
                <a:lnTo>
                  <a:pt x="734" y="839"/>
                </a:lnTo>
                <a:lnTo>
                  <a:pt x="741" y="827"/>
                </a:lnTo>
                <a:lnTo>
                  <a:pt x="750" y="814"/>
                </a:lnTo>
                <a:lnTo>
                  <a:pt x="758" y="803"/>
                </a:lnTo>
                <a:lnTo>
                  <a:pt x="763" y="797"/>
                </a:lnTo>
                <a:lnTo>
                  <a:pt x="768" y="791"/>
                </a:lnTo>
                <a:lnTo>
                  <a:pt x="779" y="779"/>
                </a:lnTo>
                <a:lnTo>
                  <a:pt x="792" y="768"/>
                </a:lnTo>
                <a:lnTo>
                  <a:pt x="803" y="758"/>
                </a:lnTo>
                <a:lnTo>
                  <a:pt x="814" y="750"/>
                </a:lnTo>
                <a:lnTo>
                  <a:pt x="826" y="741"/>
                </a:lnTo>
                <a:lnTo>
                  <a:pt x="839" y="734"/>
                </a:lnTo>
                <a:lnTo>
                  <a:pt x="852" y="726"/>
                </a:lnTo>
                <a:lnTo>
                  <a:pt x="866" y="720"/>
                </a:lnTo>
                <a:lnTo>
                  <a:pt x="881" y="714"/>
                </a:lnTo>
                <a:lnTo>
                  <a:pt x="893" y="709"/>
                </a:lnTo>
                <a:lnTo>
                  <a:pt x="908" y="704"/>
                </a:lnTo>
                <a:lnTo>
                  <a:pt x="924" y="699"/>
                </a:lnTo>
                <a:lnTo>
                  <a:pt x="943" y="695"/>
                </a:lnTo>
                <a:lnTo>
                  <a:pt x="964" y="692"/>
                </a:lnTo>
                <a:lnTo>
                  <a:pt x="989" y="688"/>
                </a:lnTo>
                <a:lnTo>
                  <a:pt x="1015" y="685"/>
                </a:lnTo>
                <a:lnTo>
                  <a:pt x="1029" y="684"/>
                </a:lnTo>
                <a:lnTo>
                  <a:pt x="1045" y="683"/>
                </a:lnTo>
                <a:lnTo>
                  <a:pt x="1107" y="681"/>
                </a:lnTo>
                <a:lnTo>
                  <a:pt x="1170" y="679"/>
                </a:lnTo>
                <a:lnTo>
                  <a:pt x="1261" y="678"/>
                </a:lnTo>
                <a:lnTo>
                  <a:pt x="1403" y="678"/>
                </a:lnTo>
                <a:close/>
                <a:moveTo>
                  <a:pt x="1403" y="518"/>
                </a:moveTo>
                <a:lnTo>
                  <a:pt x="1258" y="518"/>
                </a:lnTo>
                <a:lnTo>
                  <a:pt x="1208" y="520"/>
                </a:lnTo>
                <a:lnTo>
                  <a:pt x="1165" y="520"/>
                </a:lnTo>
                <a:lnTo>
                  <a:pt x="1101" y="521"/>
                </a:lnTo>
                <a:lnTo>
                  <a:pt x="1038" y="523"/>
                </a:lnTo>
                <a:lnTo>
                  <a:pt x="1005" y="526"/>
                </a:lnTo>
                <a:lnTo>
                  <a:pt x="972" y="530"/>
                </a:lnTo>
                <a:lnTo>
                  <a:pt x="944" y="533"/>
                </a:lnTo>
                <a:lnTo>
                  <a:pt x="917" y="538"/>
                </a:lnTo>
                <a:lnTo>
                  <a:pt x="892" y="543"/>
                </a:lnTo>
                <a:lnTo>
                  <a:pt x="880" y="547"/>
                </a:lnTo>
                <a:lnTo>
                  <a:pt x="867" y="549"/>
                </a:lnTo>
                <a:lnTo>
                  <a:pt x="845" y="557"/>
                </a:lnTo>
                <a:lnTo>
                  <a:pt x="824" y="565"/>
                </a:lnTo>
                <a:lnTo>
                  <a:pt x="802" y="574"/>
                </a:lnTo>
                <a:lnTo>
                  <a:pt x="782" y="584"/>
                </a:lnTo>
                <a:lnTo>
                  <a:pt x="772" y="589"/>
                </a:lnTo>
                <a:lnTo>
                  <a:pt x="762" y="594"/>
                </a:lnTo>
                <a:lnTo>
                  <a:pt x="742" y="606"/>
                </a:lnTo>
                <a:lnTo>
                  <a:pt x="723" y="619"/>
                </a:lnTo>
                <a:lnTo>
                  <a:pt x="714" y="626"/>
                </a:lnTo>
                <a:lnTo>
                  <a:pt x="704" y="633"/>
                </a:lnTo>
                <a:lnTo>
                  <a:pt x="685" y="650"/>
                </a:lnTo>
                <a:lnTo>
                  <a:pt x="667" y="667"/>
                </a:lnTo>
                <a:lnTo>
                  <a:pt x="650" y="685"/>
                </a:lnTo>
                <a:lnTo>
                  <a:pt x="633" y="704"/>
                </a:lnTo>
                <a:lnTo>
                  <a:pt x="619" y="723"/>
                </a:lnTo>
                <a:lnTo>
                  <a:pt x="612" y="732"/>
                </a:lnTo>
                <a:lnTo>
                  <a:pt x="606" y="742"/>
                </a:lnTo>
                <a:lnTo>
                  <a:pt x="594" y="761"/>
                </a:lnTo>
                <a:lnTo>
                  <a:pt x="584" y="782"/>
                </a:lnTo>
                <a:lnTo>
                  <a:pt x="574" y="802"/>
                </a:lnTo>
                <a:lnTo>
                  <a:pt x="565" y="824"/>
                </a:lnTo>
                <a:lnTo>
                  <a:pt x="557" y="845"/>
                </a:lnTo>
                <a:lnTo>
                  <a:pt x="551" y="867"/>
                </a:lnTo>
                <a:lnTo>
                  <a:pt x="543" y="891"/>
                </a:lnTo>
                <a:lnTo>
                  <a:pt x="541" y="904"/>
                </a:lnTo>
                <a:lnTo>
                  <a:pt x="538" y="917"/>
                </a:lnTo>
                <a:lnTo>
                  <a:pt x="533" y="944"/>
                </a:lnTo>
                <a:lnTo>
                  <a:pt x="530" y="973"/>
                </a:lnTo>
                <a:lnTo>
                  <a:pt x="526" y="1005"/>
                </a:lnTo>
                <a:lnTo>
                  <a:pt x="523" y="1038"/>
                </a:lnTo>
                <a:lnTo>
                  <a:pt x="521" y="1101"/>
                </a:lnTo>
                <a:lnTo>
                  <a:pt x="520" y="1166"/>
                </a:lnTo>
                <a:lnTo>
                  <a:pt x="518" y="1258"/>
                </a:lnTo>
                <a:lnTo>
                  <a:pt x="518" y="1403"/>
                </a:lnTo>
                <a:lnTo>
                  <a:pt x="518" y="1548"/>
                </a:lnTo>
                <a:lnTo>
                  <a:pt x="520" y="1599"/>
                </a:lnTo>
                <a:lnTo>
                  <a:pt x="520" y="1639"/>
                </a:lnTo>
                <a:lnTo>
                  <a:pt x="521" y="1705"/>
                </a:lnTo>
                <a:lnTo>
                  <a:pt x="523" y="1768"/>
                </a:lnTo>
                <a:lnTo>
                  <a:pt x="526" y="1801"/>
                </a:lnTo>
                <a:lnTo>
                  <a:pt x="530" y="1832"/>
                </a:lnTo>
                <a:lnTo>
                  <a:pt x="533" y="1862"/>
                </a:lnTo>
                <a:lnTo>
                  <a:pt x="538" y="1889"/>
                </a:lnTo>
                <a:lnTo>
                  <a:pt x="543" y="1914"/>
                </a:lnTo>
                <a:lnTo>
                  <a:pt x="547" y="1926"/>
                </a:lnTo>
                <a:lnTo>
                  <a:pt x="551" y="1938"/>
                </a:lnTo>
                <a:lnTo>
                  <a:pt x="557" y="1961"/>
                </a:lnTo>
                <a:lnTo>
                  <a:pt x="565" y="1982"/>
                </a:lnTo>
                <a:lnTo>
                  <a:pt x="574" y="2003"/>
                </a:lnTo>
                <a:lnTo>
                  <a:pt x="584" y="2024"/>
                </a:lnTo>
                <a:lnTo>
                  <a:pt x="589" y="2034"/>
                </a:lnTo>
                <a:lnTo>
                  <a:pt x="594" y="2044"/>
                </a:lnTo>
                <a:lnTo>
                  <a:pt x="606" y="2064"/>
                </a:lnTo>
                <a:lnTo>
                  <a:pt x="619" y="2084"/>
                </a:lnTo>
                <a:lnTo>
                  <a:pt x="626" y="2092"/>
                </a:lnTo>
                <a:lnTo>
                  <a:pt x="633" y="2102"/>
                </a:lnTo>
                <a:lnTo>
                  <a:pt x="641" y="2111"/>
                </a:lnTo>
                <a:lnTo>
                  <a:pt x="650" y="2121"/>
                </a:lnTo>
                <a:lnTo>
                  <a:pt x="667" y="2139"/>
                </a:lnTo>
                <a:lnTo>
                  <a:pt x="685" y="2157"/>
                </a:lnTo>
                <a:lnTo>
                  <a:pt x="704" y="2173"/>
                </a:lnTo>
                <a:lnTo>
                  <a:pt x="723" y="2186"/>
                </a:lnTo>
                <a:lnTo>
                  <a:pt x="732" y="2194"/>
                </a:lnTo>
                <a:lnTo>
                  <a:pt x="742" y="2200"/>
                </a:lnTo>
                <a:lnTo>
                  <a:pt x="762" y="2211"/>
                </a:lnTo>
                <a:lnTo>
                  <a:pt x="782" y="2222"/>
                </a:lnTo>
                <a:lnTo>
                  <a:pt x="802" y="2232"/>
                </a:lnTo>
                <a:lnTo>
                  <a:pt x="824" y="2241"/>
                </a:lnTo>
                <a:lnTo>
                  <a:pt x="845" y="2248"/>
                </a:lnTo>
                <a:lnTo>
                  <a:pt x="867" y="2256"/>
                </a:lnTo>
                <a:lnTo>
                  <a:pt x="892" y="2262"/>
                </a:lnTo>
                <a:lnTo>
                  <a:pt x="904" y="2265"/>
                </a:lnTo>
                <a:lnTo>
                  <a:pt x="917" y="2268"/>
                </a:lnTo>
                <a:lnTo>
                  <a:pt x="944" y="2273"/>
                </a:lnTo>
                <a:lnTo>
                  <a:pt x="972" y="2277"/>
                </a:lnTo>
                <a:lnTo>
                  <a:pt x="1005" y="2280"/>
                </a:lnTo>
                <a:lnTo>
                  <a:pt x="1038" y="2282"/>
                </a:lnTo>
                <a:lnTo>
                  <a:pt x="1101" y="2284"/>
                </a:lnTo>
                <a:lnTo>
                  <a:pt x="1165" y="2287"/>
                </a:lnTo>
                <a:lnTo>
                  <a:pt x="1258" y="2287"/>
                </a:lnTo>
                <a:lnTo>
                  <a:pt x="1403" y="2288"/>
                </a:lnTo>
                <a:lnTo>
                  <a:pt x="1548" y="2287"/>
                </a:lnTo>
                <a:lnTo>
                  <a:pt x="1599" y="2287"/>
                </a:lnTo>
                <a:lnTo>
                  <a:pt x="1641" y="2287"/>
                </a:lnTo>
                <a:lnTo>
                  <a:pt x="1705" y="2284"/>
                </a:lnTo>
                <a:lnTo>
                  <a:pt x="1768" y="2282"/>
                </a:lnTo>
                <a:lnTo>
                  <a:pt x="1801" y="2280"/>
                </a:lnTo>
                <a:lnTo>
                  <a:pt x="1834" y="2277"/>
                </a:lnTo>
                <a:lnTo>
                  <a:pt x="1862" y="2273"/>
                </a:lnTo>
                <a:lnTo>
                  <a:pt x="1889" y="2268"/>
                </a:lnTo>
                <a:lnTo>
                  <a:pt x="1914" y="2262"/>
                </a:lnTo>
                <a:lnTo>
                  <a:pt x="1926" y="2259"/>
                </a:lnTo>
                <a:lnTo>
                  <a:pt x="1939" y="2256"/>
                </a:lnTo>
                <a:lnTo>
                  <a:pt x="1961" y="2248"/>
                </a:lnTo>
                <a:lnTo>
                  <a:pt x="1982" y="2241"/>
                </a:lnTo>
                <a:lnTo>
                  <a:pt x="2004" y="2232"/>
                </a:lnTo>
                <a:lnTo>
                  <a:pt x="2024" y="2222"/>
                </a:lnTo>
                <a:lnTo>
                  <a:pt x="2034" y="2217"/>
                </a:lnTo>
                <a:lnTo>
                  <a:pt x="2044" y="2211"/>
                </a:lnTo>
                <a:lnTo>
                  <a:pt x="2064" y="2200"/>
                </a:lnTo>
                <a:lnTo>
                  <a:pt x="2084" y="2186"/>
                </a:lnTo>
                <a:lnTo>
                  <a:pt x="2092" y="2180"/>
                </a:lnTo>
                <a:lnTo>
                  <a:pt x="2102" y="2173"/>
                </a:lnTo>
                <a:lnTo>
                  <a:pt x="2121" y="2157"/>
                </a:lnTo>
                <a:lnTo>
                  <a:pt x="2139" y="2139"/>
                </a:lnTo>
                <a:lnTo>
                  <a:pt x="2157" y="2121"/>
                </a:lnTo>
                <a:lnTo>
                  <a:pt x="2173" y="2102"/>
                </a:lnTo>
                <a:lnTo>
                  <a:pt x="2187" y="2084"/>
                </a:lnTo>
                <a:lnTo>
                  <a:pt x="2194" y="2074"/>
                </a:lnTo>
                <a:lnTo>
                  <a:pt x="2200" y="2064"/>
                </a:lnTo>
                <a:lnTo>
                  <a:pt x="2212" y="2044"/>
                </a:lnTo>
                <a:lnTo>
                  <a:pt x="2222" y="2024"/>
                </a:lnTo>
                <a:lnTo>
                  <a:pt x="2232" y="2003"/>
                </a:lnTo>
                <a:lnTo>
                  <a:pt x="2241" y="1982"/>
                </a:lnTo>
                <a:lnTo>
                  <a:pt x="2249" y="1961"/>
                </a:lnTo>
                <a:lnTo>
                  <a:pt x="2256" y="1938"/>
                </a:lnTo>
                <a:lnTo>
                  <a:pt x="2263" y="1914"/>
                </a:lnTo>
                <a:lnTo>
                  <a:pt x="2265" y="1902"/>
                </a:lnTo>
                <a:lnTo>
                  <a:pt x="2268" y="1889"/>
                </a:lnTo>
                <a:lnTo>
                  <a:pt x="2273" y="1862"/>
                </a:lnTo>
                <a:lnTo>
                  <a:pt x="2277" y="1832"/>
                </a:lnTo>
                <a:lnTo>
                  <a:pt x="2280" y="1801"/>
                </a:lnTo>
                <a:lnTo>
                  <a:pt x="2281" y="1768"/>
                </a:lnTo>
                <a:lnTo>
                  <a:pt x="2285" y="1705"/>
                </a:lnTo>
                <a:lnTo>
                  <a:pt x="2286" y="1639"/>
                </a:lnTo>
                <a:lnTo>
                  <a:pt x="2288" y="1548"/>
                </a:lnTo>
                <a:lnTo>
                  <a:pt x="2288" y="1403"/>
                </a:lnTo>
                <a:lnTo>
                  <a:pt x="2288" y="1258"/>
                </a:lnTo>
                <a:lnTo>
                  <a:pt x="2286" y="1206"/>
                </a:lnTo>
                <a:lnTo>
                  <a:pt x="2286" y="1166"/>
                </a:lnTo>
                <a:lnTo>
                  <a:pt x="2285" y="1101"/>
                </a:lnTo>
                <a:lnTo>
                  <a:pt x="2281" y="1038"/>
                </a:lnTo>
                <a:lnTo>
                  <a:pt x="2280" y="1005"/>
                </a:lnTo>
                <a:lnTo>
                  <a:pt x="2277" y="973"/>
                </a:lnTo>
                <a:lnTo>
                  <a:pt x="2273" y="944"/>
                </a:lnTo>
                <a:lnTo>
                  <a:pt x="2268" y="917"/>
                </a:lnTo>
                <a:lnTo>
                  <a:pt x="2263" y="891"/>
                </a:lnTo>
                <a:lnTo>
                  <a:pt x="2259" y="880"/>
                </a:lnTo>
                <a:lnTo>
                  <a:pt x="2256" y="867"/>
                </a:lnTo>
                <a:lnTo>
                  <a:pt x="2249" y="845"/>
                </a:lnTo>
                <a:lnTo>
                  <a:pt x="2241" y="824"/>
                </a:lnTo>
                <a:lnTo>
                  <a:pt x="2232" y="802"/>
                </a:lnTo>
                <a:lnTo>
                  <a:pt x="2222" y="782"/>
                </a:lnTo>
                <a:lnTo>
                  <a:pt x="2217" y="771"/>
                </a:lnTo>
                <a:lnTo>
                  <a:pt x="2212" y="761"/>
                </a:lnTo>
                <a:lnTo>
                  <a:pt x="2200" y="742"/>
                </a:lnTo>
                <a:lnTo>
                  <a:pt x="2187" y="723"/>
                </a:lnTo>
                <a:lnTo>
                  <a:pt x="2180" y="714"/>
                </a:lnTo>
                <a:lnTo>
                  <a:pt x="2173" y="704"/>
                </a:lnTo>
                <a:lnTo>
                  <a:pt x="2165" y="694"/>
                </a:lnTo>
                <a:lnTo>
                  <a:pt x="2157" y="685"/>
                </a:lnTo>
                <a:lnTo>
                  <a:pt x="2139" y="667"/>
                </a:lnTo>
                <a:lnTo>
                  <a:pt x="2121" y="650"/>
                </a:lnTo>
                <a:lnTo>
                  <a:pt x="2102" y="633"/>
                </a:lnTo>
                <a:lnTo>
                  <a:pt x="2084" y="619"/>
                </a:lnTo>
                <a:lnTo>
                  <a:pt x="2074" y="612"/>
                </a:lnTo>
                <a:lnTo>
                  <a:pt x="2064" y="606"/>
                </a:lnTo>
                <a:lnTo>
                  <a:pt x="2044" y="594"/>
                </a:lnTo>
                <a:lnTo>
                  <a:pt x="2024" y="584"/>
                </a:lnTo>
                <a:lnTo>
                  <a:pt x="2004" y="574"/>
                </a:lnTo>
                <a:lnTo>
                  <a:pt x="1982" y="565"/>
                </a:lnTo>
                <a:lnTo>
                  <a:pt x="1961" y="557"/>
                </a:lnTo>
                <a:lnTo>
                  <a:pt x="1939" y="549"/>
                </a:lnTo>
                <a:lnTo>
                  <a:pt x="1914" y="543"/>
                </a:lnTo>
                <a:lnTo>
                  <a:pt x="1902" y="541"/>
                </a:lnTo>
                <a:lnTo>
                  <a:pt x="1889" y="538"/>
                </a:lnTo>
                <a:lnTo>
                  <a:pt x="1862" y="533"/>
                </a:lnTo>
                <a:lnTo>
                  <a:pt x="1834" y="530"/>
                </a:lnTo>
                <a:lnTo>
                  <a:pt x="1801" y="526"/>
                </a:lnTo>
                <a:lnTo>
                  <a:pt x="1768" y="523"/>
                </a:lnTo>
                <a:lnTo>
                  <a:pt x="1705" y="521"/>
                </a:lnTo>
                <a:lnTo>
                  <a:pt x="1641" y="520"/>
                </a:lnTo>
                <a:lnTo>
                  <a:pt x="1548" y="518"/>
                </a:lnTo>
                <a:lnTo>
                  <a:pt x="1403" y="518"/>
                </a:lnTo>
                <a:close/>
                <a:moveTo>
                  <a:pt x="1403" y="949"/>
                </a:moveTo>
                <a:lnTo>
                  <a:pt x="1380" y="949"/>
                </a:lnTo>
                <a:lnTo>
                  <a:pt x="1356" y="951"/>
                </a:lnTo>
                <a:lnTo>
                  <a:pt x="1334" y="954"/>
                </a:lnTo>
                <a:lnTo>
                  <a:pt x="1311" y="958"/>
                </a:lnTo>
                <a:lnTo>
                  <a:pt x="1289" y="963"/>
                </a:lnTo>
                <a:lnTo>
                  <a:pt x="1268" y="969"/>
                </a:lnTo>
                <a:lnTo>
                  <a:pt x="1247" y="976"/>
                </a:lnTo>
                <a:lnTo>
                  <a:pt x="1226" y="985"/>
                </a:lnTo>
                <a:lnTo>
                  <a:pt x="1206" y="994"/>
                </a:lnTo>
                <a:lnTo>
                  <a:pt x="1187" y="1003"/>
                </a:lnTo>
                <a:lnTo>
                  <a:pt x="1168" y="1015"/>
                </a:lnTo>
                <a:lnTo>
                  <a:pt x="1149" y="1027"/>
                </a:lnTo>
                <a:lnTo>
                  <a:pt x="1131" y="1039"/>
                </a:lnTo>
                <a:lnTo>
                  <a:pt x="1115" y="1053"/>
                </a:lnTo>
                <a:lnTo>
                  <a:pt x="1097" y="1067"/>
                </a:lnTo>
                <a:lnTo>
                  <a:pt x="1081" y="1081"/>
                </a:lnTo>
                <a:lnTo>
                  <a:pt x="1067" y="1097"/>
                </a:lnTo>
                <a:lnTo>
                  <a:pt x="1053" y="1114"/>
                </a:lnTo>
                <a:lnTo>
                  <a:pt x="1039" y="1131"/>
                </a:lnTo>
                <a:lnTo>
                  <a:pt x="1027" y="1149"/>
                </a:lnTo>
                <a:lnTo>
                  <a:pt x="1015" y="1168"/>
                </a:lnTo>
                <a:lnTo>
                  <a:pt x="1003" y="1187"/>
                </a:lnTo>
                <a:lnTo>
                  <a:pt x="994" y="1206"/>
                </a:lnTo>
                <a:lnTo>
                  <a:pt x="985" y="1226"/>
                </a:lnTo>
                <a:lnTo>
                  <a:pt x="976" y="1247"/>
                </a:lnTo>
                <a:lnTo>
                  <a:pt x="969" y="1268"/>
                </a:lnTo>
                <a:lnTo>
                  <a:pt x="963" y="1289"/>
                </a:lnTo>
                <a:lnTo>
                  <a:pt x="960" y="1300"/>
                </a:lnTo>
                <a:lnTo>
                  <a:pt x="958" y="1312"/>
                </a:lnTo>
                <a:lnTo>
                  <a:pt x="954" y="1334"/>
                </a:lnTo>
                <a:lnTo>
                  <a:pt x="951" y="1356"/>
                </a:lnTo>
                <a:lnTo>
                  <a:pt x="949" y="1380"/>
                </a:lnTo>
                <a:lnTo>
                  <a:pt x="949" y="1403"/>
                </a:lnTo>
                <a:lnTo>
                  <a:pt x="949" y="1427"/>
                </a:lnTo>
                <a:lnTo>
                  <a:pt x="951" y="1449"/>
                </a:lnTo>
                <a:lnTo>
                  <a:pt x="954" y="1472"/>
                </a:lnTo>
                <a:lnTo>
                  <a:pt x="958" y="1495"/>
                </a:lnTo>
                <a:lnTo>
                  <a:pt x="963" y="1517"/>
                </a:lnTo>
                <a:lnTo>
                  <a:pt x="969" y="1538"/>
                </a:lnTo>
                <a:lnTo>
                  <a:pt x="976" y="1559"/>
                </a:lnTo>
                <a:lnTo>
                  <a:pt x="985" y="1580"/>
                </a:lnTo>
                <a:lnTo>
                  <a:pt x="994" y="1600"/>
                </a:lnTo>
                <a:lnTo>
                  <a:pt x="1003" y="1620"/>
                </a:lnTo>
                <a:lnTo>
                  <a:pt x="1015" y="1638"/>
                </a:lnTo>
                <a:lnTo>
                  <a:pt x="1027" y="1657"/>
                </a:lnTo>
                <a:lnTo>
                  <a:pt x="1039" y="1674"/>
                </a:lnTo>
                <a:lnTo>
                  <a:pt x="1053" y="1691"/>
                </a:lnTo>
                <a:lnTo>
                  <a:pt x="1067" y="1709"/>
                </a:lnTo>
                <a:lnTo>
                  <a:pt x="1081" y="1724"/>
                </a:lnTo>
                <a:lnTo>
                  <a:pt x="1097" y="1740"/>
                </a:lnTo>
                <a:lnTo>
                  <a:pt x="1115" y="1753"/>
                </a:lnTo>
                <a:lnTo>
                  <a:pt x="1131" y="1767"/>
                </a:lnTo>
                <a:lnTo>
                  <a:pt x="1149" y="1779"/>
                </a:lnTo>
                <a:lnTo>
                  <a:pt x="1168" y="1792"/>
                </a:lnTo>
                <a:lnTo>
                  <a:pt x="1187" y="1803"/>
                </a:lnTo>
                <a:lnTo>
                  <a:pt x="1206" y="1813"/>
                </a:lnTo>
                <a:lnTo>
                  <a:pt x="1226" y="1821"/>
                </a:lnTo>
                <a:lnTo>
                  <a:pt x="1247" y="1830"/>
                </a:lnTo>
                <a:lnTo>
                  <a:pt x="1268" y="1836"/>
                </a:lnTo>
                <a:lnTo>
                  <a:pt x="1289" y="1842"/>
                </a:lnTo>
                <a:lnTo>
                  <a:pt x="1300" y="1846"/>
                </a:lnTo>
                <a:lnTo>
                  <a:pt x="1311" y="1847"/>
                </a:lnTo>
                <a:lnTo>
                  <a:pt x="1334" y="1852"/>
                </a:lnTo>
                <a:lnTo>
                  <a:pt x="1356" y="1855"/>
                </a:lnTo>
                <a:lnTo>
                  <a:pt x="1380" y="1856"/>
                </a:lnTo>
                <a:lnTo>
                  <a:pt x="1403" y="1857"/>
                </a:lnTo>
                <a:lnTo>
                  <a:pt x="1427" y="1856"/>
                </a:lnTo>
                <a:lnTo>
                  <a:pt x="1450" y="1855"/>
                </a:lnTo>
                <a:lnTo>
                  <a:pt x="1472" y="1852"/>
                </a:lnTo>
                <a:lnTo>
                  <a:pt x="1495" y="1847"/>
                </a:lnTo>
                <a:lnTo>
                  <a:pt x="1517" y="1842"/>
                </a:lnTo>
                <a:lnTo>
                  <a:pt x="1538" y="1836"/>
                </a:lnTo>
                <a:lnTo>
                  <a:pt x="1559" y="1830"/>
                </a:lnTo>
                <a:lnTo>
                  <a:pt x="1580" y="1821"/>
                </a:lnTo>
                <a:lnTo>
                  <a:pt x="1600" y="1813"/>
                </a:lnTo>
                <a:lnTo>
                  <a:pt x="1620" y="1803"/>
                </a:lnTo>
                <a:lnTo>
                  <a:pt x="1638" y="1792"/>
                </a:lnTo>
                <a:lnTo>
                  <a:pt x="1657" y="1779"/>
                </a:lnTo>
                <a:lnTo>
                  <a:pt x="1675" y="1767"/>
                </a:lnTo>
                <a:lnTo>
                  <a:pt x="1691" y="1753"/>
                </a:lnTo>
                <a:lnTo>
                  <a:pt x="1709" y="1740"/>
                </a:lnTo>
                <a:lnTo>
                  <a:pt x="1725" y="1724"/>
                </a:lnTo>
                <a:lnTo>
                  <a:pt x="1740" y="1709"/>
                </a:lnTo>
                <a:lnTo>
                  <a:pt x="1753" y="1691"/>
                </a:lnTo>
                <a:lnTo>
                  <a:pt x="1767" y="1674"/>
                </a:lnTo>
                <a:lnTo>
                  <a:pt x="1779" y="1657"/>
                </a:lnTo>
                <a:lnTo>
                  <a:pt x="1792" y="1638"/>
                </a:lnTo>
                <a:lnTo>
                  <a:pt x="1803" y="1620"/>
                </a:lnTo>
                <a:lnTo>
                  <a:pt x="1813" y="1600"/>
                </a:lnTo>
                <a:lnTo>
                  <a:pt x="1821" y="1580"/>
                </a:lnTo>
                <a:lnTo>
                  <a:pt x="1830" y="1559"/>
                </a:lnTo>
                <a:lnTo>
                  <a:pt x="1837" y="1538"/>
                </a:lnTo>
                <a:lnTo>
                  <a:pt x="1842" y="1517"/>
                </a:lnTo>
                <a:lnTo>
                  <a:pt x="1846" y="1506"/>
                </a:lnTo>
                <a:lnTo>
                  <a:pt x="1848" y="1495"/>
                </a:lnTo>
                <a:lnTo>
                  <a:pt x="1852" y="1472"/>
                </a:lnTo>
                <a:lnTo>
                  <a:pt x="1855" y="1449"/>
                </a:lnTo>
                <a:lnTo>
                  <a:pt x="1857" y="1427"/>
                </a:lnTo>
                <a:lnTo>
                  <a:pt x="1857" y="1403"/>
                </a:lnTo>
                <a:lnTo>
                  <a:pt x="1857" y="1380"/>
                </a:lnTo>
                <a:lnTo>
                  <a:pt x="1855" y="1356"/>
                </a:lnTo>
                <a:lnTo>
                  <a:pt x="1852" y="1334"/>
                </a:lnTo>
                <a:lnTo>
                  <a:pt x="1848" y="1312"/>
                </a:lnTo>
                <a:lnTo>
                  <a:pt x="1842" y="1289"/>
                </a:lnTo>
                <a:lnTo>
                  <a:pt x="1837" y="1268"/>
                </a:lnTo>
                <a:lnTo>
                  <a:pt x="1830" y="1247"/>
                </a:lnTo>
                <a:lnTo>
                  <a:pt x="1821" y="1226"/>
                </a:lnTo>
                <a:lnTo>
                  <a:pt x="1813" y="1206"/>
                </a:lnTo>
                <a:lnTo>
                  <a:pt x="1803" y="1187"/>
                </a:lnTo>
                <a:lnTo>
                  <a:pt x="1792" y="1168"/>
                </a:lnTo>
                <a:lnTo>
                  <a:pt x="1779" y="1149"/>
                </a:lnTo>
                <a:lnTo>
                  <a:pt x="1767" y="1131"/>
                </a:lnTo>
                <a:lnTo>
                  <a:pt x="1753" y="1114"/>
                </a:lnTo>
                <a:lnTo>
                  <a:pt x="1740" y="1097"/>
                </a:lnTo>
                <a:lnTo>
                  <a:pt x="1725" y="1081"/>
                </a:lnTo>
                <a:lnTo>
                  <a:pt x="1709" y="1067"/>
                </a:lnTo>
                <a:lnTo>
                  <a:pt x="1691" y="1053"/>
                </a:lnTo>
                <a:lnTo>
                  <a:pt x="1675" y="1039"/>
                </a:lnTo>
                <a:lnTo>
                  <a:pt x="1657" y="1027"/>
                </a:lnTo>
                <a:lnTo>
                  <a:pt x="1638" y="1015"/>
                </a:lnTo>
                <a:lnTo>
                  <a:pt x="1620" y="1003"/>
                </a:lnTo>
                <a:lnTo>
                  <a:pt x="1600" y="994"/>
                </a:lnTo>
                <a:lnTo>
                  <a:pt x="1580" y="985"/>
                </a:lnTo>
                <a:lnTo>
                  <a:pt x="1559" y="976"/>
                </a:lnTo>
                <a:lnTo>
                  <a:pt x="1538" y="969"/>
                </a:lnTo>
                <a:lnTo>
                  <a:pt x="1517" y="963"/>
                </a:lnTo>
                <a:lnTo>
                  <a:pt x="1506" y="960"/>
                </a:lnTo>
                <a:lnTo>
                  <a:pt x="1495" y="958"/>
                </a:lnTo>
                <a:lnTo>
                  <a:pt x="1472" y="954"/>
                </a:lnTo>
                <a:lnTo>
                  <a:pt x="1450" y="951"/>
                </a:lnTo>
                <a:lnTo>
                  <a:pt x="1427" y="949"/>
                </a:lnTo>
                <a:lnTo>
                  <a:pt x="1403" y="949"/>
                </a:lnTo>
                <a:close/>
                <a:moveTo>
                  <a:pt x="1403" y="1698"/>
                </a:moveTo>
                <a:lnTo>
                  <a:pt x="1388" y="1698"/>
                </a:lnTo>
                <a:lnTo>
                  <a:pt x="1373" y="1696"/>
                </a:lnTo>
                <a:lnTo>
                  <a:pt x="1359" y="1694"/>
                </a:lnTo>
                <a:lnTo>
                  <a:pt x="1344" y="1691"/>
                </a:lnTo>
                <a:lnTo>
                  <a:pt x="1329" y="1689"/>
                </a:lnTo>
                <a:lnTo>
                  <a:pt x="1315" y="1684"/>
                </a:lnTo>
                <a:lnTo>
                  <a:pt x="1302" y="1680"/>
                </a:lnTo>
                <a:lnTo>
                  <a:pt x="1288" y="1674"/>
                </a:lnTo>
                <a:lnTo>
                  <a:pt x="1276" y="1669"/>
                </a:lnTo>
                <a:lnTo>
                  <a:pt x="1262" y="1662"/>
                </a:lnTo>
                <a:lnTo>
                  <a:pt x="1250" y="1655"/>
                </a:lnTo>
                <a:lnTo>
                  <a:pt x="1238" y="1647"/>
                </a:lnTo>
                <a:lnTo>
                  <a:pt x="1226" y="1639"/>
                </a:lnTo>
                <a:lnTo>
                  <a:pt x="1215" y="1631"/>
                </a:lnTo>
                <a:lnTo>
                  <a:pt x="1205" y="1621"/>
                </a:lnTo>
                <a:lnTo>
                  <a:pt x="1195" y="1611"/>
                </a:lnTo>
                <a:lnTo>
                  <a:pt x="1185" y="1601"/>
                </a:lnTo>
                <a:lnTo>
                  <a:pt x="1175" y="1590"/>
                </a:lnTo>
                <a:lnTo>
                  <a:pt x="1167" y="1579"/>
                </a:lnTo>
                <a:lnTo>
                  <a:pt x="1158" y="1568"/>
                </a:lnTo>
                <a:lnTo>
                  <a:pt x="1151" y="1555"/>
                </a:lnTo>
                <a:lnTo>
                  <a:pt x="1143" y="1543"/>
                </a:lnTo>
                <a:lnTo>
                  <a:pt x="1137" y="1531"/>
                </a:lnTo>
                <a:lnTo>
                  <a:pt x="1131" y="1518"/>
                </a:lnTo>
                <a:lnTo>
                  <a:pt x="1126" y="1505"/>
                </a:lnTo>
                <a:lnTo>
                  <a:pt x="1121" y="1491"/>
                </a:lnTo>
                <a:lnTo>
                  <a:pt x="1117" y="1476"/>
                </a:lnTo>
                <a:lnTo>
                  <a:pt x="1115" y="1462"/>
                </a:lnTo>
                <a:lnTo>
                  <a:pt x="1111" y="1448"/>
                </a:lnTo>
                <a:lnTo>
                  <a:pt x="1110" y="1433"/>
                </a:lnTo>
                <a:lnTo>
                  <a:pt x="1109" y="1418"/>
                </a:lnTo>
                <a:lnTo>
                  <a:pt x="1109" y="1403"/>
                </a:lnTo>
                <a:lnTo>
                  <a:pt x="1109" y="1388"/>
                </a:lnTo>
                <a:lnTo>
                  <a:pt x="1110" y="1373"/>
                </a:lnTo>
                <a:lnTo>
                  <a:pt x="1111" y="1359"/>
                </a:lnTo>
                <a:lnTo>
                  <a:pt x="1115" y="1344"/>
                </a:lnTo>
                <a:lnTo>
                  <a:pt x="1117" y="1329"/>
                </a:lnTo>
                <a:lnTo>
                  <a:pt x="1121" y="1315"/>
                </a:lnTo>
                <a:lnTo>
                  <a:pt x="1126" y="1302"/>
                </a:lnTo>
                <a:lnTo>
                  <a:pt x="1131" y="1288"/>
                </a:lnTo>
                <a:lnTo>
                  <a:pt x="1137" y="1276"/>
                </a:lnTo>
                <a:lnTo>
                  <a:pt x="1143" y="1262"/>
                </a:lnTo>
                <a:lnTo>
                  <a:pt x="1151" y="1250"/>
                </a:lnTo>
                <a:lnTo>
                  <a:pt x="1158" y="1239"/>
                </a:lnTo>
                <a:lnTo>
                  <a:pt x="1167" y="1226"/>
                </a:lnTo>
                <a:lnTo>
                  <a:pt x="1175" y="1215"/>
                </a:lnTo>
                <a:lnTo>
                  <a:pt x="1185" y="1205"/>
                </a:lnTo>
                <a:lnTo>
                  <a:pt x="1195" y="1194"/>
                </a:lnTo>
                <a:lnTo>
                  <a:pt x="1205" y="1185"/>
                </a:lnTo>
                <a:lnTo>
                  <a:pt x="1215" y="1175"/>
                </a:lnTo>
                <a:lnTo>
                  <a:pt x="1226" y="1167"/>
                </a:lnTo>
                <a:lnTo>
                  <a:pt x="1238" y="1158"/>
                </a:lnTo>
                <a:lnTo>
                  <a:pt x="1250" y="1151"/>
                </a:lnTo>
                <a:lnTo>
                  <a:pt x="1262" y="1143"/>
                </a:lnTo>
                <a:lnTo>
                  <a:pt x="1276" y="1137"/>
                </a:lnTo>
                <a:lnTo>
                  <a:pt x="1288" y="1131"/>
                </a:lnTo>
                <a:lnTo>
                  <a:pt x="1302" y="1126"/>
                </a:lnTo>
                <a:lnTo>
                  <a:pt x="1315" y="1121"/>
                </a:lnTo>
                <a:lnTo>
                  <a:pt x="1329" y="1117"/>
                </a:lnTo>
                <a:lnTo>
                  <a:pt x="1344" y="1114"/>
                </a:lnTo>
                <a:lnTo>
                  <a:pt x="1359" y="1111"/>
                </a:lnTo>
                <a:lnTo>
                  <a:pt x="1373" y="1110"/>
                </a:lnTo>
                <a:lnTo>
                  <a:pt x="1388" y="1109"/>
                </a:lnTo>
                <a:lnTo>
                  <a:pt x="1403" y="1109"/>
                </a:lnTo>
                <a:lnTo>
                  <a:pt x="1418" y="1109"/>
                </a:lnTo>
                <a:lnTo>
                  <a:pt x="1433" y="1110"/>
                </a:lnTo>
                <a:lnTo>
                  <a:pt x="1448" y="1111"/>
                </a:lnTo>
                <a:lnTo>
                  <a:pt x="1462" y="1114"/>
                </a:lnTo>
                <a:lnTo>
                  <a:pt x="1477" y="1117"/>
                </a:lnTo>
                <a:lnTo>
                  <a:pt x="1491" y="1121"/>
                </a:lnTo>
                <a:lnTo>
                  <a:pt x="1505" y="1126"/>
                </a:lnTo>
                <a:lnTo>
                  <a:pt x="1518" y="1131"/>
                </a:lnTo>
                <a:lnTo>
                  <a:pt x="1530" y="1137"/>
                </a:lnTo>
                <a:lnTo>
                  <a:pt x="1544" y="1143"/>
                </a:lnTo>
                <a:lnTo>
                  <a:pt x="1556" y="1151"/>
                </a:lnTo>
                <a:lnTo>
                  <a:pt x="1568" y="1158"/>
                </a:lnTo>
                <a:lnTo>
                  <a:pt x="1580" y="1167"/>
                </a:lnTo>
                <a:lnTo>
                  <a:pt x="1591" y="1175"/>
                </a:lnTo>
                <a:lnTo>
                  <a:pt x="1601" y="1185"/>
                </a:lnTo>
                <a:lnTo>
                  <a:pt x="1611" y="1194"/>
                </a:lnTo>
                <a:lnTo>
                  <a:pt x="1621" y="1205"/>
                </a:lnTo>
                <a:lnTo>
                  <a:pt x="1631" y="1215"/>
                </a:lnTo>
                <a:lnTo>
                  <a:pt x="1639" y="1226"/>
                </a:lnTo>
                <a:lnTo>
                  <a:pt x="1648" y="1239"/>
                </a:lnTo>
                <a:lnTo>
                  <a:pt x="1655" y="1250"/>
                </a:lnTo>
                <a:lnTo>
                  <a:pt x="1662" y="1262"/>
                </a:lnTo>
                <a:lnTo>
                  <a:pt x="1669" y="1276"/>
                </a:lnTo>
                <a:lnTo>
                  <a:pt x="1675" y="1288"/>
                </a:lnTo>
                <a:lnTo>
                  <a:pt x="1680" y="1302"/>
                </a:lnTo>
                <a:lnTo>
                  <a:pt x="1685" y="1315"/>
                </a:lnTo>
                <a:lnTo>
                  <a:pt x="1689" y="1329"/>
                </a:lnTo>
                <a:lnTo>
                  <a:pt x="1691" y="1344"/>
                </a:lnTo>
                <a:lnTo>
                  <a:pt x="1694" y="1359"/>
                </a:lnTo>
                <a:lnTo>
                  <a:pt x="1696" y="1373"/>
                </a:lnTo>
                <a:lnTo>
                  <a:pt x="1698" y="1388"/>
                </a:lnTo>
                <a:lnTo>
                  <a:pt x="1698" y="1403"/>
                </a:lnTo>
                <a:lnTo>
                  <a:pt x="1698" y="1418"/>
                </a:lnTo>
                <a:lnTo>
                  <a:pt x="1696" y="1433"/>
                </a:lnTo>
                <a:lnTo>
                  <a:pt x="1694" y="1448"/>
                </a:lnTo>
                <a:lnTo>
                  <a:pt x="1691" y="1462"/>
                </a:lnTo>
                <a:lnTo>
                  <a:pt x="1689" y="1476"/>
                </a:lnTo>
                <a:lnTo>
                  <a:pt x="1685" y="1491"/>
                </a:lnTo>
                <a:lnTo>
                  <a:pt x="1680" y="1505"/>
                </a:lnTo>
                <a:lnTo>
                  <a:pt x="1675" y="1518"/>
                </a:lnTo>
                <a:lnTo>
                  <a:pt x="1669" y="1531"/>
                </a:lnTo>
                <a:lnTo>
                  <a:pt x="1662" y="1543"/>
                </a:lnTo>
                <a:lnTo>
                  <a:pt x="1655" y="1555"/>
                </a:lnTo>
                <a:lnTo>
                  <a:pt x="1648" y="1568"/>
                </a:lnTo>
                <a:lnTo>
                  <a:pt x="1639" y="1579"/>
                </a:lnTo>
                <a:lnTo>
                  <a:pt x="1631" y="1590"/>
                </a:lnTo>
                <a:lnTo>
                  <a:pt x="1621" y="1601"/>
                </a:lnTo>
                <a:lnTo>
                  <a:pt x="1611" y="1611"/>
                </a:lnTo>
                <a:lnTo>
                  <a:pt x="1601" y="1621"/>
                </a:lnTo>
                <a:lnTo>
                  <a:pt x="1591" y="1631"/>
                </a:lnTo>
                <a:lnTo>
                  <a:pt x="1580" y="1639"/>
                </a:lnTo>
                <a:lnTo>
                  <a:pt x="1568" y="1647"/>
                </a:lnTo>
                <a:lnTo>
                  <a:pt x="1556" y="1655"/>
                </a:lnTo>
                <a:lnTo>
                  <a:pt x="1544" y="1662"/>
                </a:lnTo>
                <a:lnTo>
                  <a:pt x="1530" y="1669"/>
                </a:lnTo>
                <a:lnTo>
                  <a:pt x="1518" y="1674"/>
                </a:lnTo>
                <a:lnTo>
                  <a:pt x="1505" y="1680"/>
                </a:lnTo>
                <a:lnTo>
                  <a:pt x="1491" y="1684"/>
                </a:lnTo>
                <a:lnTo>
                  <a:pt x="1477" y="1689"/>
                </a:lnTo>
                <a:lnTo>
                  <a:pt x="1462" y="1691"/>
                </a:lnTo>
                <a:lnTo>
                  <a:pt x="1448" y="1694"/>
                </a:lnTo>
                <a:lnTo>
                  <a:pt x="1433" y="1696"/>
                </a:lnTo>
                <a:lnTo>
                  <a:pt x="1418" y="1698"/>
                </a:lnTo>
                <a:lnTo>
                  <a:pt x="1403" y="1698"/>
                </a:lnTo>
                <a:close/>
                <a:moveTo>
                  <a:pt x="1769" y="930"/>
                </a:moveTo>
                <a:lnTo>
                  <a:pt x="1769" y="921"/>
                </a:lnTo>
                <a:lnTo>
                  <a:pt x="1772" y="909"/>
                </a:lnTo>
                <a:lnTo>
                  <a:pt x="1774" y="900"/>
                </a:lnTo>
                <a:lnTo>
                  <a:pt x="1778" y="890"/>
                </a:lnTo>
                <a:lnTo>
                  <a:pt x="1782" y="880"/>
                </a:lnTo>
                <a:lnTo>
                  <a:pt x="1787" y="871"/>
                </a:lnTo>
                <a:lnTo>
                  <a:pt x="1793" y="864"/>
                </a:lnTo>
                <a:lnTo>
                  <a:pt x="1796" y="860"/>
                </a:lnTo>
                <a:lnTo>
                  <a:pt x="1800" y="856"/>
                </a:lnTo>
                <a:lnTo>
                  <a:pt x="1808" y="849"/>
                </a:lnTo>
                <a:lnTo>
                  <a:pt x="1816" y="843"/>
                </a:lnTo>
                <a:lnTo>
                  <a:pt x="1825" y="838"/>
                </a:lnTo>
                <a:lnTo>
                  <a:pt x="1834" y="833"/>
                </a:lnTo>
                <a:lnTo>
                  <a:pt x="1844" y="829"/>
                </a:lnTo>
                <a:lnTo>
                  <a:pt x="1853" y="827"/>
                </a:lnTo>
                <a:lnTo>
                  <a:pt x="1865" y="825"/>
                </a:lnTo>
                <a:lnTo>
                  <a:pt x="1876" y="825"/>
                </a:lnTo>
                <a:lnTo>
                  <a:pt x="1886" y="825"/>
                </a:lnTo>
                <a:lnTo>
                  <a:pt x="1897" y="827"/>
                </a:lnTo>
                <a:lnTo>
                  <a:pt x="1907" y="829"/>
                </a:lnTo>
                <a:lnTo>
                  <a:pt x="1917" y="833"/>
                </a:lnTo>
                <a:lnTo>
                  <a:pt x="1925" y="838"/>
                </a:lnTo>
                <a:lnTo>
                  <a:pt x="1934" y="843"/>
                </a:lnTo>
                <a:lnTo>
                  <a:pt x="1942" y="849"/>
                </a:lnTo>
                <a:lnTo>
                  <a:pt x="1946" y="852"/>
                </a:lnTo>
                <a:lnTo>
                  <a:pt x="1950" y="856"/>
                </a:lnTo>
                <a:lnTo>
                  <a:pt x="1957" y="864"/>
                </a:lnTo>
                <a:lnTo>
                  <a:pt x="1964" y="871"/>
                </a:lnTo>
                <a:lnTo>
                  <a:pt x="1968" y="880"/>
                </a:lnTo>
                <a:lnTo>
                  <a:pt x="1973" y="890"/>
                </a:lnTo>
                <a:lnTo>
                  <a:pt x="1976" y="900"/>
                </a:lnTo>
                <a:lnTo>
                  <a:pt x="1980" y="909"/>
                </a:lnTo>
                <a:lnTo>
                  <a:pt x="1981" y="921"/>
                </a:lnTo>
                <a:lnTo>
                  <a:pt x="1981" y="930"/>
                </a:lnTo>
                <a:lnTo>
                  <a:pt x="1981" y="942"/>
                </a:lnTo>
                <a:lnTo>
                  <a:pt x="1980" y="953"/>
                </a:lnTo>
                <a:lnTo>
                  <a:pt x="1976" y="963"/>
                </a:lnTo>
                <a:lnTo>
                  <a:pt x="1973" y="973"/>
                </a:lnTo>
                <a:lnTo>
                  <a:pt x="1968" y="981"/>
                </a:lnTo>
                <a:lnTo>
                  <a:pt x="1964" y="990"/>
                </a:lnTo>
                <a:lnTo>
                  <a:pt x="1957" y="998"/>
                </a:lnTo>
                <a:lnTo>
                  <a:pt x="1954" y="1002"/>
                </a:lnTo>
                <a:lnTo>
                  <a:pt x="1950" y="1006"/>
                </a:lnTo>
                <a:lnTo>
                  <a:pt x="1942" y="1013"/>
                </a:lnTo>
                <a:lnTo>
                  <a:pt x="1934" y="1018"/>
                </a:lnTo>
                <a:lnTo>
                  <a:pt x="1925" y="1024"/>
                </a:lnTo>
                <a:lnTo>
                  <a:pt x="1917" y="1028"/>
                </a:lnTo>
                <a:lnTo>
                  <a:pt x="1907" y="1032"/>
                </a:lnTo>
                <a:lnTo>
                  <a:pt x="1897" y="1034"/>
                </a:lnTo>
                <a:lnTo>
                  <a:pt x="1886" y="1037"/>
                </a:lnTo>
                <a:lnTo>
                  <a:pt x="1876" y="1037"/>
                </a:lnTo>
                <a:lnTo>
                  <a:pt x="1865" y="1037"/>
                </a:lnTo>
                <a:lnTo>
                  <a:pt x="1853" y="1034"/>
                </a:lnTo>
                <a:lnTo>
                  <a:pt x="1844" y="1032"/>
                </a:lnTo>
                <a:lnTo>
                  <a:pt x="1834" y="1028"/>
                </a:lnTo>
                <a:lnTo>
                  <a:pt x="1825" y="1024"/>
                </a:lnTo>
                <a:lnTo>
                  <a:pt x="1816" y="1018"/>
                </a:lnTo>
                <a:lnTo>
                  <a:pt x="1808" y="1013"/>
                </a:lnTo>
                <a:lnTo>
                  <a:pt x="1804" y="1010"/>
                </a:lnTo>
                <a:lnTo>
                  <a:pt x="1800" y="1006"/>
                </a:lnTo>
                <a:lnTo>
                  <a:pt x="1793" y="998"/>
                </a:lnTo>
                <a:lnTo>
                  <a:pt x="1787" y="990"/>
                </a:lnTo>
                <a:lnTo>
                  <a:pt x="1782" y="981"/>
                </a:lnTo>
                <a:lnTo>
                  <a:pt x="1778" y="973"/>
                </a:lnTo>
                <a:lnTo>
                  <a:pt x="1774" y="963"/>
                </a:lnTo>
                <a:lnTo>
                  <a:pt x="1772" y="953"/>
                </a:lnTo>
                <a:lnTo>
                  <a:pt x="1769" y="942"/>
                </a:lnTo>
                <a:lnTo>
                  <a:pt x="1769" y="930"/>
                </a:lnTo>
                <a:close/>
                <a:moveTo>
                  <a:pt x="0" y="0"/>
                </a:moveTo>
                <a:lnTo>
                  <a:pt x="702" y="0"/>
                </a:lnTo>
                <a:lnTo>
                  <a:pt x="1403" y="0"/>
                </a:lnTo>
                <a:lnTo>
                  <a:pt x="2105" y="0"/>
                </a:lnTo>
                <a:lnTo>
                  <a:pt x="2806" y="0"/>
                </a:lnTo>
                <a:lnTo>
                  <a:pt x="2806" y="702"/>
                </a:lnTo>
                <a:lnTo>
                  <a:pt x="2806" y="1403"/>
                </a:lnTo>
                <a:lnTo>
                  <a:pt x="2806" y="2105"/>
                </a:lnTo>
                <a:lnTo>
                  <a:pt x="2806" y="2806"/>
                </a:lnTo>
                <a:lnTo>
                  <a:pt x="2105" y="2806"/>
                </a:lnTo>
                <a:lnTo>
                  <a:pt x="1403" y="2806"/>
                </a:lnTo>
                <a:lnTo>
                  <a:pt x="702" y="2806"/>
                </a:lnTo>
                <a:lnTo>
                  <a:pt x="0" y="2806"/>
                </a:lnTo>
                <a:lnTo>
                  <a:pt x="0" y="2105"/>
                </a:lnTo>
                <a:lnTo>
                  <a:pt x="0" y="1403"/>
                </a:lnTo>
                <a:lnTo>
                  <a:pt x="0" y="70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12" name="Freeform 12">
            <a:hlinkClick r:id="rId6" tooltip="Verohallinto - LinkedIn"/>
          </p:cNvPr>
          <p:cNvSpPr>
            <a:spLocks noChangeAspect="1" noEditPoints="1"/>
          </p:cNvSpPr>
          <p:nvPr/>
        </p:nvSpPr>
        <p:spPr bwMode="auto">
          <a:xfrm>
            <a:off x="1695451" y="692150"/>
            <a:ext cx="383116" cy="287338"/>
          </a:xfrm>
          <a:custGeom>
            <a:avLst/>
            <a:gdLst>
              <a:gd name="T0" fmla="*/ 98807 w 2804"/>
              <a:gd name="T1" fmla="*/ 225597 h 2806"/>
              <a:gd name="T2" fmla="*/ 81963 w 2804"/>
              <a:gd name="T3" fmla="*/ 62506 h 2806"/>
              <a:gd name="T4" fmla="*/ 86790 w 2804"/>
              <a:gd name="T5" fmla="*/ 63122 h 2806"/>
              <a:gd name="T6" fmla="*/ 92850 w 2804"/>
              <a:gd name="T7" fmla="*/ 65790 h 2806"/>
              <a:gd name="T8" fmla="*/ 97575 w 2804"/>
              <a:gd name="T9" fmla="*/ 70306 h 2806"/>
              <a:gd name="T10" fmla="*/ 99937 w 2804"/>
              <a:gd name="T11" fmla="*/ 74412 h 2806"/>
              <a:gd name="T12" fmla="*/ 101067 w 2804"/>
              <a:gd name="T13" fmla="*/ 78107 h 2806"/>
              <a:gd name="T14" fmla="*/ 101272 w 2804"/>
              <a:gd name="T15" fmla="*/ 85086 h 2806"/>
              <a:gd name="T16" fmla="*/ 99937 w 2804"/>
              <a:gd name="T17" fmla="*/ 89808 h 2806"/>
              <a:gd name="T18" fmla="*/ 95829 w 2804"/>
              <a:gd name="T19" fmla="*/ 95966 h 2806"/>
              <a:gd name="T20" fmla="*/ 91207 w 2804"/>
              <a:gd name="T21" fmla="*/ 99455 h 2806"/>
              <a:gd name="T22" fmla="*/ 87817 w 2804"/>
              <a:gd name="T23" fmla="*/ 100790 h 2806"/>
              <a:gd name="T24" fmla="*/ 81963 w 2804"/>
              <a:gd name="T25" fmla="*/ 101713 h 2806"/>
              <a:gd name="T26" fmla="*/ 76930 w 2804"/>
              <a:gd name="T27" fmla="*/ 101098 h 2806"/>
              <a:gd name="T28" fmla="*/ 70870 w 2804"/>
              <a:gd name="T29" fmla="*/ 98429 h 2806"/>
              <a:gd name="T30" fmla="*/ 66146 w 2804"/>
              <a:gd name="T31" fmla="*/ 93810 h 2806"/>
              <a:gd name="T32" fmla="*/ 63783 w 2804"/>
              <a:gd name="T33" fmla="*/ 89808 h 2806"/>
              <a:gd name="T34" fmla="*/ 62653 w 2804"/>
              <a:gd name="T35" fmla="*/ 86113 h 2806"/>
              <a:gd name="T36" fmla="*/ 62448 w 2804"/>
              <a:gd name="T37" fmla="*/ 79133 h 2806"/>
              <a:gd name="T38" fmla="*/ 63783 w 2804"/>
              <a:gd name="T39" fmla="*/ 74412 h 2806"/>
              <a:gd name="T40" fmla="*/ 67994 w 2804"/>
              <a:gd name="T41" fmla="*/ 68151 h 2806"/>
              <a:gd name="T42" fmla="*/ 72514 w 2804"/>
              <a:gd name="T43" fmla="*/ 64867 h 2806"/>
              <a:gd name="T44" fmla="*/ 76930 w 2804"/>
              <a:gd name="T45" fmla="*/ 63122 h 2806"/>
              <a:gd name="T46" fmla="*/ 81963 w 2804"/>
              <a:gd name="T47" fmla="*/ 62506 h 2806"/>
              <a:gd name="T48" fmla="*/ 153141 w 2804"/>
              <a:gd name="T49" fmla="*/ 131581 h 2806"/>
              <a:gd name="T50" fmla="*/ 156223 w 2804"/>
              <a:gd name="T51" fmla="*/ 126757 h 2806"/>
              <a:gd name="T52" fmla="*/ 162591 w 2804"/>
              <a:gd name="T53" fmla="*/ 120701 h 2806"/>
              <a:gd name="T54" fmla="*/ 170088 w 2804"/>
              <a:gd name="T55" fmla="*/ 116699 h 2806"/>
              <a:gd name="T56" fmla="*/ 176456 w 2804"/>
              <a:gd name="T57" fmla="*/ 114748 h 2806"/>
              <a:gd name="T58" fmla="*/ 182106 w 2804"/>
              <a:gd name="T59" fmla="*/ 114030 h 2806"/>
              <a:gd name="T60" fmla="*/ 191247 w 2804"/>
              <a:gd name="T61" fmla="*/ 114133 h 2806"/>
              <a:gd name="T62" fmla="*/ 199258 w 2804"/>
              <a:gd name="T63" fmla="*/ 115569 h 2806"/>
              <a:gd name="T64" fmla="*/ 207886 w 2804"/>
              <a:gd name="T65" fmla="*/ 118957 h 2806"/>
              <a:gd name="T66" fmla="*/ 212302 w 2804"/>
              <a:gd name="T67" fmla="*/ 121933 h 2806"/>
              <a:gd name="T68" fmla="*/ 215281 w 2804"/>
              <a:gd name="T69" fmla="*/ 124807 h 2806"/>
              <a:gd name="T70" fmla="*/ 217746 w 2804"/>
              <a:gd name="T71" fmla="*/ 127989 h 2806"/>
              <a:gd name="T72" fmla="*/ 219800 w 2804"/>
              <a:gd name="T73" fmla="*/ 131581 h 2806"/>
              <a:gd name="T74" fmla="*/ 221957 w 2804"/>
              <a:gd name="T75" fmla="*/ 136507 h 2806"/>
              <a:gd name="T76" fmla="*/ 224217 w 2804"/>
              <a:gd name="T77" fmla="*/ 145437 h 2806"/>
              <a:gd name="T78" fmla="*/ 225244 w 2804"/>
              <a:gd name="T79" fmla="*/ 152622 h 2806"/>
              <a:gd name="T80" fmla="*/ 225757 w 2804"/>
              <a:gd name="T81" fmla="*/ 162988 h 2806"/>
              <a:gd name="T82" fmla="*/ 191863 w 2804"/>
              <a:gd name="T83" fmla="*/ 172533 h 2806"/>
              <a:gd name="T84" fmla="*/ 191452 w 2804"/>
              <a:gd name="T85" fmla="*/ 161551 h 2806"/>
              <a:gd name="T86" fmla="*/ 190322 w 2804"/>
              <a:gd name="T87" fmla="*/ 155495 h 2806"/>
              <a:gd name="T88" fmla="*/ 188679 w 2804"/>
              <a:gd name="T89" fmla="*/ 151390 h 2806"/>
              <a:gd name="T90" fmla="*/ 186009 w 2804"/>
              <a:gd name="T91" fmla="*/ 147900 h 2806"/>
              <a:gd name="T92" fmla="*/ 183338 w 2804"/>
              <a:gd name="T93" fmla="*/ 145847 h 2806"/>
              <a:gd name="T94" fmla="*/ 180051 w 2804"/>
              <a:gd name="T95" fmla="*/ 144411 h 2806"/>
              <a:gd name="T96" fmla="*/ 174300 w 2804"/>
              <a:gd name="T97" fmla="*/ 143692 h 2806"/>
              <a:gd name="T98" fmla="*/ 168342 w 2804"/>
              <a:gd name="T99" fmla="*/ 144411 h 2806"/>
              <a:gd name="T100" fmla="*/ 163618 w 2804"/>
              <a:gd name="T101" fmla="*/ 146053 h 2806"/>
              <a:gd name="T102" fmla="*/ 160845 w 2804"/>
              <a:gd name="T103" fmla="*/ 148003 h 2806"/>
              <a:gd name="T104" fmla="*/ 158071 w 2804"/>
              <a:gd name="T105" fmla="*/ 151390 h 2806"/>
              <a:gd name="T106" fmla="*/ 156120 w 2804"/>
              <a:gd name="T107" fmla="*/ 155495 h 2806"/>
              <a:gd name="T108" fmla="*/ 154887 w 2804"/>
              <a:gd name="T109" fmla="*/ 160114 h 2806"/>
              <a:gd name="T110" fmla="*/ 154066 w 2804"/>
              <a:gd name="T111" fmla="*/ 166478 h 2806"/>
              <a:gd name="T112" fmla="*/ 120068 w 2804"/>
              <a:gd name="T113" fmla="*/ 225597 h 2806"/>
              <a:gd name="T114" fmla="*/ 71897 w 2804"/>
              <a:gd name="T115" fmla="*/ 0 h 2806"/>
              <a:gd name="T116" fmla="*/ 288000 w 2804"/>
              <a:gd name="T117" fmla="*/ 71949 h 2806"/>
              <a:gd name="T118" fmla="*/ 216000 w 2804"/>
              <a:gd name="T119" fmla="*/ 288000 h 2806"/>
              <a:gd name="T120" fmla="*/ 0 w 2804"/>
              <a:gd name="T121" fmla="*/ 215949 h 2806"/>
              <a:gd name="T122" fmla="*/ 0 60000 65536"/>
              <a:gd name="T123" fmla="*/ 0 60000 65536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</a:gdLst>
            <a:ahLst/>
            <a:cxnLst>
              <a:cxn ang="T122">
                <a:pos x="T0" y="T1"/>
              </a:cxn>
              <a:cxn ang="T123">
                <a:pos x="T2" y="T3"/>
              </a:cxn>
              <a:cxn ang="T124">
                <a:pos x="T4" y="T5"/>
              </a:cxn>
              <a:cxn ang="T125">
                <a:pos x="T6" y="T7"/>
              </a:cxn>
              <a:cxn ang="T126">
                <a:pos x="T8" y="T9"/>
              </a:cxn>
              <a:cxn ang="T127">
                <a:pos x="T10" y="T11"/>
              </a:cxn>
              <a:cxn ang="T128">
                <a:pos x="T12" y="T13"/>
              </a:cxn>
              <a:cxn ang="T129">
                <a:pos x="T14" y="T15"/>
              </a:cxn>
              <a:cxn ang="T130">
                <a:pos x="T16" y="T17"/>
              </a:cxn>
              <a:cxn ang="T131">
                <a:pos x="T18" y="T19"/>
              </a:cxn>
              <a:cxn ang="T132">
                <a:pos x="T20" y="T21"/>
              </a:cxn>
              <a:cxn ang="T133">
                <a:pos x="T22" y="T23"/>
              </a:cxn>
              <a:cxn ang="T134">
                <a:pos x="T24" y="T25"/>
              </a:cxn>
              <a:cxn ang="T135">
                <a:pos x="T26" y="T27"/>
              </a:cxn>
              <a:cxn ang="T136">
                <a:pos x="T28" y="T29"/>
              </a:cxn>
              <a:cxn ang="T137">
                <a:pos x="T30" y="T31"/>
              </a:cxn>
              <a:cxn ang="T138">
                <a:pos x="T32" y="T33"/>
              </a:cxn>
              <a:cxn ang="T139">
                <a:pos x="T34" y="T35"/>
              </a:cxn>
              <a:cxn ang="T140">
                <a:pos x="T36" y="T37"/>
              </a:cxn>
              <a:cxn ang="T141">
                <a:pos x="T38" y="T39"/>
              </a:cxn>
              <a:cxn ang="T142">
                <a:pos x="T40" y="T41"/>
              </a:cxn>
              <a:cxn ang="T143">
                <a:pos x="T42" y="T43"/>
              </a:cxn>
              <a:cxn ang="T144">
                <a:pos x="T44" y="T45"/>
              </a:cxn>
              <a:cxn ang="T145">
                <a:pos x="T46" y="T47"/>
              </a:cxn>
              <a:cxn ang="T146">
                <a:pos x="T48" y="T49"/>
              </a:cxn>
              <a:cxn ang="T147">
                <a:pos x="T50" y="T51"/>
              </a:cxn>
              <a:cxn ang="T148">
                <a:pos x="T52" y="T53"/>
              </a:cxn>
              <a:cxn ang="T149">
                <a:pos x="T54" y="T55"/>
              </a:cxn>
              <a:cxn ang="T150">
                <a:pos x="T56" y="T57"/>
              </a:cxn>
              <a:cxn ang="T151">
                <a:pos x="T58" y="T59"/>
              </a:cxn>
              <a:cxn ang="T152">
                <a:pos x="T60" y="T61"/>
              </a:cxn>
              <a:cxn ang="T153">
                <a:pos x="T62" y="T63"/>
              </a:cxn>
              <a:cxn ang="T154">
                <a:pos x="T64" y="T65"/>
              </a:cxn>
              <a:cxn ang="T155">
                <a:pos x="T66" y="T67"/>
              </a:cxn>
              <a:cxn ang="T156">
                <a:pos x="T68" y="T69"/>
              </a:cxn>
              <a:cxn ang="T157">
                <a:pos x="T70" y="T71"/>
              </a:cxn>
              <a:cxn ang="T158">
                <a:pos x="T72" y="T73"/>
              </a:cxn>
              <a:cxn ang="T159">
                <a:pos x="T74" y="T75"/>
              </a:cxn>
              <a:cxn ang="T160">
                <a:pos x="T76" y="T77"/>
              </a:cxn>
              <a:cxn ang="T161">
                <a:pos x="T78" y="T79"/>
              </a:cxn>
              <a:cxn ang="T162">
                <a:pos x="T80" y="T81"/>
              </a:cxn>
              <a:cxn ang="T163">
                <a:pos x="T82" y="T83"/>
              </a:cxn>
              <a:cxn ang="T164">
                <a:pos x="T84" y="T85"/>
              </a:cxn>
              <a:cxn ang="T165">
                <a:pos x="T86" y="T87"/>
              </a:cxn>
              <a:cxn ang="T166">
                <a:pos x="T88" y="T89"/>
              </a:cxn>
              <a:cxn ang="T167">
                <a:pos x="T90" y="T91"/>
              </a:cxn>
              <a:cxn ang="T168">
                <a:pos x="T92" y="T93"/>
              </a:cxn>
              <a:cxn ang="T169">
                <a:pos x="T94" y="T95"/>
              </a:cxn>
              <a:cxn ang="T170">
                <a:pos x="T96" y="T97"/>
              </a:cxn>
              <a:cxn ang="T171">
                <a:pos x="T98" y="T99"/>
              </a:cxn>
              <a:cxn ang="T172">
                <a:pos x="T100" y="T101"/>
              </a:cxn>
              <a:cxn ang="T173">
                <a:pos x="T102" y="T103"/>
              </a:cxn>
              <a:cxn ang="T174">
                <a:pos x="T104" y="T105"/>
              </a:cxn>
              <a:cxn ang="T175">
                <a:pos x="T106" y="T107"/>
              </a:cxn>
              <a:cxn ang="T176">
                <a:pos x="T108" y="T109"/>
              </a:cxn>
              <a:cxn ang="T177">
                <a:pos x="T110" y="T111"/>
              </a:cxn>
              <a:cxn ang="T178">
                <a:pos x="T112" y="T113"/>
              </a:cxn>
              <a:cxn ang="T179">
                <a:pos x="T114" y="T115"/>
              </a:cxn>
              <a:cxn ang="T180">
                <a:pos x="T116" y="T117"/>
              </a:cxn>
              <a:cxn ang="T181">
                <a:pos x="T118" y="T119"/>
              </a:cxn>
              <a:cxn ang="T182">
                <a:pos x="T120" y="T121"/>
              </a:cxn>
            </a:cxnLst>
            <a:rect l="0" t="0" r="r" b="b"/>
            <a:pathLst>
              <a:path w="2804" h="2806">
                <a:moveTo>
                  <a:pt x="632" y="1136"/>
                </a:moveTo>
                <a:lnTo>
                  <a:pt x="962" y="1136"/>
                </a:lnTo>
                <a:lnTo>
                  <a:pt x="962" y="1666"/>
                </a:lnTo>
                <a:lnTo>
                  <a:pt x="962" y="2198"/>
                </a:lnTo>
                <a:lnTo>
                  <a:pt x="632" y="2198"/>
                </a:lnTo>
                <a:lnTo>
                  <a:pt x="632" y="1666"/>
                </a:lnTo>
                <a:lnTo>
                  <a:pt x="632" y="1136"/>
                </a:lnTo>
                <a:close/>
                <a:moveTo>
                  <a:pt x="798" y="609"/>
                </a:moveTo>
                <a:lnTo>
                  <a:pt x="816" y="610"/>
                </a:lnTo>
                <a:lnTo>
                  <a:pt x="826" y="611"/>
                </a:lnTo>
                <a:lnTo>
                  <a:pt x="836" y="612"/>
                </a:lnTo>
                <a:lnTo>
                  <a:pt x="845" y="615"/>
                </a:lnTo>
                <a:lnTo>
                  <a:pt x="855" y="617"/>
                </a:lnTo>
                <a:lnTo>
                  <a:pt x="872" y="623"/>
                </a:lnTo>
                <a:lnTo>
                  <a:pt x="888" y="632"/>
                </a:lnTo>
                <a:lnTo>
                  <a:pt x="904" y="641"/>
                </a:lnTo>
                <a:lnTo>
                  <a:pt x="919" y="652"/>
                </a:lnTo>
                <a:lnTo>
                  <a:pt x="933" y="664"/>
                </a:lnTo>
                <a:lnTo>
                  <a:pt x="945" y="678"/>
                </a:lnTo>
                <a:lnTo>
                  <a:pt x="950" y="685"/>
                </a:lnTo>
                <a:lnTo>
                  <a:pt x="956" y="693"/>
                </a:lnTo>
                <a:lnTo>
                  <a:pt x="965" y="709"/>
                </a:lnTo>
                <a:lnTo>
                  <a:pt x="970" y="717"/>
                </a:lnTo>
                <a:lnTo>
                  <a:pt x="973" y="725"/>
                </a:lnTo>
                <a:lnTo>
                  <a:pt x="977" y="734"/>
                </a:lnTo>
                <a:lnTo>
                  <a:pt x="980" y="743"/>
                </a:lnTo>
                <a:lnTo>
                  <a:pt x="982" y="752"/>
                </a:lnTo>
                <a:lnTo>
                  <a:pt x="984" y="761"/>
                </a:lnTo>
                <a:lnTo>
                  <a:pt x="987" y="781"/>
                </a:lnTo>
                <a:lnTo>
                  <a:pt x="988" y="800"/>
                </a:lnTo>
                <a:lnTo>
                  <a:pt x="987" y="819"/>
                </a:lnTo>
                <a:lnTo>
                  <a:pt x="986" y="829"/>
                </a:lnTo>
                <a:lnTo>
                  <a:pt x="984" y="839"/>
                </a:lnTo>
                <a:lnTo>
                  <a:pt x="982" y="847"/>
                </a:lnTo>
                <a:lnTo>
                  <a:pt x="980" y="857"/>
                </a:lnTo>
                <a:lnTo>
                  <a:pt x="973" y="875"/>
                </a:lnTo>
                <a:lnTo>
                  <a:pt x="965" y="891"/>
                </a:lnTo>
                <a:lnTo>
                  <a:pt x="956" y="907"/>
                </a:lnTo>
                <a:lnTo>
                  <a:pt x="945" y="922"/>
                </a:lnTo>
                <a:lnTo>
                  <a:pt x="933" y="935"/>
                </a:lnTo>
                <a:lnTo>
                  <a:pt x="919" y="948"/>
                </a:lnTo>
                <a:lnTo>
                  <a:pt x="911" y="954"/>
                </a:lnTo>
                <a:lnTo>
                  <a:pt x="904" y="959"/>
                </a:lnTo>
                <a:lnTo>
                  <a:pt x="888" y="969"/>
                </a:lnTo>
                <a:lnTo>
                  <a:pt x="881" y="972"/>
                </a:lnTo>
                <a:lnTo>
                  <a:pt x="872" y="976"/>
                </a:lnTo>
                <a:lnTo>
                  <a:pt x="863" y="980"/>
                </a:lnTo>
                <a:lnTo>
                  <a:pt x="855" y="982"/>
                </a:lnTo>
                <a:lnTo>
                  <a:pt x="845" y="985"/>
                </a:lnTo>
                <a:lnTo>
                  <a:pt x="836" y="987"/>
                </a:lnTo>
                <a:lnTo>
                  <a:pt x="816" y="990"/>
                </a:lnTo>
                <a:lnTo>
                  <a:pt x="798" y="991"/>
                </a:lnTo>
                <a:lnTo>
                  <a:pt x="788" y="991"/>
                </a:lnTo>
                <a:lnTo>
                  <a:pt x="778" y="990"/>
                </a:lnTo>
                <a:lnTo>
                  <a:pt x="758" y="987"/>
                </a:lnTo>
                <a:lnTo>
                  <a:pt x="749" y="985"/>
                </a:lnTo>
                <a:lnTo>
                  <a:pt x="740" y="982"/>
                </a:lnTo>
                <a:lnTo>
                  <a:pt x="722" y="976"/>
                </a:lnTo>
                <a:lnTo>
                  <a:pt x="706" y="969"/>
                </a:lnTo>
                <a:lnTo>
                  <a:pt x="690" y="959"/>
                </a:lnTo>
                <a:lnTo>
                  <a:pt x="675" y="948"/>
                </a:lnTo>
                <a:lnTo>
                  <a:pt x="662" y="935"/>
                </a:lnTo>
                <a:lnTo>
                  <a:pt x="649" y="922"/>
                </a:lnTo>
                <a:lnTo>
                  <a:pt x="644" y="914"/>
                </a:lnTo>
                <a:lnTo>
                  <a:pt x="638" y="907"/>
                </a:lnTo>
                <a:lnTo>
                  <a:pt x="628" y="891"/>
                </a:lnTo>
                <a:lnTo>
                  <a:pt x="624" y="883"/>
                </a:lnTo>
                <a:lnTo>
                  <a:pt x="621" y="875"/>
                </a:lnTo>
                <a:lnTo>
                  <a:pt x="617" y="866"/>
                </a:lnTo>
                <a:lnTo>
                  <a:pt x="615" y="857"/>
                </a:lnTo>
                <a:lnTo>
                  <a:pt x="612" y="847"/>
                </a:lnTo>
                <a:lnTo>
                  <a:pt x="610" y="839"/>
                </a:lnTo>
                <a:lnTo>
                  <a:pt x="607" y="819"/>
                </a:lnTo>
                <a:lnTo>
                  <a:pt x="606" y="800"/>
                </a:lnTo>
                <a:lnTo>
                  <a:pt x="607" y="781"/>
                </a:lnTo>
                <a:lnTo>
                  <a:pt x="608" y="771"/>
                </a:lnTo>
                <a:lnTo>
                  <a:pt x="610" y="761"/>
                </a:lnTo>
                <a:lnTo>
                  <a:pt x="612" y="752"/>
                </a:lnTo>
                <a:lnTo>
                  <a:pt x="615" y="743"/>
                </a:lnTo>
                <a:lnTo>
                  <a:pt x="621" y="725"/>
                </a:lnTo>
                <a:lnTo>
                  <a:pt x="628" y="709"/>
                </a:lnTo>
                <a:lnTo>
                  <a:pt x="638" y="693"/>
                </a:lnTo>
                <a:lnTo>
                  <a:pt x="649" y="678"/>
                </a:lnTo>
                <a:lnTo>
                  <a:pt x="662" y="664"/>
                </a:lnTo>
                <a:lnTo>
                  <a:pt x="675" y="652"/>
                </a:lnTo>
                <a:lnTo>
                  <a:pt x="683" y="647"/>
                </a:lnTo>
                <a:lnTo>
                  <a:pt x="690" y="641"/>
                </a:lnTo>
                <a:lnTo>
                  <a:pt x="706" y="632"/>
                </a:lnTo>
                <a:lnTo>
                  <a:pt x="714" y="627"/>
                </a:lnTo>
                <a:lnTo>
                  <a:pt x="722" y="623"/>
                </a:lnTo>
                <a:lnTo>
                  <a:pt x="740" y="617"/>
                </a:lnTo>
                <a:lnTo>
                  <a:pt x="749" y="615"/>
                </a:lnTo>
                <a:lnTo>
                  <a:pt x="758" y="612"/>
                </a:lnTo>
                <a:lnTo>
                  <a:pt x="768" y="611"/>
                </a:lnTo>
                <a:lnTo>
                  <a:pt x="778" y="610"/>
                </a:lnTo>
                <a:lnTo>
                  <a:pt x="798" y="609"/>
                </a:lnTo>
                <a:close/>
                <a:moveTo>
                  <a:pt x="1169" y="1136"/>
                </a:moveTo>
                <a:lnTo>
                  <a:pt x="1486" y="1136"/>
                </a:lnTo>
                <a:lnTo>
                  <a:pt x="1486" y="1282"/>
                </a:lnTo>
                <a:lnTo>
                  <a:pt x="1491" y="1282"/>
                </a:lnTo>
                <a:lnTo>
                  <a:pt x="1499" y="1266"/>
                </a:lnTo>
                <a:lnTo>
                  <a:pt x="1509" y="1249"/>
                </a:lnTo>
                <a:lnTo>
                  <a:pt x="1515" y="1242"/>
                </a:lnTo>
                <a:lnTo>
                  <a:pt x="1521" y="1235"/>
                </a:lnTo>
                <a:lnTo>
                  <a:pt x="1535" y="1220"/>
                </a:lnTo>
                <a:lnTo>
                  <a:pt x="1550" y="1205"/>
                </a:lnTo>
                <a:lnTo>
                  <a:pt x="1566" y="1190"/>
                </a:lnTo>
                <a:lnTo>
                  <a:pt x="1583" y="1176"/>
                </a:lnTo>
                <a:lnTo>
                  <a:pt x="1602" y="1164"/>
                </a:lnTo>
                <a:lnTo>
                  <a:pt x="1623" y="1153"/>
                </a:lnTo>
                <a:lnTo>
                  <a:pt x="1644" y="1142"/>
                </a:lnTo>
                <a:lnTo>
                  <a:pt x="1656" y="1137"/>
                </a:lnTo>
                <a:lnTo>
                  <a:pt x="1667" y="1133"/>
                </a:lnTo>
                <a:lnTo>
                  <a:pt x="1692" y="1125"/>
                </a:lnTo>
                <a:lnTo>
                  <a:pt x="1705" y="1122"/>
                </a:lnTo>
                <a:lnTo>
                  <a:pt x="1718" y="1118"/>
                </a:lnTo>
                <a:lnTo>
                  <a:pt x="1731" y="1116"/>
                </a:lnTo>
                <a:lnTo>
                  <a:pt x="1744" y="1113"/>
                </a:lnTo>
                <a:lnTo>
                  <a:pt x="1759" y="1112"/>
                </a:lnTo>
                <a:lnTo>
                  <a:pt x="1773" y="1111"/>
                </a:lnTo>
                <a:lnTo>
                  <a:pt x="1802" y="1110"/>
                </a:lnTo>
                <a:lnTo>
                  <a:pt x="1833" y="1111"/>
                </a:lnTo>
                <a:lnTo>
                  <a:pt x="1848" y="1111"/>
                </a:lnTo>
                <a:lnTo>
                  <a:pt x="1862" y="1112"/>
                </a:lnTo>
                <a:lnTo>
                  <a:pt x="1889" y="1116"/>
                </a:lnTo>
                <a:lnTo>
                  <a:pt x="1915" y="1120"/>
                </a:lnTo>
                <a:lnTo>
                  <a:pt x="1927" y="1122"/>
                </a:lnTo>
                <a:lnTo>
                  <a:pt x="1940" y="1126"/>
                </a:lnTo>
                <a:lnTo>
                  <a:pt x="1963" y="1132"/>
                </a:lnTo>
                <a:lnTo>
                  <a:pt x="1984" y="1139"/>
                </a:lnTo>
                <a:lnTo>
                  <a:pt x="2005" y="1149"/>
                </a:lnTo>
                <a:lnTo>
                  <a:pt x="2024" y="1159"/>
                </a:lnTo>
                <a:lnTo>
                  <a:pt x="2042" y="1169"/>
                </a:lnTo>
                <a:lnTo>
                  <a:pt x="2051" y="1175"/>
                </a:lnTo>
                <a:lnTo>
                  <a:pt x="2058" y="1181"/>
                </a:lnTo>
                <a:lnTo>
                  <a:pt x="2067" y="1188"/>
                </a:lnTo>
                <a:lnTo>
                  <a:pt x="2075" y="1195"/>
                </a:lnTo>
                <a:lnTo>
                  <a:pt x="2082" y="1201"/>
                </a:lnTo>
                <a:lnTo>
                  <a:pt x="2088" y="1209"/>
                </a:lnTo>
                <a:lnTo>
                  <a:pt x="2096" y="1216"/>
                </a:lnTo>
                <a:lnTo>
                  <a:pt x="2102" y="1223"/>
                </a:lnTo>
                <a:lnTo>
                  <a:pt x="2108" y="1231"/>
                </a:lnTo>
                <a:lnTo>
                  <a:pt x="2114" y="1240"/>
                </a:lnTo>
                <a:lnTo>
                  <a:pt x="2120" y="1247"/>
                </a:lnTo>
                <a:lnTo>
                  <a:pt x="2125" y="1256"/>
                </a:lnTo>
                <a:lnTo>
                  <a:pt x="2130" y="1264"/>
                </a:lnTo>
                <a:lnTo>
                  <a:pt x="2135" y="1273"/>
                </a:lnTo>
                <a:lnTo>
                  <a:pt x="2140" y="1282"/>
                </a:lnTo>
                <a:lnTo>
                  <a:pt x="2145" y="1292"/>
                </a:lnTo>
                <a:lnTo>
                  <a:pt x="2154" y="1310"/>
                </a:lnTo>
                <a:lnTo>
                  <a:pt x="2157" y="1320"/>
                </a:lnTo>
                <a:lnTo>
                  <a:pt x="2161" y="1330"/>
                </a:lnTo>
                <a:lnTo>
                  <a:pt x="2167" y="1351"/>
                </a:lnTo>
                <a:lnTo>
                  <a:pt x="2173" y="1372"/>
                </a:lnTo>
                <a:lnTo>
                  <a:pt x="2178" y="1393"/>
                </a:lnTo>
                <a:lnTo>
                  <a:pt x="2183" y="1417"/>
                </a:lnTo>
                <a:lnTo>
                  <a:pt x="2185" y="1428"/>
                </a:lnTo>
                <a:lnTo>
                  <a:pt x="2187" y="1439"/>
                </a:lnTo>
                <a:lnTo>
                  <a:pt x="2190" y="1462"/>
                </a:lnTo>
                <a:lnTo>
                  <a:pt x="2193" y="1487"/>
                </a:lnTo>
                <a:lnTo>
                  <a:pt x="2195" y="1512"/>
                </a:lnTo>
                <a:lnTo>
                  <a:pt x="2196" y="1538"/>
                </a:lnTo>
                <a:lnTo>
                  <a:pt x="2197" y="1563"/>
                </a:lnTo>
                <a:lnTo>
                  <a:pt x="2198" y="1588"/>
                </a:lnTo>
                <a:lnTo>
                  <a:pt x="2198" y="1616"/>
                </a:lnTo>
                <a:lnTo>
                  <a:pt x="2198" y="2198"/>
                </a:lnTo>
                <a:lnTo>
                  <a:pt x="1868" y="2198"/>
                </a:lnTo>
                <a:lnTo>
                  <a:pt x="1868" y="1681"/>
                </a:lnTo>
                <a:lnTo>
                  <a:pt x="1868" y="1634"/>
                </a:lnTo>
                <a:lnTo>
                  <a:pt x="1867" y="1610"/>
                </a:lnTo>
                <a:lnTo>
                  <a:pt x="1865" y="1586"/>
                </a:lnTo>
                <a:lnTo>
                  <a:pt x="1864" y="1574"/>
                </a:lnTo>
                <a:lnTo>
                  <a:pt x="1863" y="1561"/>
                </a:lnTo>
                <a:lnTo>
                  <a:pt x="1858" y="1539"/>
                </a:lnTo>
                <a:lnTo>
                  <a:pt x="1856" y="1527"/>
                </a:lnTo>
                <a:lnTo>
                  <a:pt x="1853" y="1515"/>
                </a:lnTo>
                <a:lnTo>
                  <a:pt x="1849" y="1506"/>
                </a:lnTo>
                <a:lnTo>
                  <a:pt x="1846" y="1494"/>
                </a:lnTo>
                <a:lnTo>
                  <a:pt x="1842" y="1485"/>
                </a:lnTo>
                <a:lnTo>
                  <a:pt x="1837" y="1475"/>
                </a:lnTo>
                <a:lnTo>
                  <a:pt x="1831" y="1466"/>
                </a:lnTo>
                <a:lnTo>
                  <a:pt x="1826" y="1457"/>
                </a:lnTo>
                <a:lnTo>
                  <a:pt x="1818" y="1449"/>
                </a:lnTo>
                <a:lnTo>
                  <a:pt x="1811" y="1441"/>
                </a:lnTo>
                <a:lnTo>
                  <a:pt x="1804" y="1434"/>
                </a:lnTo>
                <a:lnTo>
                  <a:pt x="1800" y="1430"/>
                </a:lnTo>
                <a:lnTo>
                  <a:pt x="1795" y="1426"/>
                </a:lnTo>
                <a:lnTo>
                  <a:pt x="1785" y="1421"/>
                </a:lnTo>
                <a:lnTo>
                  <a:pt x="1775" y="1415"/>
                </a:lnTo>
                <a:lnTo>
                  <a:pt x="1764" y="1412"/>
                </a:lnTo>
                <a:lnTo>
                  <a:pt x="1759" y="1409"/>
                </a:lnTo>
                <a:lnTo>
                  <a:pt x="1753" y="1407"/>
                </a:lnTo>
                <a:lnTo>
                  <a:pt x="1740" y="1404"/>
                </a:lnTo>
                <a:lnTo>
                  <a:pt x="1727" y="1402"/>
                </a:lnTo>
                <a:lnTo>
                  <a:pt x="1712" y="1400"/>
                </a:lnTo>
                <a:lnTo>
                  <a:pt x="1697" y="1400"/>
                </a:lnTo>
                <a:lnTo>
                  <a:pt x="1681" y="1400"/>
                </a:lnTo>
                <a:lnTo>
                  <a:pt x="1666" y="1402"/>
                </a:lnTo>
                <a:lnTo>
                  <a:pt x="1653" y="1404"/>
                </a:lnTo>
                <a:lnTo>
                  <a:pt x="1639" y="1407"/>
                </a:lnTo>
                <a:lnTo>
                  <a:pt x="1627" y="1409"/>
                </a:lnTo>
                <a:lnTo>
                  <a:pt x="1614" y="1414"/>
                </a:lnTo>
                <a:lnTo>
                  <a:pt x="1603" y="1418"/>
                </a:lnTo>
                <a:lnTo>
                  <a:pt x="1593" y="1423"/>
                </a:lnTo>
                <a:lnTo>
                  <a:pt x="1583" y="1429"/>
                </a:lnTo>
                <a:lnTo>
                  <a:pt x="1580" y="1433"/>
                </a:lnTo>
                <a:lnTo>
                  <a:pt x="1575" y="1435"/>
                </a:lnTo>
                <a:lnTo>
                  <a:pt x="1566" y="1442"/>
                </a:lnTo>
                <a:lnTo>
                  <a:pt x="1559" y="1450"/>
                </a:lnTo>
                <a:lnTo>
                  <a:pt x="1551" y="1457"/>
                </a:lnTo>
                <a:lnTo>
                  <a:pt x="1545" y="1466"/>
                </a:lnTo>
                <a:lnTo>
                  <a:pt x="1539" y="1475"/>
                </a:lnTo>
                <a:lnTo>
                  <a:pt x="1534" y="1485"/>
                </a:lnTo>
                <a:lnTo>
                  <a:pt x="1529" y="1494"/>
                </a:lnTo>
                <a:lnTo>
                  <a:pt x="1524" y="1504"/>
                </a:lnTo>
                <a:lnTo>
                  <a:pt x="1520" y="1515"/>
                </a:lnTo>
                <a:lnTo>
                  <a:pt x="1517" y="1525"/>
                </a:lnTo>
                <a:lnTo>
                  <a:pt x="1513" y="1537"/>
                </a:lnTo>
                <a:lnTo>
                  <a:pt x="1510" y="1548"/>
                </a:lnTo>
                <a:lnTo>
                  <a:pt x="1508" y="1560"/>
                </a:lnTo>
                <a:lnTo>
                  <a:pt x="1505" y="1572"/>
                </a:lnTo>
                <a:lnTo>
                  <a:pt x="1504" y="1584"/>
                </a:lnTo>
                <a:lnTo>
                  <a:pt x="1503" y="1596"/>
                </a:lnTo>
                <a:lnTo>
                  <a:pt x="1500" y="1622"/>
                </a:lnTo>
                <a:lnTo>
                  <a:pt x="1499" y="1647"/>
                </a:lnTo>
                <a:lnTo>
                  <a:pt x="1499" y="1673"/>
                </a:lnTo>
                <a:lnTo>
                  <a:pt x="1499" y="2198"/>
                </a:lnTo>
                <a:lnTo>
                  <a:pt x="1169" y="2198"/>
                </a:lnTo>
                <a:lnTo>
                  <a:pt x="1169" y="1666"/>
                </a:lnTo>
                <a:lnTo>
                  <a:pt x="1169" y="1136"/>
                </a:lnTo>
                <a:close/>
                <a:moveTo>
                  <a:pt x="0" y="0"/>
                </a:moveTo>
                <a:lnTo>
                  <a:pt x="700" y="0"/>
                </a:lnTo>
                <a:lnTo>
                  <a:pt x="1401" y="0"/>
                </a:lnTo>
                <a:lnTo>
                  <a:pt x="2103" y="0"/>
                </a:lnTo>
                <a:lnTo>
                  <a:pt x="2804" y="0"/>
                </a:lnTo>
                <a:lnTo>
                  <a:pt x="2804" y="701"/>
                </a:lnTo>
                <a:lnTo>
                  <a:pt x="2804" y="1403"/>
                </a:lnTo>
                <a:lnTo>
                  <a:pt x="2804" y="2104"/>
                </a:lnTo>
                <a:lnTo>
                  <a:pt x="2804" y="2806"/>
                </a:lnTo>
                <a:lnTo>
                  <a:pt x="2103" y="2806"/>
                </a:lnTo>
                <a:lnTo>
                  <a:pt x="1401" y="2806"/>
                </a:lnTo>
                <a:lnTo>
                  <a:pt x="700" y="2806"/>
                </a:lnTo>
                <a:lnTo>
                  <a:pt x="0" y="2806"/>
                </a:lnTo>
                <a:lnTo>
                  <a:pt x="0" y="2104"/>
                </a:lnTo>
                <a:lnTo>
                  <a:pt x="0" y="1403"/>
                </a:lnTo>
                <a:lnTo>
                  <a:pt x="0" y="70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13" name="Freeform 6">
            <a:hlinkClick r:id="rId7"/>
          </p:cNvPr>
          <p:cNvSpPr>
            <a:spLocks noEditPoints="1"/>
          </p:cNvSpPr>
          <p:nvPr/>
        </p:nvSpPr>
        <p:spPr bwMode="auto">
          <a:xfrm>
            <a:off x="2654301" y="692151"/>
            <a:ext cx="385233" cy="288925"/>
          </a:xfrm>
          <a:custGeom>
            <a:avLst/>
            <a:gdLst>
              <a:gd name="T0" fmla="*/ 121909 w 2370"/>
              <a:gd name="T1" fmla="*/ 241831 h 2362"/>
              <a:gd name="T2" fmla="*/ 98990 w 2370"/>
              <a:gd name="T3" fmla="*/ 233391 h 2362"/>
              <a:gd name="T4" fmla="*/ 79119 w 2370"/>
              <a:gd name="T5" fmla="*/ 220058 h 2362"/>
              <a:gd name="T6" fmla="*/ 63027 w 2370"/>
              <a:gd name="T7" fmla="*/ 202321 h 2362"/>
              <a:gd name="T8" fmla="*/ 49861 w 2370"/>
              <a:gd name="T9" fmla="*/ 176633 h 2362"/>
              <a:gd name="T10" fmla="*/ 44741 w 2370"/>
              <a:gd name="T11" fmla="*/ 149722 h 2362"/>
              <a:gd name="T12" fmla="*/ 46569 w 2370"/>
              <a:gd name="T13" fmla="*/ 124402 h 2362"/>
              <a:gd name="T14" fmla="*/ 54372 w 2370"/>
              <a:gd name="T15" fmla="*/ 101160 h 2362"/>
              <a:gd name="T16" fmla="*/ 67416 w 2370"/>
              <a:gd name="T17" fmla="*/ 80977 h 2362"/>
              <a:gd name="T18" fmla="*/ 84727 w 2370"/>
              <a:gd name="T19" fmla="*/ 64464 h 2362"/>
              <a:gd name="T20" fmla="*/ 110084 w 2370"/>
              <a:gd name="T21" fmla="*/ 50764 h 2362"/>
              <a:gd name="T22" fmla="*/ 134222 w 2370"/>
              <a:gd name="T23" fmla="*/ 45137 h 2362"/>
              <a:gd name="T24" fmla="*/ 162139 w 2370"/>
              <a:gd name="T25" fmla="*/ 46238 h 2362"/>
              <a:gd name="T26" fmla="*/ 185668 w 2370"/>
              <a:gd name="T27" fmla="*/ 53577 h 2362"/>
              <a:gd name="T28" fmla="*/ 206149 w 2370"/>
              <a:gd name="T29" fmla="*/ 65932 h 2362"/>
              <a:gd name="T30" fmla="*/ 223094 w 2370"/>
              <a:gd name="T31" fmla="*/ 82812 h 2362"/>
              <a:gd name="T32" fmla="*/ 237479 w 2370"/>
              <a:gd name="T33" fmla="*/ 107888 h 2362"/>
              <a:gd name="T34" fmla="*/ 243575 w 2370"/>
              <a:gd name="T35" fmla="*/ 131741 h 2362"/>
              <a:gd name="T36" fmla="*/ 243209 w 2370"/>
              <a:gd name="T37" fmla="*/ 159753 h 2362"/>
              <a:gd name="T38" fmla="*/ 236504 w 2370"/>
              <a:gd name="T39" fmla="*/ 183361 h 2362"/>
              <a:gd name="T40" fmla="*/ 224435 w 2370"/>
              <a:gd name="T41" fmla="*/ 204156 h 2362"/>
              <a:gd name="T42" fmla="*/ 208099 w 2370"/>
              <a:gd name="T43" fmla="*/ 221525 h 2362"/>
              <a:gd name="T44" fmla="*/ 183352 w 2370"/>
              <a:gd name="T45" fmla="*/ 236571 h 2362"/>
              <a:gd name="T46" fmla="*/ 159579 w 2370"/>
              <a:gd name="T47" fmla="*/ 243177 h 2362"/>
              <a:gd name="T48" fmla="*/ 220168 w 2370"/>
              <a:gd name="T49" fmla="*/ 113148 h 2362"/>
              <a:gd name="T50" fmla="*/ 217364 w 2370"/>
              <a:gd name="T51" fmla="*/ 132475 h 2362"/>
              <a:gd name="T52" fmla="*/ 198712 w 2370"/>
              <a:gd name="T53" fmla="*/ 208926 h 2362"/>
              <a:gd name="T54" fmla="*/ 216999 w 2370"/>
              <a:gd name="T55" fmla="*/ 188988 h 2362"/>
              <a:gd name="T56" fmla="*/ 227727 w 2370"/>
              <a:gd name="T57" fmla="*/ 164034 h 2362"/>
              <a:gd name="T58" fmla="*/ 229677 w 2370"/>
              <a:gd name="T59" fmla="*/ 136389 h 2362"/>
              <a:gd name="T60" fmla="*/ 223094 w 2370"/>
              <a:gd name="T61" fmla="*/ 111313 h 2362"/>
              <a:gd name="T62" fmla="*/ 130565 w 2370"/>
              <a:gd name="T63" fmla="*/ 226785 h 2362"/>
              <a:gd name="T64" fmla="*/ 159092 w 2370"/>
              <a:gd name="T65" fmla="*/ 226663 h 2362"/>
              <a:gd name="T66" fmla="*/ 202004 w 2370"/>
              <a:gd name="T67" fmla="*/ 136634 h 2362"/>
              <a:gd name="T68" fmla="*/ 196396 w 2370"/>
              <a:gd name="T69" fmla="*/ 119509 h 2362"/>
              <a:gd name="T70" fmla="*/ 186887 w 2370"/>
              <a:gd name="T71" fmla="*/ 98959 h 2362"/>
              <a:gd name="T72" fmla="*/ 189935 w 2370"/>
              <a:gd name="T73" fmla="*/ 88561 h 2362"/>
              <a:gd name="T74" fmla="*/ 199687 w 2370"/>
              <a:gd name="T75" fmla="*/ 83057 h 2362"/>
              <a:gd name="T76" fmla="*/ 186643 w 2370"/>
              <a:gd name="T77" fmla="*/ 71925 h 2362"/>
              <a:gd name="T78" fmla="*/ 158726 w 2370"/>
              <a:gd name="T79" fmla="*/ 62262 h 2362"/>
              <a:gd name="T80" fmla="*/ 130687 w 2370"/>
              <a:gd name="T81" fmla="*/ 62140 h 2362"/>
              <a:gd name="T82" fmla="*/ 105452 w 2370"/>
              <a:gd name="T83" fmla="*/ 70213 h 2362"/>
              <a:gd name="T84" fmla="*/ 84483 w 2370"/>
              <a:gd name="T85" fmla="*/ 85014 h 2362"/>
              <a:gd name="T86" fmla="*/ 82045 w 2370"/>
              <a:gd name="T87" fmla="*/ 98714 h 2362"/>
              <a:gd name="T88" fmla="*/ 104354 w 2370"/>
              <a:gd name="T89" fmla="*/ 99081 h 2362"/>
              <a:gd name="T90" fmla="*/ 103867 w 2370"/>
              <a:gd name="T91" fmla="*/ 103729 h 2362"/>
              <a:gd name="T92" fmla="*/ 128492 w 2370"/>
              <a:gd name="T93" fmla="*/ 105319 h 2362"/>
              <a:gd name="T94" fmla="*/ 116789 w 2370"/>
              <a:gd name="T95" fmla="*/ 102873 h 2362"/>
              <a:gd name="T96" fmla="*/ 118983 w 2370"/>
              <a:gd name="T97" fmla="*/ 97858 h 2362"/>
              <a:gd name="T98" fmla="*/ 163237 w 2370"/>
              <a:gd name="T99" fmla="*/ 97858 h 2362"/>
              <a:gd name="T100" fmla="*/ 169210 w 2370"/>
              <a:gd name="T101" fmla="*/ 100549 h 2362"/>
              <a:gd name="T102" fmla="*/ 167260 w 2370"/>
              <a:gd name="T103" fmla="*/ 104341 h 2362"/>
              <a:gd name="T104" fmla="*/ 201150 w 2370"/>
              <a:gd name="T105" fmla="*/ 148988 h 2362"/>
              <a:gd name="T106" fmla="*/ 60223 w 2370"/>
              <a:gd name="T107" fmla="*/ 159630 h 2362"/>
              <a:gd name="T108" fmla="*/ 70707 w 2370"/>
              <a:gd name="T109" fmla="*/ 186908 h 2362"/>
              <a:gd name="T110" fmla="*/ 87531 w 2370"/>
              <a:gd name="T111" fmla="*/ 206724 h 2362"/>
              <a:gd name="T112" fmla="*/ 66197 w 2370"/>
              <a:gd name="T113" fmla="*/ 110579 h 2362"/>
              <a:gd name="T114" fmla="*/ 59614 w 2370"/>
              <a:gd name="T115" fmla="*/ 133331 h 2362"/>
              <a:gd name="T116" fmla="*/ 288925 w 2370"/>
              <a:gd name="T117" fmla="*/ 72292 h 2362"/>
              <a:gd name="T118" fmla="*/ 0 w 2370"/>
              <a:gd name="T119" fmla="*/ 72292 h 2362"/>
              <a:gd name="T120" fmla="*/ 0 60000 65536"/>
              <a:gd name="T121" fmla="*/ 0 60000 65536"/>
              <a:gd name="T122" fmla="*/ 0 60000 65536"/>
              <a:gd name="T123" fmla="*/ 0 60000 65536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</a:gdLst>
            <a:ahLst/>
            <a:cxnLst>
              <a:cxn ang="T120">
                <a:pos x="T0" y="T1"/>
              </a:cxn>
              <a:cxn ang="T121">
                <a:pos x="T2" y="T3"/>
              </a:cxn>
              <a:cxn ang="T122">
                <a:pos x="T4" y="T5"/>
              </a:cxn>
              <a:cxn ang="T123">
                <a:pos x="T6" y="T7"/>
              </a:cxn>
              <a:cxn ang="T124">
                <a:pos x="T8" y="T9"/>
              </a:cxn>
              <a:cxn ang="T125">
                <a:pos x="T10" y="T11"/>
              </a:cxn>
              <a:cxn ang="T126">
                <a:pos x="T12" y="T13"/>
              </a:cxn>
              <a:cxn ang="T127">
                <a:pos x="T14" y="T15"/>
              </a:cxn>
              <a:cxn ang="T128">
                <a:pos x="T16" y="T17"/>
              </a:cxn>
              <a:cxn ang="T129">
                <a:pos x="T18" y="T19"/>
              </a:cxn>
              <a:cxn ang="T130">
                <a:pos x="T20" y="T21"/>
              </a:cxn>
              <a:cxn ang="T131">
                <a:pos x="T22" y="T23"/>
              </a:cxn>
              <a:cxn ang="T132">
                <a:pos x="T24" y="T25"/>
              </a:cxn>
              <a:cxn ang="T133">
                <a:pos x="T26" y="T27"/>
              </a:cxn>
              <a:cxn ang="T134">
                <a:pos x="T28" y="T29"/>
              </a:cxn>
              <a:cxn ang="T135">
                <a:pos x="T30" y="T31"/>
              </a:cxn>
              <a:cxn ang="T136">
                <a:pos x="T32" y="T33"/>
              </a:cxn>
              <a:cxn ang="T137">
                <a:pos x="T34" y="T35"/>
              </a:cxn>
              <a:cxn ang="T138">
                <a:pos x="T36" y="T37"/>
              </a:cxn>
              <a:cxn ang="T139">
                <a:pos x="T38" y="T39"/>
              </a:cxn>
              <a:cxn ang="T140">
                <a:pos x="T40" y="T41"/>
              </a:cxn>
              <a:cxn ang="T141">
                <a:pos x="T42" y="T43"/>
              </a:cxn>
              <a:cxn ang="T142">
                <a:pos x="T44" y="T45"/>
              </a:cxn>
              <a:cxn ang="T143">
                <a:pos x="T46" y="T47"/>
              </a:cxn>
              <a:cxn ang="T144">
                <a:pos x="T48" y="T49"/>
              </a:cxn>
              <a:cxn ang="T145">
                <a:pos x="T50" y="T51"/>
              </a:cxn>
              <a:cxn ang="T146">
                <a:pos x="T52" y="T53"/>
              </a:cxn>
              <a:cxn ang="T147">
                <a:pos x="T54" y="T55"/>
              </a:cxn>
              <a:cxn ang="T148">
                <a:pos x="T56" y="T57"/>
              </a:cxn>
              <a:cxn ang="T149">
                <a:pos x="T58" y="T59"/>
              </a:cxn>
              <a:cxn ang="T150">
                <a:pos x="T60" y="T61"/>
              </a:cxn>
              <a:cxn ang="T151">
                <a:pos x="T62" y="T63"/>
              </a:cxn>
              <a:cxn ang="T152">
                <a:pos x="T64" y="T65"/>
              </a:cxn>
              <a:cxn ang="T153">
                <a:pos x="T66" y="T67"/>
              </a:cxn>
              <a:cxn ang="T154">
                <a:pos x="T68" y="T69"/>
              </a:cxn>
              <a:cxn ang="T155">
                <a:pos x="T70" y="T71"/>
              </a:cxn>
              <a:cxn ang="T156">
                <a:pos x="T72" y="T73"/>
              </a:cxn>
              <a:cxn ang="T157">
                <a:pos x="T74" y="T75"/>
              </a:cxn>
              <a:cxn ang="T158">
                <a:pos x="T76" y="T77"/>
              </a:cxn>
              <a:cxn ang="T159">
                <a:pos x="T78" y="T79"/>
              </a:cxn>
              <a:cxn ang="T160">
                <a:pos x="T80" y="T81"/>
              </a:cxn>
              <a:cxn ang="T161">
                <a:pos x="T82" y="T83"/>
              </a:cxn>
              <a:cxn ang="T162">
                <a:pos x="T84" y="T85"/>
              </a:cxn>
              <a:cxn ang="T163">
                <a:pos x="T86" y="T87"/>
              </a:cxn>
              <a:cxn ang="T164">
                <a:pos x="T88" y="T89"/>
              </a:cxn>
              <a:cxn ang="T165">
                <a:pos x="T90" y="T91"/>
              </a:cxn>
              <a:cxn ang="T166">
                <a:pos x="T92" y="T93"/>
              </a:cxn>
              <a:cxn ang="T167">
                <a:pos x="T94" y="T95"/>
              </a:cxn>
              <a:cxn ang="T168">
                <a:pos x="T96" y="T97"/>
              </a:cxn>
              <a:cxn ang="T169">
                <a:pos x="T98" y="T99"/>
              </a:cxn>
              <a:cxn ang="T170">
                <a:pos x="T100" y="T101"/>
              </a:cxn>
              <a:cxn ang="T171">
                <a:pos x="T102" y="T103"/>
              </a:cxn>
              <a:cxn ang="T172">
                <a:pos x="T104" y="T105"/>
              </a:cxn>
              <a:cxn ang="T173">
                <a:pos x="T106" y="T107"/>
              </a:cxn>
              <a:cxn ang="T174">
                <a:pos x="T108" y="T109"/>
              </a:cxn>
              <a:cxn ang="T175">
                <a:pos x="T110" y="T111"/>
              </a:cxn>
              <a:cxn ang="T176">
                <a:pos x="T112" y="T113"/>
              </a:cxn>
              <a:cxn ang="T177">
                <a:pos x="T114" y="T115"/>
              </a:cxn>
              <a:cxn ang="T178">
                <a:pos x="T116" y="T117"/>
              </a:cxn>
              <a:cxn ang="T179">
                <a:pos x="T118" y="T119"/>
              </a:cxn>
            </a:cxnLst>
            <a:rect l="0" t="0" r="r" b="b"/>
            <a:pathLst>
              <a:path w="2370" h="2362">
                <a:moveTo>
                  <a:pt x="1185" y="1998"/>
                </a:moveTo>
                <a:lnTo>
                  <a:pt x="1164" y="1998"/>
                </a:lnTo>
                <a:lnTo>
                  <a:pt x="1143" y="1996"/>
                </a:lnTo>
                <a:lnTo>
                  <a:pt x="1122" y="1995"/>
                </a:lnTo>
                <a:lnTo>
                  <a:pt x="1101" y="1993"/>
                </a:lnTo>
                <a:lnTo>
                  <a:pt x="1081" y="1991"/>
                </a:lnTo>
                <a:lnTo>
                  <a:pt x="1061" y="1988"/>
                </a:lnTo>
                <a:lnTo>
                  <a:pt x="1040" y="1985"/>
                </a:lnTo>
                <a:lnTo>
                  <a:pt x="1020" y="1981"/>
                </a:lnTo>
                <a:lnTo>
                  <a:pt x="1000" y="1977"/>
                </a:lnTo>
                <a:lnTo>
                  <a:pt x="980" y="1973"/>
                </a:lnTo>
                <a:lnTo>
                  <a:pt x="960" y="1967"/>
                </a:lnTo>
                <a:lnTo>
                  <a:pt x="942" y="1961"/>
                </a:lnTo>
                <a:lnTo>
                  <a:pt x="923" y="1955"/>
                </a:lnTo>
                <a:lnTo>
                  <a:pt x="903" y="1949"/>
                </a:lnTo>
                <a:lnTo>
                  <a:pt x="885" y="1941"/>
                </a:lnTo>
                <a:lnTo>
                  <a:pt x="866" y="1934"/>
                </a:lnTo>
                <a:lnTo>
                  <a:pt x="848" y="1926"/>
                </a:lnTo>
                <a:lnTo>
                  <a:pt x="830" y="1917"/>
                </a:lnTo>
                <a:lnTo>
                  <a:pt x="812" y="1908"/>
                </a:lnTo>
                <a:lnTo>
                  <a:pt x="794" y="1900"/>
                </a:lnTo>
                <a:lnTo>
                  <a:pt x="778" y="1889"/>
                </a:lnTo>
                <a:lnTo>
                  <a:pt x="760" y="1880"/>
                </a:lnTo>
                <a:lnTo>
                  <a:pt x="743" y="1869"/>
                </a:lnTo>
                <a:lnTo>
                  <a:pt x="727" y="1858"/>
                </a:lnTo>
                <a:lnTo>
                  <a:pt x="711" y="1848"/>
                </a:lnTo>
                <a:lnTo>
                  <a:pt x="695" y="1836"/>
                </a:lnTo>
                <a:lnTo>
                  <a:pt x="679" y="1824"/>
                </a:lnTo>
                <a:lnTo>
                  <a:pt x="664" y="1811"/>
                </a:lnTo>
                <a:lnTo>
                  <a:pt x="649" y="1799"/>
                </a:lnTo>
                <a:lnTo>
                  <a:pt x="634" y="1786"/>
                </a:lnTo>
                <a:lnTo>
                  <a:pt x="620" y="1773"/>
                </a:lnTo>
                <a:lnTo>
                  <a:pt x="606" y="1759"/>
                </a:lnTo>
                <a:lnTo>
                  <a:pt x="592" y="1744"/>
                </a:lnTo>
                <a:lnTo>
                  <a:pt x="579" y="1730"/>
                </a:lnTo>
                <a:lnTo>
                  <a:pt x="565" y="1715"/>
                </a:lnTo>
                <a:lnTo>
                  <a:pt x="553" y="1701"/>
                </a:lnTo>
                <a:lnTo>
                  <a:pt x="540" y="1685"/>
                </a:lnTo>
                <a:lnTo>
                  <a:pt x="529" y="1669"/>
                </a:lnTo>
                <a:lnTo>
                  <a:pt x="517" y="1654"/>
                </a:lnTo>
                <a:lnTo>
                  <a:pt x="506" y="1638"/>
                </a:lnTo>
                <a:lnTo>
                  <a:pt x="484" y="1605"/>
                </a:lnTo>
                <a:lnTo>
                  <a:pt x="465" y="1571"/>
                </a:lnTo>
                <a:lnTo>
                  <a:pt x="456" y="1553"/>
                </a:lnTo>
                <a:lnTo>
                  <a:pt x="446" y="1535"/>
                </a:lnTo>
                <a:lnTo>
                  <a:pt x="438" y="1517"/>
                </a:lnTo>
                <a:lnTo>
                  <a:pt x="431" y="1499"/>
                </a:lnTo>
                <a:lnTo>
                  <a:pt x="422" y="1481"/>
                </a:lnTo>
                <a:lnTo>
                  <a:pt x="416" y="1462"/>
                </a:lnTo>
                <a:lnTo>
                  <a:pt x="409" y="1444"/>
                </a:lnTo>
                <a:lnTo>
                  <a:pt x="402" y="1424"/>
                </a:lnTo>
                <a:lnTo>
                  <a:pt x="397" y="1405"/>
                </a:lnTo>
                <a:lnTo>
                  <a:pt x="392" y="1385"/>
                </a:lnTo>
                <a:lnTo>
                  <a:pt x="387" y="1365"/>
                </a:lnTo>
                <a:lnTo>
                  <a:pt x="382" y="1346"/>
                </a:lnTo>
                <a:lnTo>
                  <a:pt x="378" y="1326"/>
                </a:lnTo>
                <a:lnTo>
                  <a:pt x="375" y="1306"/>
                </a:lnTo>
                <a:lnTo>
                  <a:pt x="372" y="1285"/>
                </a:lnTo>
                <a:lnTo>
                  <a:pt x="370" y="1264"/>
                </a:lnTo>
                <a:lnTo>
                  <a:pt x="367" y="1224"/>
                </a:lnTo>
                <a:lnTo>
                  <a:pt x="366" y="1203"/>
                </a:lnTo>
                <a:lnTo>
                  <a:pt x="366" y="1181"/>
                </a:lnTo>
                <a:lnTo>
                  <a:pt x="366" y="1160"/>
                </a:lnTo>
                <a:lnTo>
                  <a:pt x="367" y="1139"/>
                </a:lnTo>
                <a:lnTo>
                  <a:pt x="368" y="1119"/>
                </a:lnTo>
                <a:lnTo>
                  <a:pt x="370" y="1098"/>
                </a:lnTo>
                <a:lnTo>
                  <a:pt x="372" y="1077"/>
                </a:lnTo>
                <a:lnTo>
                  <a:pt x="375" y="1057"/>
                </a:lnTo>
                <a:lnTo>
                  <a:pt x="378" y="1036"/>
                </a:lnTo>
                <a:lnTo>
                  <a:pt x="382" y="1017"/>
                </a:lnTo>
                <a:lnTo>
                  <a:pt x="387" y="997"/>
                </a:lnTo>
                <a:lnTo>
                  <a:pt x="392" y="977"/>
                </a:lnTo>
                <a:lnTo>
                  <a:pt x="397" y="958"/>
                </a:lnTo>
                <a:lnTo>
                  <a:pt x="402" y="938"/>
                </a:lnTo>
                <a:lnTo>
                  <a:pt x="409" y="920"/>
                </a:lnTo>
                <a:lnTo>
                  <a:pt x="416" y="901"/>
                </a:lnTo>
                <a:lnTo>
                  <a:pt x="422" y="882"/>
                </a:lnTo>
                <a:lnTo>
                  <a:pt x="431" y="863"/>
                </a:lnTo>
                <a:lnTo>
                  <a:pt x="438" y="846"/>
                </a:lnTo>
                <a:lnTo>
                  <a:pt x="446" y="827"/>
                </a:lnTo>
                <a:lnTo>
                  <a:pt x="456" y="809"/>
                </a:lnTo>
                <a:lnTo>
                  <a:pt x="465" y="793"/>
                </a:lnTo>
                <a:lnTo>
                  <a:pt x="474" y="775"/>
                </a:lnTo>
                <a:lnTo>
                  <a:pt x="484" y="758"/>
                </a:lnTo>
                <a:lnTo>
                  <a:pt x="494" y="742"/>
                </a:lnTo>
                <a:lnTo>
                  <a:pt x="506" y="725"/>
                </a:lnTo>
                <a:lnTo>
                  <a:pt x="517" y="708"/>
                </a:lnTo>
                <a:lnTo>
                  <a:pt x="529" y="693"/>
                </a:lnTo>
                <a:lnTo>
                  <a:pt x="540" y="677"/>
                </a:lnTo>
                <a:lnTo>
                  <a:pt x="553" y="662"/>
                </a:lnTo>
                <a:lnTo>
                  <a:pt x="565" y="647"/>
                </a:lnTo>
                <a:lnTo>
                  <a:pt x="579" y="632"/>
                </a:lnTo>
                <a:lnTo>
                  <a:pt x="592" y="618"/>
                </a:lnTo>
                <a:lnTo>
                  <a:pt x="606" y="604"/>
                </a:lnTo>
                <a:lnTo>
                  <a:pt x="620" y="591"/>
                </a:lnTo>
                <a:lnTo>
                  <a:pt x="634" y="577"/>
                </a:lnTo>
                <a:lnTo>
                  <a:pt x="649" y="564"/>
                </a:lnTo>
                <a:lnTo>
                  <a:pt x="664" y="551"/>
                </a:lnTo>
                <a:lnTo>
                  <a:pt x="679" y="539"/>
                </a:lnTo>
                <a:lnTo>
                  <a:pt x="695" y="527"/>
                </a:lnTo>
                <a:lnTo>
                  <a:pt x="711" y="516"/>
                </a:lnTo>
                <a:lnTo>
                  <a:pt x="727" y="504"/>
                </a:lnTo>
                <a:lnTo>
                  <a:pt x="760" y="483"/>
                </a:lnTo>
                <a:lnTo>
                  <a:pt x="794" y="464"/>
                </a:lnTo>
                <a:lnTo>
                  <a:pt x="812" y="454"/>
                </a:lnTo>
                <a:lnTo>
                  <a:pt x="830" y="446"/>
                </a:lnTo>
                <a:lnTo>
                  <a:pt x="848" y="438"/>
                </a:lnTo>
                <a:lnTo>
                  <a:pt x="866" y="429"/>
                </a:lnTo>
                <a:lnTo>
                  <a:pt x="885" y="422"/>
                </a:lnTo>
                <a:lnTo>
                  <a:pt x="903" y="415"/>
                </a:lnTo>
                <a:lnTo>
                  <a:pt x="923" y="407"/>
                </a:lnTo>
                <a:lnTo>
                  <a:pt x="942" y="402"/>
                </a:lnTo>
                <a:lnTo>
                  <a:pt x="960" y="396"/>
                </a:lnTo>
                <a:lnTo>
                  <a:pt x="980" y="391"/>
                </a:lnTo>
                <a:lnTo>
                  <a:pt x="1000" y="385"/>
                </a:lnTo>
                <a:lnTo>
                  <a:pt x="1020" y="381"/>
                </a:lnTo>
                <a:lnTo>
                  <a:pt x="1040" y="378"/>
                </a:lnTo>
                <a:lnTo>
                  <a:pt x="1061" y="374"/>
                </a:lnTo>
                <a:lnTo>
                  <a:pt x="1081" y="372"/>
                </a:lnTo>
                <a:lnTo>
                  <a:pt x="1101" y="369"/>
                </a:lnTo>
                <a:lnTo>
                  <a:pt x="1143" y="366"/>
                </a:lnTo>
                <a:lnTo>
                  <a:pt x="1164" y="366"/>
                </a:lnTo>
                <a:lnTo>
                  <a:pt x="1185" y="365"/>
                </a:lnTo>
                <a:lnTo>
                  <a:pt x="1206" y="366"/>
                </a:lnTo>
                <a:lnTo>
                  <a:pt x="1227" y="366"/>
                </a:lnTo>
                <a:lnTo>
                  <a:pt x="1248" y="368"/>
                </a:lnTo>
                <a:lnTo>
                  <a:pt x="1269" y="369"/>
                </a:lnTo>
                <a:lnTo>
                  <a:pt x="1290" y="372"/>
                </a:lnTo>
                <a:lnTo>
                  <a:pt x="1309" y="374"/>
                </a:lnTo>
                <a:lnTo>
                  <a:pt x="1330" y="378"/>
                </a:lnTo>
                <a:lnTo>
                  <a:pt x="1350" y="381"/>
                </a:lnTo>
                <a:lnTo>
                  <a:pt x="1370" y="385"/>
                </a:lnTo>
                <a:lnTo>
                  <a:pt x="1390" y="391"/>
                </a:lnTo>
                <a:lnTo>
                  <a:pt x="1410" y="396"/>
                </a:lnTo>
                <a:lnTo>
                  <a:pt x="1429" y="402"/>
                </a:lnTo>
                <a:lnTo>
                  <a:pt x="1447" y="407"/>
                </a:lnTo>
                <a:lnTo>
                  <a:pt x="1467" y="415"/>
                </a:lnTo>
                <a:lnTo>
                  <a:pt x="1485" y="422"/>
                </a:lnTo>
                <a:lnTo>
                  <a:pt x="1504" y="429"/>
                </a:lnTo>
                <a:lnTo>
                  <a:pt x="1523" y="438"/>
                </a:lnTo>
                <a:lnTo>
                  <a:pt x="1540" y="446"/>
                </a:lnTo>
                <a:lnTo>
                  <a:pt x="1558" y="454"/>
                </a:lnTo>
                <a:lnTo>
                  <a:pt x="1576" y="464"/>
                </a:lnTo>
                <a:lnTo>
                  <a:pt x="1593" y="473"/>
                </a:lnTo>
                <a:lnTo>
                  <a:pt x="1610" y="483"/>
                </a:lnTo>
                <a:lnTo>
                  <a:pt x="1627" y="494"/>
                </a:lnTo>
                <a:lnTo>
                  <a:pt x="1643" y="504"/>
                </a:lnTo>
                <a:lnTo>
                  <a:pt x="1660" y="516"/>
                </a:lnTo>
                <a:lnTo>
                  <a:pt x="1675" y="527"/>
                </a:lnTo>
                <a:lnTo>
                  <a:pt x="1691" y="539"/>
                </a:lnTo>
                <a:lnTo>
                  <a:pt x="1707" y="551"/>
                </a:lnTo>
                <a:lnTo>
                  <a:pt x="1721" y="564"/>
                </a:lnTo>
                <a:lnTo>
                  <a:pt x="1736" y="577"/>
                </a:lnTo>
                <a:lnTo>
                  <a:pt x="1750" y="591"/>
                </a:lnTo>
                <a:lnTo>
                  <a:pt x="1764" y="604"/>
                </a:lnTo>
                <a:lnTo>
                  <a:pt x="1778" y="618"/>
                </a:lnTo>
                <a:lnTo>
                  <a:pt x="1791" y="632"/>
                </a:lnTo>
                <a:lnTo>
                  <a:pt x="1805" y="647"/>
                </a:lnTo>
                <a:lnTo>
                  <a:pt x="1817" y="662"/>
                </a:lnTo>
                <a:lnTo>
                  <a:pt x="1830" y="677"/>
                </a:lnTo>
                <a:lnTo>
                  <a:pt x="1841" y="693"/>
                </a:lnTo>
                <a:lnTo>
                  <a:pt x="1853" y="708"/>
                </a:lnTo>
                <a:lnTo>
                  <a:pt x="1864" y="725"/>
                </a:lnTo>
                <a:lnTo>
                  <a:pt x="1885" y="758"/>
                </a:lnTo>
                <a:lnTo>
                  <a:pt x="1905" y="793"/>
                </a:lnTo>
                <a:lnTo>
                  <a:pt x="1915" y="809"/>
                </a:lnTo>
                <a:lnTo>
                  <a:pt x="1924" y="827"/>
                </a:lnTo>
                <a:lnTo>
                  <a:pt x="1932" y="846"/>
                </a:lnTo>
                <a:lnTo>
                  <a:pt x="1940" y="863"/>
                </a:lnTo>
                <a:lnTo>
                  <a:pt x="1948" y="882"/>
                </a:lnTo>
                <a:lnTo>
                  <a:pt x="1954" y="901"/>
                </a:lnTo>
                <a:lnTo>
                  <a:pt x="1962" y="920"/>
                </a:lnTo>
                <a:lnTo>
                  <a:pt x="1968" y="938"/>
                </a:lnTo>
                <a:lnTo>
                  <a:pt x="1973" y="958"/>
                </a:lnTo>
                <a:lnTo>
                  <a:pt x="1978" y="977"/>
                </a:lnTo>
                <a:lnTo>
                  <a:pt x="1984" y="997"/>
                </a:lnTo>
                <a:lnTo>
                  <a:pt x="1988" y="1017"/>
                </a:lnTo>
                <a:lnTo>
                  <a:pt x="1992" y="1036"/>
                </a:lnTo>
                <a:lnTo>
                  <a:pt x="1995" y="1057"/>
                </a:lnTo>
                <a:lnTo>
                  <a:pt x="1998" y="1077"/>
                </a:lnTo>
                <a:lnTo>
                  <a:pt x="2000" y="1098"/>
                </a:lnTo>
                <a:lnTo>
                  <a:pt x="2003" y="1139"/>
                </a:lnTo>
                <a:lnTo>
                  <a:pt x="2004" y="1160"/>
                </a:lnTo>
                <a:lnTo>
                  <a:pt x="2004" y="1181"/>
                </a:lnTo>
                <a:lnTo>
                  <a:pt x="2004" y="1203"/>
                </a:lnTo>
                <a:lnTo>
                  <a:pt x="2003" y="1224"/>
                </a:lnTo>
                <a:lnTo>
                  <a:pt x="2002" y="1245"/>
                </a:lnTo>
                <a:lnTo>
                  <a:pt x="2000" y="1264"/>
                </a:lnTo>
                <a:lnTo>
                  <a:pt x="1998" y="1285"/>
                </a:lnTo>
                <a:lnTo>
                  <a:pt x="1995" y="1306"/>
                </a:lnTo>
                <a:lnTo>
                  <a:pt x="1992" y="1326"/>
                </a:lnTo>
                <a:lnTo>
                  <a:pt x="1988" y="1346"/>
                </a:lnTo>
                <a:lnTo>
                  <a:pt x="1984" y="1365"/>
                </a:lnTo>
                <a:lnTo>
                  <a:pt x="1978" y="1385"/>
                </a:lnTo>
                <a:lnTo>
                  <a:pt x="1973" y="1405"/>
                </a:lnTo>
                <a:lnTo>
                  <a:pt x="1968" y="1424"/>
                </a:lnTo>
                <a:lnTo>
                  <a:pt x="1962" y="1444"/>
                </a:lnTo>
                <a:lnTo>
                  <a:pt x="1954" y="1462"/>
                </a:lnTo>
                <a:lnTo>
                  <a:pt x="1948" y="1481"/>
                </a:lnTo>
                <a:lnTo>
                  <a:pt x="1940" y="1499"/>
                </a:lnTo>
                <a:lnTo>
                  <a:pt x="1932" y="1517"/>
                </a:lnTo>
                <a:lnTo>
                  <a:pt x="1924" y="1535"/>
                </a:lnTo>
                <a:lnTo>
                  <a:pt x="1915" y="1553"/>
                </a:lnTo>
                <a:lnTo>
                  <a:pt x="1905" y="1571"/>
                </a:lnTo>
                <a:lnTo>
                  <a:pt x="1896" y="1588"/>
                </a:lnTo>
                <a:lnTo>
                  <a:pt x="1885" y="1605"/>
                </a:lnTo>
                <a:lnTo>
                  <a:pt x="1875" y="1622"/>
                </a:lnTo>
                <a:lnTo>
                  <a:pt x="1864" y="1638"/>
                </a:lnTo>
                <a:lnTo>
                  <a:pt x="1853" y="1654"/>
                </a:lnTo>
                <a:lnTo>
                  <a:pt x="1841" y="1669"/>
                </a:lnTo>
                <a:lnTo>
                  <a:pt x="1830" y="1685"/>
                </a:lnTo>
                <a:lnTo>
                  <a:pt x="1817" y="1701"/>
                </a:lnTo>
                <a:lnTo>
                  <a:pt x="1805" y="1715"/>
                </a:lnTo>
                <a:lnTo>
                  <a:pt x="1791" y="1730"/>
                </a:lnTo>
                <a:lnTo>
                  <a:pt x="1778" y="1744"/>
                </a:lnTo>
                <a:lnTo>
                  <a:pt x="1764" y="1759"/>
                </a:lnTo>
                <a:lnTo>
                  <a:pt x="1750" y="1773"/>
                </a:lnTo>
                <a:lnTo>
                  <a:pt x="1736" y="1786"/>
                </a:lnTo>
                <a:lnTo>
                  <a:pt x="1721" y="1799"/>
                </a:lnTo>
                <a:lnTo>
                  <a:pt x="1707" y="1811"/>
                </a:lnTo>
                <a:lnTo>
                  <a:pt x="1691" y="1824"/>
                </a:lnTo>
                <a:lnTo>
                  <a:pt x="1675" y="1836"/>
                </a:lnTo>
                <a:lnTo>
                  <a:pt x="1660" y="1848"/>
                </a:lnTo>
                <a:lnTo>
                  <a:pt x="1643" y="1858"/>
                </a:lnTo>
                <a:lnTo>
                  <a:pt x="1610" y="1880"/>
                </a:lnTo>
                <a:lnTo>
                  <a:pt x="1576" y="1900"/>
                </a:lnTo>
                <a:lnTo>
                  <a:pt x="1558" y="1908"/>
                </a:lnTo>
                <a:lnTo>
                  <a:pt x="1540" y="1917"/>
                </a:lnTo>
                <a:lnTo>
                  <a:pt x="1523" y="1926"/>
                </a:lnTo>
                <a:lnTo>
                  <a:pt x="1504" y="1934"/>
                </a:lnTo>
                <a:lnTo>
                  <a:pt x="1485" y="1941"/>
                </a:lnTo>
                <a:lnTo>
                  <a:pt x="1467" y="1949"/>
                </a:lnTo>
                <a:lnTo>
                  <a:pt x="1447" y="1955"/>
                </a:lnTo>
                <a:lnTo>
                  <a:pt x="1429" y="1961"/>
                </a:lnTo>
                <a:lnTo>
                  <a:pt x="1410" y="1967"/>
                </a:lnTo>
                <a:lnTo>
                  <a:pt x="1390" y="1973"/>
                </a:lnTo>
                <a:lnTo>
                  <a:pt x="1370" y="1977"/>
                </a:lnTo>
                <a:lnTo>
                  <a:pt x="1350" y="1981"/>
                </a:lnTo>
                <a:lnTo>
                  <a:pt x="1330" y="1985"/>
                </a:lnTo>
                <a:lnTo>
                  <a:pt x="1309" y="1988"/>
                </a:lnTo>
                <a:lnTo>
                  <a:pt x="1290" y="1991"/>
                </a:lnTo>
                <a:lnTo>
                  <a:pt x="1269" y="1993"/>
                </a:lnTo>
                <a:lnTo>
                  <a:pt x="1227" y="1996"/>
                </a:lnTo>
                <a:lnTo>
                  <a:pt x="1206" y="1998"/>
                </a:lnTo>
                <a:lnTo>
                  <a:pt x="1185" y="1998"/>
                </a:lnTo>
                <a:close/>
                <a:moveTo>
                  <a:pt x="1802" y="854"/>
                </a:moveTo>
                <a:lnTo>
                  <a:pt x="1804" y="871"/>
                </a:lnTo>
                <a:lnTo>
                  <a:pt x="1805" y="888"/>
                </a:lnTo>
                <a:lnTo>
                  <a:pt x="1806" y="906"/>
                </a:lnTo>
                <a:lnTo>
                  <a:pt x="1806" y="925"/>
                </a:lnTo>
                <a:lnTo>
                  <a:pt x="1806" y="951"/>
                </a:lnTo>
                <a:lnTo>
                  <a:pt x="1805" y="964"/>
                </a:lnTo>
                <a:lnTo>
                  <a:pt x="1804" y="978"/>
                </a:lnTo>
                <a:lnTo>
                  <a:pt x="1802" y="993"/>
                </a:lnTo>
                <a:lnTo>
                  <a:pt x="1800" y="1006"/>
                </a:lnTo>
                <a:lnTo>
                  <a:pt x="1797" y="1021"/>
                </a:lnTo>
                <a:lnTo>
                  <a:pt x="1794" y="1036"/>
                </a:lnTo>
                <a:lnTo>
                  <a:pt x="1791" y="1051"/>
                </a:lnTo>
                <a:lnTo>
                  <a:pt x="1787" y="1067"/>
                </a:lnTo>
                <a:lnTo>
                  <a:pt x="1783" y="1083"/>
                </a:lnTo>
                <a:lnTo>
                  <a:pt x="1778" y="1099"/>
                </a:lnTo>
                <a:lnTo>
                  <a:pt x="1772" y="1115"/>
                </a:lnTo>
                <a:lnTo>
                  <a:pt x="1766" y="1133"/>
                </a:lnTo>
                <a:lnTo>
                  <a:pt x="1753" y="1169"/>
                </a:lnTo>
                <a:lnTo>
                  <a:pt x="1538" y="1771"/>
                </a:lnTo>
                <a:lnTo>
                  <a:pt x="1557" y="1759"/>
                </a:lnTo>
                <a:lnTo>
                  <a:pt x="1577" y="1748"/>
                </a:lnTo>
                <a:lnTo>
                  <a:pt x="1595" y="1735"/>
                </a:lnTo>
                <a:lnTo>
                  <a:pt x="1614" y="1722"/>
                </a:lnTo>
                <a:lnTo>
                  <a:pt x="1630" y="1708"/>
                </a:lnTo>
                <a:lnTo>
                  <a:pt x="1648" y="1693"/>
                </a:lnTo>
                <a:lnTo>
                  <a:pt x="1665" y="1679"/>
                </a:lnTo>
                <a:lnTo>
                  <a:pt x="1680" y="1664"/>
                </a:lnTo>
                <a:lnTo>
                  <a:pt x="1696" y="1649"/>
                </a:lnTo>
                <a:lnTo>
                  <a:pt x="1712" y="1632"/>
                </a:lnTo>
                <a:lnTo>
                  <a:pt x="1726" y="1615"/>
                </a:lnTo>
                <a:lnTo>
                  <a:pt x="1740" y="1599"/>
                </a:lnTo>
                <a:lnTo>
                  <a:pt x="1754" y="1581"/>
                </a:lnTo>
                <a:lnTo>
                  <a:pt x="1767" y="1563"/>
                </a:lnTo>
                <a:lnTo>
                  <a:pt x="1780" y="1545"/>
                </a:lnTo>
                <a:lnTo>
                  <a:pt x="1791" y="1526"/>
                </a:lnTo>
                <a:lnTo>
                  <a:pt x="1803" y="1507"/>
                </a:lnTo>
                <a:lnTo>
                  <a:pt x="1813" y="1487"/>
                </a:lnTo>
                <a:lnTo>
                  <a:pt x="1823" y="1467"/>
                </a:lnTo>
                <a:lnTo>
                  <a:pt x="1832" y="1447"/>
                </a:lnTo>
                <a:lnTo>
                  <a:pt x="1840" y="1427"/>
                </a:lnTo>
                <a:lnTo>
                  <a:pt x="1849" y="1406"/>
                </a:lnTo>
                <a:lnTo>
                  <a:pt x="1856" y="1384"/>
                </a:lnTo>
                <a:lnTo>
                  <a:pt x="1862" y="1363"/>
                </a:lnTo>
                <a:lnTo>
                  <a:pt x="1868" y="1341"/>
                </a:lnTo>
                <a:lnTo>
                  <a:pt x="1873" y="1319"/>
                </a:lnTo>
                <a:lnTo>
                  <a:pt x="1877" y="1297"/>
                </a:lnTo>
                <a:lnTo>
                  <a:pt x="1881" y="1274"/>
                </a:lnTo>
                <a:lnTo>
                  <a:pt x="1883" y="1251"/>
                </a:lnTo>
                <a:lnTo>
                  <a:pt x="1885" y="1228"/>
                </a:lnTo>
                <a:lnTo>
                  <a:pt x="1887" y="1205"/>
                </a:lnTo>
                <a:lnTo>
                  <a:pt x="1887" y="1181"/>
                </a:lnTo>
                <a:lnTo>
                  <a:pt x="1887" y="1159"/>
                </a:lnTo>
                <a:lnTo>
                  <a:pt x="1886" y="1137"/>
                </a:lnTo>
                <a:lnTo>
                  <a:pt x="1884" y="1115"/>
                </a:lnTo>
                <a:lnTo>
                  <a:pt x="1881" y="1094"/>
                </a:lnTo>
                <a:lnTo>
                  <a:pt x="1878" y="1073"/>
                </a:lnTo>
                <a:lnTo>
                  <a:pt x="1875" y="1051"/>
                </a:lnTo>
                <a:lnTo>
                  <a:pt x="1870" y="1030"/>
                </a:lnTo>
                <a:lnTo>
                  <a:pt x="1864" y="1010"/>
                </a:lnTo>
                <a:lnTo>
                  <a:pt x="1859" y="989"/>
                </a:lnTo>
                <a:lnTo>
                  <a:pt x="1853" y="970"/>
                </a:lnTo>
                <a:lnTo>
                  <a:pt x="1846" y="949"/>
                </a:lnTo>
                <a:lnTo>
                  <a:pt x="1838" y="930"/>
                </a:lnTo>
                <a:lnTo>
                  <a:pt x="1830" y="910"/>
                </a:lnTo>
                <a:lnTo>
                  <a:pt x="1820" y="892"/>
                </a:lnTo>
                <a:lnTo>
                  <a:pt x="1811" y="873"/>
                </a:lnTo>
                <a:lnTo>
                  <a:pt x="1802" y="854"/>
                </a:lnTo>
                <a:close/>
                <a:moveTo>
                  <a:pt x="1198" y="1240"/>
                </a:moveTo>
                <a:lnTo>
                  <a:pt x="987" y="1835"/>
                </a:lnTo>
                <a:lnTo>
                  <a:pt x="998" y="1838"/>
                </a:lnTo>
                <a:lnTo>
                  <a:pt x="1011" y="1841"/>
                </a:lnTo>
                <a:lnTo>
                  <a:pt x="1035" y="1848"/>
                </a:lnTo>
                <a:lnTo>
                  <a:pt x="1059" y="1852"/>
                </a:lnTo>
                <a:lnTo>
                  <a:pt x="1071" y="1854"/>
                </a:lnTo>
                <a:lnTo>
                  <a:pt x="1084" y="1856"/>
                </a:lnTo>
                <a:lnTo>
                  <a:pt x="1109" y="1859"/>
                </a:lnTo>
                <a:lnTo>
                  <a:pt x="1134" y="1861"/>
                </a:lnTo>
                <a:lnTo>
                  <a:pt x="1159" y="1862"/>
                </a:lnTo>
                <a:lnTo>
                  <a:pt x="1185" y="1863"/>
                </a:lnTo>
                <a:lnTo>
                  <a:pt x="1215" y="1862"/>
                </a:lnTo>
                <a:lnTo>
                  <a:pt x="1246" y="1860"/>
                </a:lnTo>
                <a:lnTo>
                  <a:pt x="1276" y="1857"/>
                </a:lnTo>
                <a:lnTo>
                  <a:pt x="1291" y="1855"/>
                </a:lnTo>
                <a:lnTo>
                  <a:pt x="1305" y="1853"/>
                </a:lnTo>
                <a:lnTo>
                  <a:pt x="1333" y="1848"/>
                </a:lnTo>
                <a:lnTo>
                  <a:pt x="1363" y="1841"/>
                </a:lnTo>
                <a:lnTo>
                  <a:pt x="1391" y="1833"/>
                </a:lnTo>
                <a:lnTo>
                  <a:pt x="1418" y="1825"/>
                </a:lnTo>
                <a:lnTo>
                  <a:pt x="1416" y="1819"/>
                </a:lnTo>
                <a:lnTo>
                  <a:pt x="1413" y="1815"/>
                </a:lnTo>
                <a:lnTo>
                  <a:pt x="1198" y="1240"/>
                </a:lnTo>
                <a:close/>
                <a:moveTo>
                  <a:pt x="1660" y="1147"/>
                </a:moveTo>
                <a:lnTo>
                  <a:pt x="1658" y="1131"/>
                </a:lnTo>
                <a:lnTo>
                  <a:pt x="1657" y="1117"/>
                </a:lnTo>
                <a:lnTo>
                  <a:pt x="1656" y="1102"/>
                </a:lnTo>
                <a:lnTo>
                  <a:pt x="1655" y="1096"/>
                </a:lnTo>
                <a:lnTo>
                  <a:pt x="1654" y="1088"/>
                </a:lnTo>
                <a:lnTo>
                  <a:pt x="1651" y="1075"/>
                </a:lnTo>
                <a:lnTo>
                  <a:pt x="1648" y="1062"/>
                </a:lnTo>
                <a:lnTo>
                  <a:pt x="1641" y="1038"/>
                </a:lnTo>
                <a:lnTo>
                  <a:pt x="1631" y="1017"/>
                </a:lnTo>
                <a:lnTo>
                  <a:pt x="1626" y="1006"/>
                </a:lnTo>
                <a:lnTo>
                  <a:pt x="1622" y="996"/>
                </a:lnTo>
                <a:lnTo>
                  <a:pt x="1611" y="977"/>
                </a:lnTo>
                <a:lnTo>
                  <a:pt x="1601" y="959"/>
                </a:lnTo>
                <a:lnTo>
                  <a:pt x="1576" y="919"/>
                </a:lnTo>
                <a:lnTo>
                  <a:pt x="1563" y="899"/>
                </a:lnTo>
                <a:lnTo>
                  <a:pt x="1553" y="879"/>
                </a:lnTo>
                <a:lnTo>
                  <a:pt x="1545" y="859"/>
                </a:lnTo>
                <a:lnTo>
                  <a:pt x="1541" y="850"/>
                </a:lnTo>
                <a:lnTo>
                  <a:pt x="1538" y="840"/>
                </a:lnTo>
                <a:lnTo>
                  <a:pt x="1535" y="830"/>
                </a:lnTo>
                <a:lnTo>
                  <a:pt x="1534" y="820"/>
                </a:lnTo>
                <a:lnTo>
                  <a:pt x="1533" y="809"/>
                </a:lnTo>
                <a:lnTo>
                  <a:pt x="1532" y="799"/>
                </a:lnTo>
                <a:lnTo>
                  <a:pt x="1533" y="787"/>
                </a:lnTo>
                <a:lnTo>
                  <a:pt x="1534" y="776"/>
                </a:lnTo>
                <a:lnTo>
                  <a:pt x="1537" y="765"/>
                </a:lnTo>
                <a:lnTo>
                  <a:pt x="1541" y="754"/>
                </a:lnTo>
                <a:lnTo>
                  <a:pt x="1544" y="749"/>
                </a:lnTo>
                <a:lnTo>
                  <a:pt x="1546" y="744"/>
                </a:lnTo>
                <a:lnTo>
                  <a:pt x="1552" y="733"/>
                </a:lnTo>
                <a:lnTo>
                  <a:pt x="1555" y="728"/>
                </a:lnTo>
                <a:lnTo>
                  <a:pt x="1558" y="724"/>
                </a:lnTo>
                <a:lnTo>
                  <a:pt x="1565" y="716"/>
                </a:lnTo>
                <a:lnTo>
                  <a:pt x="1574" y="707"/>
                </a:lnTo>
                <a:lnTo>
                  <a:pt x="1582" y="700"/>
                </a:lnTo>
                <a:lnTo>
                  <a:pt x="1587" y="697"/>
                </a:lnTo>
                <a:lnTo>
                  <a:pt x="1593" y="694"/>
                </a:lnTo>
                <a:lnTo>
                  <a:pt x="1603" y="689"/>
                </a:lnTo>
                <a:lnTo>
                  <a:pt x="1614" y="684"/>
                </a:lnTo>
                <a:lnTo>
                  <a:pt x="1620" y="682"/>
                </a:lnTo>
                <a:lnTo>
                  <a:pt x="1625" y="681"/>
                </a:lnTo>
                <a:lnTo>
                  <a:pt x="1638" y="679"/>
                </a:lnTo>
                <a:lnTo>
                  <a:pt x="1650" y="678"/>
                </a:lnTo>
                <a:lnTo>
                  <a:pt x="1660" y="679"/>
                </a:lnTo>
                <a:lnTo>
                  <a:pt x="1647" y="669"/>
                </a:lnTo>
                <a:lnTo>
                  <a:pt x="1636" y="658"/>
                </a:lnTo>
                <a:lnTo>
                  <a:pt x="1610" y="640"/>
                </a:lnTo>
                <a:lnTo>
                  <a:pt x="1598" y="630"/>
                </a:lnTo>
                <a:lnTo>
                  <a:pt x="1584" y="621"/>
                </a:lnTo>
                <a:lnTo>
                  <a:pt x="1572" y="612"/>
                </a:lnTo>
                <a:lnTo>
                  <a:pt x="1558" y="604"/>
                </a:lnTo>
                <a:lnTo>
                  <a:pt x="1531" y="588"/>
                </a:lnTo>
                <a:lnTo>
                  <a:pt x="1503" y="573"/>
                </a:lnTo>
                <a:lnTo>
                  <a:pt x="1474" y="559"/>
                </a:lnTo>
                <a:lnTo>
                  <a:pt x="1444" y="548"/>
                </a:lnTo>
                <a:lnTo>
                  <a:pt x="1429" y="542"/>
                </a:lnTo>
                <a:lnTo>
                  <a:pt x="1414" y="536"/>
                </a:lnTo>
                <a:lnTo>
                  <a:pt x="1383" y="527"/>
                </a:lnTo>
                <a:lnTo>
                  <a:pt x="1351" y="519"/>
                </a:lnTo>
                <a:lnTo>
                  <a:pt x="1335" y="516"/>
                </a:lnTo>
                <a:lnTo>
                  <a:pt x="1319" y="513"/>
                </a:lnTo>
                <a:lnTo>
                  <a:pt x="1302" y="509"/>
                </a:lnTo>
                <a:lnTo>
                  <a:pt x="1286" y="506"/>
                </a:lnTo>
                <a:lnTo>
                  <a:pt x="1270" y="504"/>
                </a:lnTo>
                <a:lnTo>
                  <a:pt x="1253" y="503"/>
                </a:lnTo>
                <a:lnTo>
                  <a:pt x="1220" y="501"/>
                </a:lnTo>
                <a:lnTo>
                  <a:pt x="1185" y="500"/>
                </a:lnTo>
                <a:lnTo>
                  <a:pt x="1162" y="500"/>
                </a:lnTo>
                <a:lnTo>
                  <a:pt x="1139" y="501"/>
                </a:lnTo>
                <a:lnTo>
                  <a:pt x="1117" y="503"/>
                </a:lnTo>
                <a:lnTo>
                  <a:pt x="1094" y="505"/>
                </a:lnTo>
                <a:lnTo>
                  <a:pt x="1072" y="508"/>
                </a:lnTo>
                <a:lnTo>
                  <a:pt x="1050" y="513"/>
                </a:lnTo>
                <a:lnTo>
                  <a:pt x="1029" y="517"/>
                </a:lnTo>
                <a:lnTo>
                  <a:pt x="1007" y="522"/>
                </a:lnTo>
                <a:lnTo>
                  <a:pt x="987" y="527"/>
                </a:lnTo>
                <a:lnTo>
                  <a:pt x="966" y="533"/>
                </a:lnTo>
                <a:lnTo>
                  <a:pt x="945" y="541"/>
                </a:lnTo>
                <a:lnTo>
                  <a:pt x="925" y="548"/>
                </a:lnTo>
                <a:lnTo>
                  <a:pt x="905" y="556"/>
                </a:lnTo>
                <a:lnTo>
                  <a:pt x="885" y="565"/>
                </a:lnTo>
                <a:lnTo>
                  <a:pt x="865" y="574"/>
                </a:lnTo>
                <a:lnTo>
                  <a:pt x="846" y="584"/>
                </a:lnTo>
                <a:lnTo>
                  <a:pt x="828" y="595"/>
                </a:lnTo>
                <a:lnTo>
                  <a:pt x="810" y="605"/>
                </a:lnTo>
                <a:lnTo>
                  <a:pt x="792" y="617"/>
                </a:lnTo>
                <a:lnTo>
                  <a:pt x="774" y="628"/>
                </a:lnTo>
                <a:lnTo>
                  <a:pt x="758" y="641"/>
                </a:lnTo>
                <a:lnTo>
                  <a:pt x="741" y="654"/>
                </a:lnTo>
                <a:lnTo>
                  <a:pt x="724" y="667"/>
                </a:lnTo>
                <a:lnTo>
                  <a:pt x="709" y="681"/>
                </a:lnTo>
                <a:lnTo>
                  <a:pt x="693" y="695"/>
                </a:lnTo>
                <a:lnTo>
                  <a:pt x="686" y="702"/>
                </a:lnTo>
                <a:lnTo>
                  <a:pt x="678" y="710"/>
                </a:lnTo>
                <a:lnTo>
                  <a:pt x="664" y="725"/>
                </a:lnTo>
                <a:lnTo>
                  <a:pt x="650" y="741"/>
                </a:lnTo>
                <a:lnTo>
                  <a:pt x="636" y="756"/>
                </a:lnTo>
                <a:lnTo>
                  <a:pt x="623" y="773"/>
                </a:lnTo>
                <a:lnTo>
                  <a:pt x="610" y="790"/>
                </a:lnTo>
                <a:lnTo>
                  <a:pt x="599" y="807"/>
                </a:lnTo>
                <a:lnTo>
                  <a:pt x="644" y="808"/>
                </a:lnTo>
                <a:lnTo>
                  <a:pt x="673" y="807"/>
                </a:lnTo>
                <a:lnTo>
                  <a:pt x="703" y="806"/>
                </a:lnTo>
                <a:lnTo>
                  <a:pt x="765" y="803"/>
                </a:lnTo>
                <a:lnTo>
                  <a:pt x="812" y="800"/>
                </a:lnTo>
                <a:lnTo>
                  <a:pt x="831" y="799"/>
                </a:lnTo>
                <a:lnTo>
                  <a:pt x="834" y="799"/>
                </a:lnTo>
                <a:lnTo>
                  <a:pt x="837" y="799"/>
                </a:lnTo>
                <a:lnTo>
                  <a:pt x="843" y="801"/>
                </a:lnTo>
                <a:lnTo>
                  <a:pt x="849" y="803"/>
                </a:lnTo>
                <a:lnTo>
                  <a:pt x="853" y="806"/>
                </a:lnTo>
                <a:lnTo>
                  <a:pt x="856" y="810"/>
                </a:lnTo>
                <a:lnTo>
                  <a:pt x="859" y="815"/>
                </a:lnTo>
                <a:lnTo>
                  <a:pt x="860" y="820"/>
                </a:lnTo>
                <a:lnTo>
                  <a:pt x="861" y="822"/>
                </a:lnTo>
                <a:lnTo>
                  <a:pt x="861" y="825"/>
                </a:lnTo>
                <a:lnTo>
                  <a:pt x="861" y="830"/>
                </a:lnTo>
                <a:lnTo>
                  <a:pt x="860" y="835"/>
                </a:lnTo>
                <a:lnTo>
                  <a:pt x="858" y="840"/>
                </a:lnTo>
                <a:lnTo>
                  <a:pt x="857" y="843"/>
                </a:lnTo>
                <a:lnTo>
                  <a:pt x="856" y="845"/>
                </a:lnTo>
                <a:lnTo>
                  <a:pt x="852" y="848"/>
                </a:lnTo>
                <a:lnTo>
                  <a:pt x="850" y="850"/>
                </a:lnTo>
                <a:lnTo>
                  <a:pt x="848" y="852"/>
                </a:lnTo>
                <a:lnTo>
                  <a:pt x="844" y="853"/>
                </a:lnTo>
                <a:lnTo>
                  <a:pt x="841" y="854"/>
                </a:lnTo>
                <a:lnTo>
                  <a:pt x="835" y="855"/>
                </a:lnTo>
                <a:lnTo>
                  <a:pt x="811" y="857"/>
                </a:lnTo>
                <a:lnTo>
                  <a:pt x="755" y="861"/>
                </a:lnTo>
                <a:lnTo>
                  <a:pt x="1011" y="1600"/>
                </a:lnTo>
                <a:lnTo>
                  <a:pt x="1164" y="1153"/>
                </a:lnTo>
                <a:lnTo>
                  <a:pt x="1054" y="861"/>
                </a:lnTo>
                <a:lnTo>
                  <a:pt x="1027" y="859"/>
                </a:lnTo>
                <a:lnTo>
                  <a:pt x="1004" y="857"/>
                </a:lnTo>
                <a:lnTo>
                  <a:pt x="981" y="855"/>
                </a:lnTo>
                <a:lnTo>
                  <a:pt x="975" y="854"/>
                </a:lnTo>
                <a:lnTo>
                  <a:pt x="969" y="852"/>
                </a:lnTo>
                <a:lnTo>
                  <a:pt x="967" y="851"/>
                </a:lnTo>
                <a:lnTo>
                  <a:pt x="965" y="849"/>
                </a:lnTo>
                <a:lnTo>
                  <a:pt x="962" y="847"/>
                </a:lnTo>
                <a:lnTo>
                  <a:pt x="960" y="846"/>
                </a:lnTo>
                <a:lnTo>
                  <a:pt x="958" y="841"/>
                </a:lnTo>
                <a:lnTo>
                  <a:pt x="956" y="836"/>
                </a:lnTo>
                <a:lnTo>
                  <a:pt x="955" y="831"/>
                </a:lnTo>
                <a:lnTo>
                  <a:pt x="955" y="826"/>
                </a:lnTo>
                <a:lnTo>
                  <a:pt x="956" y="821"/>
                </a:lnTo>
                <a:lnTo>
                  <a:pt x="957" y="816"/>
                </a:lnTo>
                <a:lnTo>
                  <a:pt x="960" y="810"/>
                </a:lnTo>
                <a:lnTo>
                  <a:pt x="964" y="806"/>
                </a:lnTo>
                <a:lnTo>
                  <a:pt x="968" y="803"/>
                </a:lnTo>
                <a:lnTo>
                  <a:pt x="973" y="801"/>
                </a:lnTo>
                <a:lnTo>
                  <a:pt x="976" y="800"/>
                </a:lnTo>
                <a:lnTo>
                  <a:pt x="979" y="799"/>
                </a:lnTo>
                <a:lnTo>
                  <a:pt x="985" y="799"/>
                </a:lnTo>
                <a:lnTo>
                  <a:pt x="1052" y="803"/>
                </a:lnTo>
                <a:lnTo>
                  <a:pt x="1113" y="806"/>
                </a:lnTo>
                <a:lnTo>
                  <a:pt x="1143" y="807"/>
                </a:lnTo>
                <a:lnTo>
                  <a:pt x="1170" y="808"/>
                </a:lnTo>
                <a:lnTo>
                  <a:pt x="1200" y="807"/>
                </a:lnTo>
                <a:lnTo>
                  <a:pt x="1231" y="806"/>
                </a:lnTo>
                <a:lnTo>
                  <a:pt x="1292" y="803"/>
                </a:lnTo>
                <a:lnTo>
                  <a:pt x="1339" y="800"/>
                </a:lnTo>
                <a:lnTo>
                  <a:pt x="1358" y="799"/>
                </a:lnTo>
                <a:lnTo>
                  <a:pt x="1361" y="799"/>
                </a:lnTo>
                <a:lnTo>
                  <a:pt x="1365" y="799"/>
                </a:lnTo>
                <a:lnTo>
                  <a:pt x="1370" y="801"/>
                </a:lnTo>
                <a:lnTo>
                  <a:pt x="1375" y="803"/>
                </a:lnTo>
                <a:lnTo>
                  <a:pt x="1379" y="806"/>
                </a:lnTo>
                <a:lnTo>
                  <a:pt x="1384" y="810"/>
                </a:lnTo>
                <a:lnTo>
                  <a:pt x="1386" y="815"/>
                </a:lnTo>
                <a:lnTo>
                  <a:pt x="1388" y="820"/>
                </a:lnTo>
                <a:lnTo>
                  <a:pt x="1388" y="822"/>
                </a:lnTo>
                <a:lnTo>
                  <a:pt x="1388" y="825"/>
                </a:lnTo>
                <a:lnTo>
                  <a:pt x="1388" y="830"/>
                </a:lnTo>
                <a:lnTo>
                  <a:pt x="1388" y="835"/>
                </a:lnTo>
                <a:lnTo>
                  <a:pt x="1386" y="840"/>
                </a:lnTo>
                <a:lnTo>
                  <a:pt x="1385" y="843"/>
                </a:lnTo>
                <a:lnTo>
                  <a:pt x="1383" y="845"/>
                </a:lnTo>
                <a:lnTo>
                  <a:pt x="1379" y="848"/>
                </a:lnTo>
                <a:lnTo>
                  <a:pt x="1376" y="850"/>
                </a:lnTo>
                <a:lnTo>
                  <a:pt x="1374" y="852"/>
                </a:lnTo>
                <a:lnTo>
                  <a:pt x="1372" y="853"/>
                </a:lnTo>
                <a:lnTo>
                  <a:pt x="1369" y="854"/>
                </a:lnTo>
                <a:lnTo>
                  <a:pt x="1362" y="855"/>
                </a:lnTo>
                <a:lnTo>
                  <a:pt x="1338" y="857"/>
                </a:lnTo>
                <a:lnTo>
                  <a:pt x="1282" y="861"/>
                </a:lnTo>
                <a:lnTo>
                  <a:pt x="1535" y="1595"/>
                </a:lnTo>
                <a:lnTo>
                  <a:pt x="1605" y="1367"/>
                </a:lnTo>
                <a:lnTo>
                  <a:pt x="1627" y="1301"/>
                </a:lnTo>
                <a:lnTo>
                  <a:pt x="1636" y="1272"/>
                </a:lnTo>
                <a:lnTo>
                  <a:pt x="1644" y="1244"/>
                </a:lnTo>
                <a:lnTo>
                  <a:pt x="1650" y="1218"/>
                </a:lnTo>
                <a:lnTo>
                  <a:pt x="1655" y="1193"/>
                </a:lnTo>
                <a:lnTo>
                  <a:pt x="1658" y="1170"/>
                </a:lnTo>
                <a:lnTo>
                  <a:pt x="1658" y="1158"/>
                </a:lnTo>
                <a:lnTo>
                  <a:pt x="1660" y="1147"/>
                </a:lnTo>
                <a:close/>
                <a:moveTo>
                  <a:pt x="483" y="1181"/>
                </a:moveTo>
                <a:lnTo>
                  <a:pt x="483" y="1206"/>
                </a:lnTo>
                <a:lnTo>
                  <a:pt x="485" y="1231"/>
                </a:lnTo>
                <a:lnTo>
                  <a:pt x="487" y="1256"/>
                </a:lnTo>
                <a:lnTo>
                  <a:pt x="490" y="1281"/>
                </a:lnTo>
                <a:lnTo>
                  <a:pt x="494" y="1305"/>
                </a:lnTo>
                <a:lnTo>
                  <a:pt x="500" y="1329"/>
                </a:lnTo>
                <a:lnTo>
                  <a:pt x="505" y="1352"/>
                </a:lnTo>
                <a:lnTo>
                  <a:pt x="512" y="1376"/>
                </a:lnTo>
                <a:lnTo>
                  <a:pt x="519" y="1399"/>
                </a:lnTo>
                <a:lnTo>
                  <a:pt x="528" y="1421"/>
                </a:lnTo>
                <a:lnTo>
                  <a:pt x="536" y="1444"/>
                </a:lnTo>
                <a:lnTo>
                  <a:pt x="547" y="1465"/>
                </a:lnTo>
                <a:lnTo>
                  <a:pt x="557" y="1486"/>
                </a:lnTo>
                <a:lnTo>
                  <a:pt x="569" y="1507"/>
                </a:lnTo>
                <a:lnTo>
                  <a:pt x="580" y="1528"/>
                </a:lnTo>
                <a:lnTo>
                  <a:pt x="593" y="1548"/>
                </a:lnTo>
                <a:lnTo>
                  <a:pt x="606" y="1567"/>
                </a:lnTo>
                <a:lnTo>
                  <a:pt x="621" y="1586"/>
                </a:lnTo>
                <a:lnTo>
                  <a:pt x="635" y="1605"/>
                </a:lnTo>
                <a:lnTo>
                  <a:pt x="650" y="1624"/>
                </a:lnTo>
                <a:lnTo>
                  <a:pt x="667" y="1640"/>
                </a:lnTo>
                <a:lnTo>
                  <a:pt x="683" y="1658"/>
                </a:lnTo>
                <a:lnTo>
                  <a:pt x="692" y="1666"/>
                </a:lnTo>
                <a:lnTo>
                  <a:pt x="700" y="1675"/>
                </a:lnTo>
                <a:lnTo>
                  <a:pt x="718" y="1690"/>
                </a:lnTo>
                <a:lnTo>
                  <a:pt x="736" y="1706"/>
                </a:lnTo>
                <a:lnTo>
                  <a:pt x="756" y="1721"/>
                </a:lnTo>
                <a:lnTo>
                  <a:pt x="774" y="1734"/>
                </a:lnTo>
                <a:lnTo>
                  <a:pt x="794" y="1748"/>
                </a:lnTo>
                <a:lnTo>
                  <a:pt x="815" y="1760"/>
                </a:lnTo>
                <a:lnTo>
                  <a:pt x="836" y="1773"/>
                </a:lnTo>
                <a:lnTo>
                  <a:pt x="857" y="1784"/>
                </a:lnTo>
                <a:lnTo>
                  <a:pt x="879" y="1794"/>
                </a:lnTo>
                <a:lnTo>
                  <a:pt x="711" y="1349"/>
                </a:lnTo>
                <a:lnTo>
                  <a:pt x="543" y="904"/>
                </a:lnTo>
                <a:lnTo>
                  <a:pt x="536" y="920"/>
                </a:lnTo>
                <a:lnTo>
                  <a:pt x="530" y="936"/>
                </a:lnTo>
                <a:lnTo>
                  <a:pt x="524" y="953"/>
                </a:lnTo>
                <a:lnTo>
                  <a:pt x="517" y="970"/>
                </a:lnTo>
                <a:lnTo>
                  <a:pt x="512" y="986"/>
                </a:lnTo>
                <a:lnTo>
                  <a:pt x="507" y="1003"/>
                </a:lnTo>
                <a:lnTo>
                  <a:pt x="498" y="1037"/>
                </a:lnTo>
                <a:lnTo>
                  <a:pt x="495" y="1055"/>
                </a:lnTo>
                <a:lnTo>
                  <a:pt x="492" y="1073"/>
                </a:lnTo>
                <a:lnTo>
                  <a:pt x="489" y="1090"/>
                </a:lnTo>
                <a:lnTo>
                  <a:pt x="487" y="1108"/>
                </a:lnTo>
                <a:lnTo>
                  <a:pt x="484" y="1145"/>
                </a:lnTo>
                <a:lnTo>
                  <a:pt x="483" y="1163"/>
                </a:lnTo>
                <a:lnTo>
                  <a:pt x="483" y="1181"/>
                </a:lnTo>
                <a:close/>
                <a:moveTo>
                  <a:pt x="0" y="0"/>
                </a:moveTo>
                <a:lnTo>
                  <a:pt x="593" y="0"/>
                </a:lnTo>
                <a:lnTo>
                  <a:pt x="1185" y="0"/>
                </a:lnTo>
                <a:lnTo>
                  <a:pt x="1778" y="0"/>
                </a:lnTo>
                <a:lnTo>
                  <a:pt x="2370" y="0"/>
                </a:lnTo>
                <a:lnTo>
                  <a:pt x="2370" y="591"/>
                </a:lnTo>
                <a:lnTo>
                  <a:pt x="2370" y="1181"/>
                </a:lnTo>
                <a:lnTo>
                  <a:pt x="2370" y="1772"/>
                </a:lnTo>
                <a:lnTo>
                  <a:pt x="2370" y="2362"/>
                </a:lnTo>
                <a:lnTo>
                  <a:pt x="1778" y="2362"/>
                </a:lnTo>
                <a:lnTo>
                  <a:pt x="1185" y="2362"/>
                </a:lnTo>
                <a:lnTo>
                  <a:pt x="593" y="2362"/>
                </a:lnTo>
                <a:lnTo>
                  <a:pt x="0" y="2362"/>
                </a:lnTo>
                <a:lnTo>
                  <a:pt x="0" y="1772"/>
                </a:lnTo>
                <a:lnTo>
                  <a:pt x="0" y="1181"/>
                </a:lnTo>
                <a:lnTo>
                  <a:pt x="0" y="59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14" name="Freeform 11"/>
          <p:cNvSpPr>
            <a:spLocks noEditPoints="1"/>
          </p:cNvSpPr>
          <p:nvPr/>
        </p:nvSpPr>
        <p:spPr bwMode="auto">
          <a:xfrm>
            <a:off x="3615267" y="677863"/>
            <a:ext cx="402167" cy="303212"/>
          </a:xfrm>
          <a:custGeom>
            <a:avLst/>
            <a:gdLst>
              <a:gd name="T0" fmla="*/ 140512 w 2284"/>
              <a:gd name="T1" fmla="*/ 236818 h 2288"/>
              <a:gd name="T2" fmla="*/ 125193 w 2284"/>
              <a:gd name="T3" fmla="*/ 228337 h 2288"/>
              <a:gd name="T4" fmla="*/ 112779 w 2284"/>
              <a:gd name="T5" fmla="*/ 221445 h 2288"/>
              <a:gd name="T6" fmla="*/ 101026 w 2284"/>
              <a:gd name="T7" fmla="*/ 220518 h 2288"/>
              <a:gd name="T8" fmla="*/ 89273 w 2284"/>
              <a:gd name="T9" fmla="*/ 222108 h 2288"/>
              <a:gd name="T10" fmla="*/ 86631 w 2284"/>
              <a:gd name="T11" fmla="*/ 220253 h 2288"/>
              <a:gd name="T12" fmla="*/ 83198 w 2284"/>
              <a:gd name="T13" fmla="*/ 210181 h 2288"/>
              <a:gd name="T14" fmla="*/ 68143 w 2284"/>
              <a:gd name="T15" fmla="*/ 206735 h 2288"/>
              <a:gd name="T16" fmla="*/ 59823 w 2284"/>
              <a:gd name="T17" fmla="*/ 201567 h 2288"/>
              <a:gd name="T18" fmla="*/ 59955 w 2284"/>
              <a:gd name="T19" fmla="*/ 198387 h 2288"/>
              <a:gd name="T20" fmla="*/ 70124 w 2284"/>
              <a:gd name="T21" fmla="*/ 195339 h 2288"/>
              <a:gd name="T22" fmla="*/ 83066 w 2284"/>
              <a:gd name="T23" fmla="*/ 187255 h 2288"/>
              <a:gd name="T24" fmla="*/ 94159 w 2284"/>
              <a:gd name="T25" fmla="*/ 174930 h 2288"/>
              <a:gd name="T26" fmla="*/ 100894 w 2284"/>
              <a:gd name="T27" fmla="*/ 161678 h 2288"/>
              <a:gd name="T28" fmla="*/ 100234 w 2284"/>
              <a:gd name="T29" fmla="*/ 155847 h 2288"/>
              <a:gd name="T30" fmla="*/ 95611 w 2284"/>
              <a:gd name="T31" fmla="*/ 151739 h 2288"/>
              <a:gd name="T32" fmla="*/ 82670 w 2284"/>
              <a:gd name="T33" fmla="*/ 146570 h 2288"/>
              <a:gd name="T34" fmla="*/ 78444 w 2284"/>
              <a:gd name="T35" fmla="*/ 142329 h 2288"/>
              <a:gd name="T36" fmla="*/ 79500 w 2284"/>
              <a:gd name="T37" fmla="*/ 138089 h 2288"/>
              <a:gd name="T38" fmla="*/ 86631 w 2284"/>
              <a:gd name="T39" fmla="*/ 135836 h 2288"/>
              <a:gd name="T40" fmla="*/ 94819 w 2284"/>
              <a:gd name="T41" fmla="*/ 138486 h 2288"/>
              <a:gd name="T42" fmla="*/ 102214 w 2284"/>
              <a:gd name="T43" fmla="*/ 137161 h 2288"/>
              <a:gd name="T44" fmla="*/ 101686 w 2284"/>
              <a:gd name="T45" fmla="*/ 108801 h 2288"/>
              <a:gd name="T46" fmla="*/ 104195 w 2284"/>
              <a:gd name="T47" fmla="*/ 94886 h 2288"/>
              <a:gd name="T48" fmla="*/ 113836 w 2284"/>
              <a:gd name="T49" fmla="*/ 79779 h 2288"/>
              <a:gd name="T50" fmla="*/ 125193 w 2284"/>
              <a:gd name="T51" fmla="*/ 71297 h 2288"/>
              <a:gd name="T52" fmla="*/ 140512 w 2284"/>
              <a:gd name="T53" fmla="*/ 65996 h 2288"/>
              <a:gd name="T54" fmla="*/ 154246 w 2284"/>
              <a:gd name="T55" fmla="*/ 65201 h 2288"/>
              <a:gd name="T56" fmla="*/ 171546 w 2284"/>
              <a:gd name="T57" fmla="*/ 69044 h 2288"/>
              <a:gd name="T58" fmla="*/ 184620 w 2284"/>
              <a:gd name="T59" fmla="*/ 76863 h 2288"/>
              <a:gd name="T60" fmla="*/ 195977 w 2284"/>
              <a:gd name="T61" fmla="*/ 91573 h 2288"/>
              <a:gd name="T62" fmla="*/ 199939 w 2284"/>
              <a:gd name="T63" fmla="*/ 108801 h 2288"/>
              <a:gd name="T64" fmla="*/ 199014 w 2284"/>
              <a:gd name="T65" fmla="*/ 136763 h 2288"/>
              <a:gd name="T66" fmla="*/ 204165 w 2284"/>
              <a:gd name="T67" fmla="*/ 138619 h 2288"/>
              <a:gd name="T68" fmla="*/ 213673 w 2284"/>
              <a:gd name="T69" fmla="*/ 135836 h 2288"/>
              <a:gd name="T70" fmla="*/ 220804 w 2284"/>
              <a:gd name="T71" fmla="*/ 137029 h 2288"/>
              <a:gd name="T72" fmla="*/ 223445 w 2284"/>
              <a:gd name="T73" fmla="*/ 141004 h 2288"/>
              <a:gd name="T74" fmla="*/ 220804 w 2284"/>
              <a:gd name="T75" fmla="*/ 145377 h 2288"/>
              <a:gd name="T76" fmla="*/ 206014 w 2284"/>
              <a:gd name="T77" fmla="*/ 151739 h 2288"/>
              <a:gd name="T78" fmla="*/ 200731 w 2284"/>
              <a:gd name="T79" fmla="*/ 157437 h 2288"/>
              <a:gd name="T80" fmla="*/ 202712 w 2284"/>
              <a:gd name="T81" fmla="*/ 166714 h 2288"/>
              <a:gd name="T82" fmla="*/ 212749 w 2284"/>
              <a:gd name="T83" fmla="*/ 181821 h 2288"/>
              <a:gd name="T84" fmla="*/ 225426 w 2284"/>
              <a:gd name="T85" fmla="*/ 192290 h 2288"/>
              <a:gd name="T86" fmla="*/ 237180 w 2284"/>
              <a:gd name="T87" fmla="*/ 197194 h 2288"/>
              <a:gd name="T88" fmla="*/ 242330 w 2284"/>
              <a:gd name="T89" fmla="*/ 199182 h 2288"/>
              <a:gd name="T90" fmla="*/ 239689 w 2284"/>
              <a:gd name="T91" fmla="*/ 203687 h 2288"/>
              <a:gd name="T92" fmla="*/ 229520 w 2284"/>
              <a:gd name="T93" fmla="*/ 207796 h 2288"/>
              <a:gd name="T94" fmla="*/ 218031 w 2284"/>
              <a:gd name="T95" fmla="*/ 210446 h 2288"/>
              <a:gd name="T96" fmla="*/ 214862 w 2284"/>
              <a:gd name="T97" fmla="*/ 220650 h 2288"/>
              <a:gd name="T98" fmla="*/ 212352 w 2284"/>
              <a:gd name="T99" fmla="*/ 221976 h 2288"/>
              <a:gd name="T100" fmla="*/ 201127 w 2284"/>
              <a:gd name="T101" fmla="*/ 220518 h 2288"/>
              <a:gd name="T102" fmla="*/ 188846 w 2284"/>
              <a:gd name="T103" fmla="*/ 221445 h 2288"/>
              <a:gd name="T104" fmla="*/ 173923 w 2284"/>
              <a:gd name="T105" fmla="*/ 230059 h 2288"/>
              <a:gd name="T106" fmla="*/ 161113 w 2284"/>
              <a:gd name="T107" fmla="*/ 236818 h 2288"/>
              <a:gd name="T108" fmla="*/ 150813 w 2284"/>
              <a:gd name="T109" fmla="*/ 0 h 2288"/>
              <a:gd name="T110" fmla="*/ 150813 w 2284"/>
              <a:gd name="T111" fmla="*/ 303212 h 2288"/>
              <a:gd name="T112" fmla="*/ 0 60000 65536"/>
              <a:gd name="T113" fmla="*/ 0 60000 65536"/>
              <a:gd name="T114" fmla="*/ 0 60000 65536"/>
              <a:gd name="T115" fmla="*/ 0 60000 65536"/>
              <a:gd name="T116" fmla="*/ 0 60000 65536"/>
              <a:gd name="T117" fmla="*/ 0 60000 65536"/>
              <a:gd name="T118" fmla="*/ 0 60000 65536"/>
              <a:gd name="T119" fmla="*/ 0 60000 65536"/>
              <a:gd name="T120" fmla="*/ 0 60000 65536"/>
              <a:gd name="T121" fmla="*/ 0 60000 65536"/>
              <a:gd name="T122" fmla="*/ 0 60000 65536"/>
              <a:gd name="T123" fmla="*/ 0 60000 65536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</a:gdLst>
            <a:ahLst/>
            <a:cxnLst>
              <a:cxn ang="T112">
                <a:pos x="T0" y="T1"/>
              </a:cxn>
              <a:cxn ang="T113">
                <a:pos x="T2" y="T3"/>
              </a:cxn>
              <a:cxn ang="T114">
                <a:pos x="T4" y="T5"/>
              </a:cxn>
              <a:cxn ang="T115">
                <a:pos x="T6" y="T7"/>
              </a:cxn>
              <a:cxn ang="T116">
                <a:pos x="T8" y="T9"/>
              </a:cxn>
              <a:cxn ang="T117">
                <a:pos x="T10" y="T11"/>
              </a:cxn>
              <a:cxn ang="T118">
                <a:pos x="T12" y="T13"/>
              </a:cxn>
              <a:cxn ang="T119">
                <a:pos x="T14" y="T15"/>
              </a:cxn>
              <a:cxn ang="T120">
                <a:pos x="T16" y="T17"/>
              </a:cxn>
              <a:cxn ang="T121">
                <a:pos x="T18" y="T19"/>
              </a:cxn>
              <a:cxn ang="T122">
                <a:pos x="T20" y="T21"/>
              </a:cxn>
              <a:cxn ang="T123">
                <a:pos x="T22" y="T23"/>
              </a:cxn>
              <a:cxn ang="T124">
                <a:pos x="T24" y="T25"/>
              </a:cxn>
              <a:cxn ang="T125">
                <a:pos x="T26" y="T27"/>
              </a:cxn>
              <a:cxn ang="T126">
                <a:pos x="T28" y="T29"/>
              </a:cxn>
              <a:cxn ang="T127">
                <a:pos x="T30" y="T31"/>
              </a:cxn>
              <a:cxn ang="T128">
                <a:pos x="T32" y="T33"/>
              </a:cxn>
              <a:cxn ang="T129">
                <a:pos x="T34" y="T35"/>
              </a:cxn>
              <a:cxn ang="T130">
                <a:pos x="T36" y="T37"/>
              </a:cxn>
              <a:cxn ang="T131">
                <a:pos x="T38" y="T39"/>
              </a:cxn>
              <a:cxn ang="T132">
                <a:pos x="T40" y="T41"/>
              </a:cxn>
              <a:cxn ang="T133">
                <a:pos x="T42" y="T43"/>
              </a:cxn>
              <a:cxn ang="T134">
                <a:pos x="T44" y="T45"/>
              </a:cxn>
              <a:cxn ang="T135">
                <a:pos x="T46" y="T47"/>
              </a:cxn>
              <a:cxn ang="T136">
                <a:pos x="T48" y="T49"/>
              </a:cxn>
              <a:cxn ang="T137">
                <a:pos x="T50" y="T51"/>
              </a:cxn>
              <a:cxn ang="T138">
                <a:pos x="T52" y="T53"/>
              </a:cxn>
              <a:cxn ang="T139">
                <a:pos x="T54" y="T55"/>
              </a:cxn>
              <a:cxn ang="T140">
                <a:pos x="T56" y="T57"/>
              </a:cxn>
              <a:cxn ang="T141">
                <a:pos x="T58" y="T59"/>
              </a:cxn>
              <a:cxn ang="T142">
                <a:pos x="T60" y="T61"/>
              </a:cxn>
              <a:cxn ang="T143">
                <a:pos x="T62" y="T63"/>
              </a:cxn>
              <a:cxn ang="T144">
                <a:pos x="T64" y="T65"/>
              </a:cxn>
              <a:cxn ang="T145">
                <a:pos x="T66" y="T67"/>
              </a:cxn>
              <a:cxn ang="T146">
                <a:pos x="T68" y="T69"/>
              </a:cxn>
              <a:cxn ang="T147">
                <a:pos x="T70" y="T71"/>
              </a:cxn>
              <a:cxn ang="T148">
                <a:pos x="T72" y="T73"/>
              </a:cxn>
              <a:cxn ang="T149">
                <a:pos x="T74" y="T75"/>
              </a:cxn>
              <a:cxn ang="T150">
                <a:pos x="T76" y="T77"/>
              </a:cxn>
              <a:cxn ang="T151">
                <a:pos x="T78" y="T79"/>
              </a:cxn>
              <a:cxn ang="T152">
                <a:pos x="T80" y="T81"/>
              </a:cxn>
              <a:cxn ang="T153">
                <a:pos x="T82" y="T83"/>
              </a:cxn>
              <a:cxn ang="T154">
                <a:pos x="T84" y="T85"/>
              </a:cxn>
              <a:cxn ang="T155">
                <a:pos x="T86" y="T87"/>
              </a:cxn>
              <a:cxn ang="T156">
                <a:pos x="T88" y="T89"/>
              </a:cxn>
              <a:cxn ang="T157">
                <a:pos x="T90" y="T91"/>
              </a:cxn>
              <a:cxn ang="T158">
                <a:pos x="T92" y="T93"/>
              </a:cxn>
              <a:cxn ang="T159">
                <a:pos x="T94" y="T95"/>
              </a:cxn>
              <a:cxn ang="T160">
                <a:pos x="T96" y="T97"/>
              </a:cxn>
              <a:cxn ang="T161">
                <a:pos x="T98" y="T99"/>
              </a:cxn>
              <a:cxn ang="T162">
                <a:pos x="T100" y="T101"/>
              </a:cxn>
              <a:cxn ang="T163">
                <a:pos x="T102" y="T103"/>
              </a:cxn>
              <a:cxn ang="T164">
                <a:pos x="T104" y="T105"/>
              </a:cxn>
              <a:cxn ang="T165">
                <a:pos x="T106" y="T107"/>
              </a:cxn>
              <a:cxn ang="T166">
                <a:pos x="T108" y="T109"/>
              </a:cxn>
              <a:cxn ang="T167">
                <a:pos x="T110" y="T111"/>
              </a:cxn>
            </a:cxnLst>
            <a:rect l="0" t="0" r="r" b="b"/>
            <a:pathLst>
              <a:path w="2284" h="2288">
                <a:moveTo>
                  <a:pt x="1151" y="1796"/>
                </a:moveTo>
                <a:lnTo>
                  <a:pt x="1140" y="1796"/>
                </a:lnTo>
                <a:lnTo>
                  <a:pt x="1133" y="1796"/>
                </a:lnTo>
                <a:lnTo>
                  <a:pt x="1118" y="1796"/>
                </a:lnTo>
                <a:lnTo>
                  <a:pt x="1104" y="1795"/>
                </a:lnTo>
                <a:lnTo>
                  <a:pt x="1090" y="1793"/>
                </a:lnTo>
                <a:lnTo>
                  <a:pt x="1077" y="1790"/>
                </a:lnTo>
                <a:lnTo>
                  <a:pt x="1064" y="1787"/>
                </a:lnTo>
                <a:lnTo>
                  <a:pt x="1051" y="1783"/>
                </a:lnTo>
                <a:lnTo>
                  <a:pt x="1040" y="1778"/>
                </a:lnTo>
                <a:lnTo>
                  <a:pt x="1028" y="1773"/>
                </a:lnTo>
                <a:lnTo>
                  <a:pt x="1017" y="1767"/>
                </a:lnTo>
                <a:lnTo>
                  <a:pt x="1007" y="1761"/>
                </a:lnTo>
                <a:lnTo>
                  <a:pt x="986" y="1749"/>
                </a:lnTo>
                <a:lnTo>
                  <a:pt x="967" y="1736"/>
                </a:lnTo>
                <a:lnTo>
                  <a:pt x="948" y="1723"/>
                </a:lnTo>
                <a:lnTo>
                  <a:pt x="921" y="1705"/>
                </a:lnTo>
                <a:lnTo>
                  <a:pt x="914" y="1700"/>
                </a:lnTo>
                <a:lnTo>
                  <a:pt x="908" y="1696"/>
                </a:lnTo>
                <a:lnTo>
                  <a:pt x="895" y="1688"/>
                </a:lnTo>
                <a:lnTo>
                  <a:pt x="888" y="1685"/>
                </a:lnTo>
                <a:lnTo>
                  <a:pt x="882" y="1682"/>
                </a:lnTo>
                <a:lnTo>
                  <a:pt x="868" y="1676"/>
                </a:lnTo>
                <a:lnTo>
                  <a:pt x="854" y="1671"/>
                </a:lnTo>
                <a:lnTo>
                  <a:pt x="847" y="1669"/>
                </a:lnTo>
                <a:lnTo>
                  <a:pt x="840" y="1668"/>
                </a:lnTo>
                <a:lnTo>
                  <a:pt x="826" y="1666"/>
                </a:lnTo>
                <a:lnTo>
                  <a:pt x="812" y="1665"/>
                </a:lnTo>
                <a:lnTo>
                  <a:pt x="798" y="1664"/>
                </a:lnTo>
                <a:lnTo>
                  <a:pt x="783" y="1663"/>
                </a:lnTo>
                <a:lnTo>
                  <a:pt x="771" y="1664"/>
                </a:lnTo>
                <a:lnTo>
                  <a:pt x="765" y="1664"/>
                </a:lnTo>
                <a:lnTo>
                  <a:pt x="760" y="1664"/>
                </a:lnTo>
                <a:lnTo>
                  <a:pt x="749" y="1665"/>
                </a:lnTo>
                <a:lnTo>
                  <a:pt x="739" y="1666"/>
                </a:lnTo>
                <a:lnTo>
                  <a:pt x="721" y="1669"/>
                </a:lnTo>
                <a:lnTo>
                  <a:pt x="705" y="1672"/>
                </a:lnTo>
                <a:lnTo>
                  <a:pt x="689" y="1675"/>
                </a:lnTo>
                <a:lnTo>
                  <a:pt x="682" y="1676"/>
                </a:lnTo>
                <a:lnTo>
                  <a:pt x="676" y="1676"/>
                </a:lnTo>
                <a:lnTo>
                  <a:pt x="673" y="1676"/>
                </a:lnTo>
                <a:lnTo>
                  <a:pt x="670" y="1676"/>
                </a:lnTo>
                <a:lnTo>
                  <a:pt x="667" y="1675"/>
                </a:lnTo>
                <a:lnTo>
                  <a:pt x="665" y="1674"/>
                </a:lnTo>
                <a:lnTo>
                  <a:pt x="662" y="1672"/>
                </a:lnTo>
                <a:lnTo>
                  <a:pt x="660" y="1670"/>
                </a:lnTo>
                <a:lnTo>
                  <a:pt x="658" y="1666"/>
                </a:lnTo>
                <a:lnTo>
                  <a:pt x="656" y="1662"/>
                </a:lnTo>
                <a:lnTo>
                  <a:pt x="652" y="1645"/>
                </a:lnTo>
                <a:lnTo>
                  <a:pt x="648" y="1629"/>
                </a:lnTo>
                <a:lnTo>
                  <a:pt x="644" y="1611"/>
                </a:lnTo>
                <a:lnTo>
                  <a:pt x="642" y="1604"/>
                </a:lnTo>
                <a:lnTo>
                  <a:pt x="639" y="1597"/>
                </a:lnTo>
                <a:lnTo>
                  <a:pt x="636" y="1592"/>
                </a:lnTo>
                <a:lnTo>
                  <a:pt x="633" y="1588"/>
                </a:lnTo>
                <a:lnTo>
                  <a:pt x="630" y="1586"/>
                </a:lnTo>
                <a:lnTo>
                  <a:pt x="628" y="1585"/>
                </a:lnTo>
                <a:lnTo>
                  <a:pt x="626" y="1585"/>
                </a:lnTo>
                <a:lnTo>
                  <a:pt x="603" y="1581"/>
                </a:lnTo>
                <a:lnTo>
                  <a:pt x="582" y="1577"/>
                </a:lnTo>
                <a:lnTo>
                  <a:pt x="563" y="1573"/>
                </a:lnTo>
                <a:lnTo>
                  <a:pt x="546" y="1568"/>
                </a:lnTo>
                <a:lnTo>
                  <a:pt x="530" y="1564"/>
                </a:lnTo>
                <a:lnTo>
                  <a:pt x="516" y="1560"/>
                </a:lnTo>
                <a:lnTo>
                  <a:pt x="504" y="1555"/>
                </a:lnTo>
                <a:lnTo>
                  <a:pt x="493" y="1551"/>
                </a:lnTo>
                <a:lnTo>
                  <a:pt x="483" y="1547"/>
                </a:lnTo>
                <a:lnTo>
                  <a:pt x="475" y="1541"/>
                </a:lnTo>
                <a:lnTo>
                  <a:pt x="463" y="1533"/>
                </a:lnTo>
                <a:lnTo>
                  <a:pt x="459" y="1529"/>
                </a:lnTo>
                <a:lnTo>
                  <a:pt x="455" y="1525"/>
                </a:lnTo>
                <a:lnTo>
                  <a:pt x="453" y="1521"/>
                </a:lnTo>
                <a:lnTo>
                  <a:pt x="451" y="1517"/>
                </a:lnTo>
                <a:lnTo>
                  <a:pt x="449" y="1513"/>
                </a:lnTo>
                <a:lnTo>
                  <a:pt x="449" y="1509"/>
                </a:lnTo>
                <a:lnTo>
                  <a:pt x="449" y="1506"/>
                </a:lnTo>
                <a:lnTo>
                  <a:pt x="449" y="1503"/>
                </a:lnTo>
                <a:lnTo>
                  <a:pt x="450" y="1501"/>
                </a:lnTo>
                <a:lnTo>
                  <a:pt x="452" y="1499"/>
                </a:lnTo>
                <a:lnTo>
                  <a:pt x="454" y="1497"/>
                </a:lnTo>
                <a:lnTo>
                  <a:pt x="456" y="1495"/>
                </a:lnTo>
                <a:lnTo>
                  <a:pt x="458" y="1494"/>
                </a:lnTo>
                <a:lnTo>
                  <a:pt x="461" y="1494"/>
                </a:lnTo>
                <a:lnTo>
                  <a:pt x="479" y="1490"/>
                </a:lnTo>
                <a:lnTo>
                  <a:pt x="488" y="1488"/>
                </a:lnTo>
                <a:lnTo>
                  <a:pt x="497" y="1485"/>
                </a:lnTo>
                <a:lnTo>
                  <a:pt x="515" y="1480"/>
                </a:lnTo>
                <a:lnTo>
                  <a:pt x="531" y="1474"/>
                </a:lnTo>
                <a:lnTo>
                  <a:pt x="547" y="1467"/>
                </a:lnTo>
                <a:lnTo>
                  <a:pt x="562" y="1460"/>
                </a:lnTo>
                <a:lnTo>
                  <a:pt x="570" y="1456"/>
                </a:lnTo>
                <a:lnTo>
                  <a:pt x="577" y="1451"/>
                </a:lnTo>
                <a:lnTo>
                  <a:pt x="591" y="1443"/>
                </a:lnTo>
                <a:lnTo>
                  <a:pt x="604" y="1434"/>
                </a:lnTo>
                <a:lnTo>
                  <a:pt x="617" y="1423"/>
                </a:lnTo>
                <a:lnTo>
                  <a:pt x="629" y="1413"/>
                </a:lnTo>
                <a:lnTo>
                  <a:pt x="642" y="1403"/>
                </a:lnTo>
                <a:lnTo>
                  <a:pt x="652" y="1393"/>
                </a:lnTo>
                <a:lnTo>
                  <a:pt x="663" y="1382"/>
                </a:lnTo>
                <a:lnTo>
                  <a:pt x="673" y="1372"/>
                </a:lnTo>
                <a:lnTo>
                  <a:pt x="682" y="1361"/>
                </a:lnTo>
                <a:lnTo>
                  <a:pt x="699" y="1340"/>
                </a:lnTo>
                <a:lnTo>
                  <a:pt x="706" y="1330"/>
                </a:lnTo>
                <a:lnTo>
                  <a:pt x="713" y="1320"/>
                </a:lnTo>
                <a:lnTo>
                  <a:pt x="725" y="1301"/>
                </a:lnTo>
                <a:lnTo>
                  <a:pt x="735" y="1284"/>
                </a:lnTo>
                <a:lnTo>
                  <a:pt x="743" y="1270"/>
                </a:lnTo>
                <a:lnTo>
                  <a:pt x="749" y="1259"/>
                </a:lnTo>
                <a:lnTo>
                  <a:pt x="755" y="1247"/>
                </a:lnTo>
                <a:lnTo>
                  <a:pt x="759" y="1238"/>
                </a:lnTo>
                <a:lnTo>
                  <a:pt x="762" y="1229"/>
                </a:lnTo>
                <a:lnTo>
                  <a:pt x="764" y="1220"/>
                </a:lnTo>
                <a:lnTo>
                  <a:pt x="766" y="1212"/>
                </a:lnTo>
                <a:lnTo>
                  <a:pt x="766" y="1204"/>
                </a:lnTo>
                <a:lnTo>
                  <a:pt x="766" y="1195"/>
                </a:lnTo>
                <a:lnTo>
                  <a:pt x="765" y="1192"/>
                </a:lnTo>
                <a:lnTo>
                  <a:pt x="764" y="1188"/>
                </a:lnTo>
                <a:lnTo>
                  <a:pt x="762" y="1182"/>
                </a:lnTo>
                <a:lnTo>
                  <a:pt x="761" y="1179"/>
                </a:lnTo>
                <a:lnTo>
                  <a:pt x="759" y="1176"/>
                </a:lnTo>
                <a:lnTo>
                  <a:pt x="756" y="1170"/>
                </a:lnTo>
                <a:lnTo>
                  <a:pt x="751" y="1165"/>
                </a:lnTo>
                <a:lnTo>
                  <a:pt x="747" y="1161"/>
                </a:lnTo>
                <a:lnTo>
                  <a:pt x="744" y="1158"/>
                </a:lnTo>
                <a:lnTo>
                  <a:pt x="742" y="1156"/>
                </a:lnTo>
                <a:lnTo>
                  <a:pt x="736" y="1152"/>
                </a:lnTo>
                <a:lnTo>
                  <a:pt x="730" y="1149"/>
                </a:lnTo>
                <a:lnTo>
                  <a:pt x="724" y="1145"/>
                </a:lnTo>
                <a:lnTo>
                  <a:pt x="711" y="1139"/>
                </a:lnTo>
                <a:lnTo>
                  <a:pt x="699" y="1134"/>
                </a:lnTo>
                <a:lnTo>
                  <a:pt x="686" y="1130"/>
                </a:lnTo>
                <a:lnTo>
                  <a:pt x="674" y="1126"/>
                </a:lnTo>
                <a:lnTo>
                  <a:pt x="655" y="1119"/>
                </a:lnTo>
                <a:lnTo>
                  <a:pt x="645" y="1115"/>
                </a:lnTo>
                <a:lnTo>
                  <a:pt x="634" y="1111"/>
                </a:lnTo>
                <a:lnTo>
                  <a:pt x="626" y="1106"/>
                </a:lnTo>
                <a:lnTo>
                  <a:pt x="619" y="1102"/>
                </a:lnTo>
                <a:lnTo>
                  <a:pt x="613" y="1098"/>
                </a:lnTo>
                <a:lnTo>
                  <a:pt x="608" y="1094"/>
                </a:lnTo>
                <a:lnTo>
                  <a:pt x="604" y="1090"/>
                </a:lnTo>
                <a:lnTo>
                  <a:pt x="600" y="1086"/>
                </a:lnTo>
                <a:lnTo>
                  <a:pt x="598" y="1081"/>
                </a:lnTo>
                <a:lnTo>
                  <a:pt x="595" y="1077"/>
                </a:lnTo>
                <a:lnTo>
                  <a:pt x="594" y="1074"/>
                </a:lnTo>
                <a:lnTo>
                  <a:pt x="593" y="1070"/>
                </a:lnTo>
                <a:lnTo>
                  <a:pt x="592" y="1064"/>
                </a:lnTo>
                <a:lnTo>
                  <a:pt x="593" y="1059"/>
                </a:lnTo>
                <a:lnTo>
                  <a:pt x="594" y="1055"/>
                </a:lnTo>
                <a:lnTo>
                  <a:pt x="595" y="1052"/>
                </a:lnTo>
                <a:lnTo>
                  <a:pt x="597" y="1048"/>
                </a:lnTo>
                <a:lnTo>
                  <a:pt x="600" y="1045"/>
                </a:lnTo>
                <a:lnTo>
                  <a:pt x="602" y="1042"/>
                </a:lnTo>
                <a:lnTo>
                  <a:pt x="605" y="1039"/>
                </a:lnTo>
                <a:lnTo>
                  <a:pt x="609" y="1036"/>
                </a:lnTo>
                <a:lnTo>
                  <a:pt x="613" y="1034"/>
                </a:lnTo>
                <a:lnTo>
                  <a:pt x="621" y="1030"/>
                </a:lnTo>
                <a:lnTo>
                  <a:pt x="629" y="1027"/>
                </a:lnTo>
                <a:lnTo>
                  <a:pt x="638" y="1025"/>
                </a:lnTo>
                <a:lnTo>
                  <a:pt x="648" y="1024"/>
                </a:lnTo>
                <a:lnTo>
                  <a:pt x="656" y="1025"/>
                </a:lnTo>
                <a:lnTo>
                  <a:pt x="660" y="1026"/>
                </a:lnTo>
                <a:lnTo>
                  <a:pt x="662" y="1026"/>
                </a:lnTo>
                <a:lnTo>
                  <a:pt x="664" y="1027"/>
                </a:lnTo>
                <a:lnTo>
                  <a:pt x="683" y="1035"/>
                </a:lnTo>
                <a:lnTo>
                  <a:pt x="692" y="1039"/>
                </a:lnTo>
                <a:lnTo>
                  <a:pt x="701" y="1041"/>
                </a:lnTo>
                <a:lnTo>
                  <a:pt x="710" y="1043"/>
                </a:lnTo>
                <a:lnTo>
                  <a:pt x="718" y="1045"/>
                </a:lnTo>
                <a:lnTo>
                  <a:pt x="727" y="1046"/>
                </a:lnTo>
                <a:lnTo>
                  <a:pt x="735" y="1046"/>
                </a:lnTo>
                <a:lnTo>
                  <a:pt x="744" y="1045"/>
                </a:lnTo>
                <a:lnTo>
                  <a:pt x="753" y="1044"/>
                </a:lnTo>
                <a:lnTo>
                  <a:pt x="760" y="1042"/>
                </a:lnTo>
                <a:lnTo>
                  <a:pt x="766" y="1040"/>
                </a:lnTo>
                <a:lnTo>
                  <a:pt x="770" y="1037"/>
                </a:lnTo>
                <a:lnTo>
                  <a:pt x="774" y="1035"/>
                </a:lnTo>
                <a:lnTo>
                  <a:pt x="777" y="1032"/>
                </a:lnTo>
                <a:lnTo>
                  <a:pt x="774" y="990"/>
                </a:lnTo>
                <a:lnTo>
                  <a:pt x="772" y="953"/>
                </a:lnTo>
                <a:lnTo>
                  <a:pt x="770" y="916"/>
                </a:lnTo>
                <a:lnTo>
                  <a:pt x="770" y="897"/>
                </a:lnTo>
                <a:lnTo>
                  <a:pt x="769" y="878"/>
                </a:lnTo>
                <a:lnTo>
                  <a:pt x="769" y="839"/>
                </a:lnTo>
                <a:lnTo>
                  <a:pt x="770" y="821"/>
                </a:lnTo>
                <a:lnTo>
                  <a:pt x="771" y="803"/>
                </a:lnTo>
                <a:lnTo>
                  <a:pt x="773" y="786"/>
                </a:lnTo>
                <a:lnTo>
                  <a:pt x="775" y="769"/>
                </a:lnTo>
                <a:lnTo>
                  <a:pt x="776" y="761"/>
                </a:lnTo>
                <a:lnTo>
                  <a:pt x="778" y="753"/>
                </a:lnTo>
                <a:lnTo>
                  <a:pt x="781" y="737"/>
                </a:lnTo>
                <a:lnTo>
                  <a:pt x="787" y="723"/>
                </a:lnTo>
                <a:lnTo>
                  <a:pt x="789" y="716"/>
                </a:lnTo>
                <a:lnTo>
                  <a:pt x="792" y="710"/>
                </a:lnTo>
                <a:lnTo>
                  <a:pt x="800" y="692"/>
                </a:lnTo>
                <a:lnTo>
                  <a:pt x="810" y="674"/>
                </a:lnTo>
                <a:lnTo>
                  <a:pt x="819" y="658"/>
                </a:lnTo>
                <a:lnTo>
                  <a:pt x="829" y="643"/>
                </a:lnTo>
                <a:lnTo>
                  <a:pt x="840" y="629"/>
                </a:lnTo>
                <a:lnTo>
                  <a:pt x="851" y="615"/>
                </a:lnTo>
                <a:lnTo>
                  <a:pt x="862" y="602"/>
                </a:lnTo>
                <a:lnTo>
                  <a:pt x="874" y="591"/>
                </a:lnTo>
                <a:lnTo>
                  <a:pt x="886" y="580"/>
                </a:lnTo>
                <a:lnTo>
                  <a:pt x="898" y="570"/>
                </a:lnTo>
                <a:lnTo>
                  <a:pt x="904" y="566"/>
                </a:lnTo>
                <a:lnTo>
                  <a:pt x="910" y="561"/>
                </a:lnTo>
                <a:lnTo>
                  <a:pt x="922" y="553"/>
                </a:lnTo>
                <a:lnTo>
                  <a:pt x="935" y="545"/>
                </a:lnTo>
                <a:lnTo>
                  <a:pt x="948" y="538"/>
                </a:lnTo>
                <a:lnTo>
                  <a:pt x="960" y="532"/>
                </a:lnTo>
                <a:lnTo>
                  <a:pt x="972" y="526"/>
                </a:lnTo>
                <a:lnTo>
                  <a:pt x="997" y="516"/>
                </a:lnTo>
                <a:lnTo>
                  <a:pt x="1008" y="511"/>
                </a:lnTo>
                <a:lnTo>
                  <a:pt x="1020" y="508"/>
                </a:lnTo>
                <a:lnTo>
                  <a:pt x="1043" y="502"/>
                </a:lnTo>
                <a:lnTo>
                  <a:pt x="1053" y="500"/>
                </a:lnTo>
                <a:lnTo>
                  <a:pt x="1064" y="498"/>
                </a:lnTo>
                <a:lnTo>
                  <a:pt x="1074" y="496"/>
                </a:lnTo>
                <a:lnTo>
                  <a:pt x="1084" y="495"/>
                </a:lnTo>
                <a:lnTo>
                  <a:pt x="1101" y="493"/>
                </a:lnTo>
                <a:lnTo>
                  <a:pt x="1116" y="493"/>
                </a:lnTo>
                <a:lnTo>
                  <a:pt x="1128" y="492"/>
                </a:lnTo>
                <a:lnTo>
                  <a:pt x="1152" y="492"/>
                </a:lnTo>
                <a:lnTo>
                  <a:pt x="1156" y="492"/>
                </a:lnTo>
                <a:lnTo>
                  <a:pt x="1168" y="492"/>
                </a:lnTo>
                <a:lnTo>
                  <a:pt x="1182" y="493"/>
                </a:lnTo>
                <a:lnTo>
                  <a:pt x="1200" y="495"/>
                </a:lnTo>
                <a:lnTo>
                  <a:pt x="1220" y="498"/>
                </a:lnTo>
                <a:lnTo>
                  <a:pt x="1230" y="500"/>
                </a:lnTo>
                <a:lnTo>
                  <a:pt x="1241" y="502"/>
                </a:lnTo>
                <a:lnTo>
                  <a:pt x="1264" y="508"/>
                </a:lnTo>
                <a:lnTo>
                  <a:pt x="1287" y="516"/>
                </a:lnTo>
                <a:lnTo>
                  <a:pt x="1299" y="521"/>
                </a:lnTo>
                <a:lnTo>
                  <a:pt x="1311" y="526"/>
                </a:lnTo>
                <a:lnTo>
                  <a:pt x="1324" y="532"/>
                </a:lnTo>
                <a:lnTo>
                  <a:pt x="1336" y="538"/>
                </a:lnTo>
                <a:lnTo>
                  <a:pt x="1348" y="545"/>
                </a:lnTo>
                <a:lnTo>
                  <a:pt x="1362" y="553"/>
                </a:lnTo>
                <a:lnTo>
                  <a:pt x="1374" y="561"/>
                </a:lnTo>
                <a:lnTo>
                  <a:pt x="1386" y="570"/>
                </a:lnTo>
                <a:lnTo>
                  <a:pt x="1398" y="580"/>
                </a:lnTo>
                <a:lnTo>
                  <a:pt x="1410" y="591"/>
                </a:lnTo>
                <a:lnTo>
                  <a:pt x="1422" y="602"/>
                </a:lnTo>
                <a:lnTo>
                  <a:pt x="1433" y="615"/>
                </a:lnTo>
                <a:lnTo>
                  <a:pt x="1444" y="629"/>
                </a:lnTo>
                <a:lnTo>
                  <a:pt x="1454" y="643"/>
                </a:lnTo>
                <a:lnTo>
                  <a:pt x="1465" y="658"/>
                </a:lnTo>
                <a:lnTo>
                  <a:pt x="1474" y="674"/>
                </a:lnTo>
                <a:lnTo>
                  <a:pt x="1484" y="691"/>
                </a:lnTo>
                <a:lnTo>
                  <a:pt x="1492" y="710"/>
                </a:lnTo>
                <a:lnTo>
                  <a:pt x="1498" y="723"/>
                </a:lnTo>
                <a:lnTo>
                  <a:pt x="1503" y="737"/>
                </a:lnTo>
                <a:lnTo>
                  <a:pt x="1506" y="753"/>
                </a:lnTo>
                <a:lnTo>
                  <a:pt x="1509" y="769"/>
                </a:lnTo>
                <a:lnTo>
                  <a:pt x="1511" y="786"/>
                </a:lnTo>
                <a:lnTo>
                  <a:pt x="1513" y="803"/>
                </a:lnTo>
                <a:lnTo>
                  <a:pt x="1514" y="821"/>
                </a:lnTo>
                <a:lnTo>
                  <a:pt x="1515" y="839"/>
                </a:lnTo>
                <a:lnTo>
                  <a:pt x="1515" y="878"/>
                </a:lnTo>
                <a:lnTo>
                  <a:pt x="1514" y="897"/>
                </a:lnTo>
                <a:lnTo>
                  <a:pt x="1514" y="916"/>
                </a:lnTo>
                <a:lnTo>
                  <a:pt x="1512" y="953"/>
                </a:lnTo>
                <a:lnTo>
                  <a:pt x="1510" y="990"/>
                </a:lnTo>
                <a:lnTo>
                  <a:pt x="1509" y="994"/>
                </a:lnTo>
                <a:lnTo>
                  <a:pt x="1507" y="1032"/>
                </a:lnTo>
                <a:lnTo>
                  <a:pt x="1510" y="1035"/>
                </a:lnTo>
                <a:lnTo>
                  <a:pt x="1513" y="1037"/>
                </a:lnTo>
                <a:lnTo>
                  <a:pt x="1517" y="1039"/>
                </a:lnTo>
                <a:lnTo>
                  <a:pt x="1523" y="1041"/>
                </a:lnTo>
                <a:lnTo>
                  <a:pt x="1529" y="1043"/>
                </a:lnTo>
                <a:lnTo>
                  <a:pt x="1537" y="1045"/>
                </a:lnTo>
                <a:lnTo>
                  <a:pt x="1541" y="1045"/>
                </a:lnTo>
                <a:lnTo>
                  <a:pt x="1546" y="1046"/>
                </a:lnTo>
                <a:lnTo>
                  <a:pt x="1561" y="1044"/>
                </a:lnTo>
                <a:lnTo>
                  <a:pt x="1569" y="1043"/>
                </a:lnTo>
                <a:lnTo>
                  <a:pt x="1577" y="1041"/>
                </a:lnTo>
                <a:lnTo>
                  <a:pt x="1586" y="1038"/>
                </a:lnTo>
                <a:lnTo>
                  <a:pt x="1594" y="1035"/>
                </a:lnTo>
                <a:lnTo>
                  <a:pt x="1603" y="1031"/>
                </a:lnTo>
                <a:lnTo>
                  <a:pt x="1612" y="1027"/>
                </a:lnTo>
                <a:lnTo>
                  <a:pt x="1618" y="1025"/>
                </a:lnTo>
                <a:lnTo>
                  <a:pt x="1624" y="1024"/>
                </a:lnTo>
                <a:lnTo>
                  <a:pt x="1633" y="1023"/>
                </a:lnTo>
                <a:lnTo>
                  <a:pt x="1640" y="1023"/>
                </a:lnTo>
                <a:lnTo>
                  <a:pt x="1647" y="1024"/>
                </a:lnTo>
                <a:lnTo>
                  <a:pt x="1653" y="1026"/>
                </a:lnTo>
                <a:lnTo>
                  <a:pt x="1658" y="1028"/>
                </a:lnTo>
                <a:lnTo>
                  <a:pt x="1665" y="1031"/>
                </a:lnTo>
                <a:lnTo>
                  <a:pt x="1672" y="1034"/>
                </a:lnTo>
                <a:lnTo>
                  <a:pt x="1678" y="1038"/>
                </a:lnTo>
                <a:lnTo>
                  <a:pt x="1683" y="1043"/>
                </a:lnTo>
                <a:lnTo>
                  <a:pt x="1686" y="1048"/>
                </a:lnTo>
                <a:lnTo>
                  <a:pt x="1689" y="1053"/>
                </a:lnTo>
                <a:lnTo>
                  <a:pt x="1690" y="1055"/>
                </a:lnTo>
                <a:lnTo>
                  <a:pt x="1691" y="1058"/>
                </a:lnTo>
                <a:lnTo>
                  <a:pt x="1692" y="1061"/>
                </a:lnTo>
                <a:lnTo>
                  <a:pt x="1692" y="1064"/>
                </a:lnTo>
                <a:lnTo>
                  <a:pt x="1692" y="1066"/>
                </a:lnTo>
                <a:lnTo>
                  <a:pt x="1691" y="1069"/>
                </a:lnTo>
                <a:lnTo>
                  <a:pt x="1691" y="1072"/>
                </a:lnTo>
                <a:lnTo>
                  <a:pt x="1690" y="1075"/>
                </a:lnTo>
                <a:lnTo>
                  <a:pt x="1686" y="1082"/>
                </a:lnTo>
                <a:lnTo>
                  <a:pt x="1683" y="1086"/>
                </a:lnTo>
                <a:lnTo>
                  <a:pt x="1680" y="1089"/>
                </a:lnTo>
                <a:lnTo>
                  <a:pt x="1672" y="1097"/>
                </a:lnTo>
                <a:lnTo>
                  <a:pt x="1661" y="1104"/>
                </a:lnTo>
                <a:lnTo>
                  <a:pt x="1655" y="1108"/>
                </a:lnTo>
                <a:lnTo>
                  <a:pt x="1647" y="1112"/>
                </a:lnTo>
                <a:lnTo>
                  <a:pt x="1629" y="1119"/>
                </a:lnTo>
                <a:lnTo>
                  <a:pt x="1610" y="1126"/>
                </a:lnTo>
                <a:lnTo>
                  <a:pt x="1585" y="1134"/>
                </a:lnTo>
                <a:lnTo>
                  <a:pt x="1573" y="1139"/>
                </a:lnTo>
                <a:lnTo>
                  <a:pt x="1560" y="1145"/>
                </a:lnTo>
                <a:lnTo>
                  <a:pt x="1548" y="1152"/>
                </a:lnTo>
                <a:lnTo>
                  <a:pt x="1542" y="1156"/>
                </a:lnTo>
                <a:lnTo>
                  <a:pt x="1537" y="1161"/>
                </a:lnTo>
                <a:lnTo>
                  <a:pt x="1533" y="1165"/>
                </a:lnTo>
                <a:lnTo>
                  <a:pt x="1528" y="1170"/>
                </a:lnTo>
                <a:lnTo>
                  <a:pt x="1525" y="1176"/>
                </a:lnTo>
                <a:lnTo>
                  <a:pt x="1522" y="1182"/>
                </a:lnTo>
                <a:lnTo>
                  <a:pt x="1520" y="1188"/>
                </a:lnTo>
                <a:lnTo>
                  <a:pt x="1518" y="1195"/>
                </a:lnTo>
                <a:lnTo>
                  <a:pt x="1518" y="1204"/>
                </a:lnTo>
                <a:lnTo>
                  <a:pt x="1518" y="1212"/>
                </a:lnTo>
                <a:lnTo>
                  <a:pt x="1520" y="1220"/>
                </a:lnTo>
                <a:lnTo>
                  <a:pt x="1522" y="1228"/>
                </a:lnTo>
                <a:lnTo>
                  <a:pt x="1525" y="1237"/>
                </a:lnTo>
                <a:lnTo>
                  <a:pt x="1529" y="1246"/>
                </a:lnTo>
                <a:lnTo>
                  <a:pt x="1535" y="1258"/>
                </a:lnTo>
                <a:lnTo>
                  <a:pt x="1540" y="1270"/>
                </a:lnTo>
                <a:lnTo>
                  <a:pt x="1548" y="1284"/>
                </a:lnTo>
                <a:lnTo>
                  <a:pt x="1559" y="1301"/>
                </a:lnTo>
                <a:lnTo>
                  <a:pt x="1571" y="1320"/>
                </a:lnTo>
                <a:lnTo>
                  <a:pt x="1578" y="1330"/>
                </a:lnTo>
                <a:lnTo>
                  <a:pt x="1585" y="1340"/>
                </a:lnTo>
                <a:lnTo>
                  <a:pt x="1602" y="1361"/>
                </a:lnTo>
                <a:lnTo>
                  <a:pt x="1611" y="1372"/>
                </a:lnTo>
                <a:lnTo>
                  <a:pt x="1621" y="1382"/>
                </a:lnTo>
                <a:lnTo>
                  <a:pt x="1631" y="1393"/>
                </a:lnTo>
                <a:lnTo>
                  <a:pt x="1643" y="1403"/>
                </a:lnTo>
                <a:lnTo>
                  <a:pt x="1655" y="1413"/>
                </a:lnTo>
                <a:lnTo>
                  <a:pt x="1667" y="1423"/>
                </a:lnTo>
                <a:lnTo>
                  <a:pt x="1680" y="1434"/>
                </a:lnTo>
                <a:lnTo>
                  <a:pt x="1693" y="1443"/>
                </a:lnTo>
                <a:lnTo>
                  <a:pt x="1707" y="1451"/>
                </a:lnTo>
                <a:lnTo>
                  <a:pt x="1722" y="1459"/>
                </a:lnTo>
                <a:lnTo>
                  <a:pt x="1729" y="1463"/>
                </a:lnTo>
                <a:lnTo>
                  <a:pt x="1737" y="1467"/>
                </a:lnTo>
                <a:lnTo>
                  <a:pt x="1753" y="1474"/>
                </a:lnTo>
                <a:lnTo>
                  <a:pt x="1769" y="1480"/>
                </a:lnTo>
                <a:lnTo>
                  <a:pt x="1778" y="1483"/>
                </a:lnTo>
                <a:lnTo>
                  <a:pt x="1787" y="1485"/>
                </a:lnTo>
                <a:lnTo>
                  <a:pt x="1796" y="1488"/>
                </a:lnTo>
                <a:lnTo>
                  <a:pt x="1805" y="1490"/>
                </a:lnTo>
                <a:lnTo>
                  <a:pt x="1823" y="1494"/>
                </a:lnTo>
                <a:lnTo>
                  <a:pt x="1826" y="1494"/>
                </a:lnTo>
                <a:lnTo>
                  <a:pt x="1828" y="1495"/>
                </a:lnTo>
                <a:lnTo>
                  <a:pt x="1830" y="1497"/>
                </a:lnTo>
                <a:lnTo>
                  <a:pt x="1832" y="1499"/>
                </a:lnTo>
                <a:lnTo>
                  <a:pt x="1834" y="1501"/>
                </a:lnTo>
                <a:lnTo>
                  <a:pt x="1835" y="1503"/>
                </a:lnTo>
                <a:lnTo>
                  <a:pt x="1835" y="1509"/>
                </a:lnTo>
                <a:lnTo>
                  <a:pt x="1835" y="1513"/>
                </a:lnTo>
                <a:lnTo>
                  <a:pt x="1833" y="1517"/>
                </a:lnTo>
                <a:lnTo>
                  <a:pt x="1831" y="1521"/>
                </a:lnTo>
                <a:lnTo>
                  <a:pt x="1829" y="1525"/>
                </a:lnTo>
                <a:lnTo>
                  <a:pt x="1825" y="1529"/>
                </a:lnTo>
                <a:lnTo>
                  <a:pt x="1821" y="1533"/>
                </a:lnTo>
                <a:lnTo>
                  <a:pt x="1815" y="1537"/>
                </a:lnTo>
                <a:lnTo>
                  <a:pt x="1809" y="1541"/>
                </a:lnTo>
                <a:lnTo>
                  <a:pt x="1805" y="1544"/>
                </a:lnTo>
                <a:lnTo>
                  <a:pt x="1801" y="1547"/>
                </a:lnTo>
                <a:lnTo>
                  <a:pt x="1791" y="1551"/>
                </a:lnTo>
                <a:lnTo>
                  <a:pt x="1780" y="1555"/>
                </a:lnTo>
                <a:lnTo>
                  <a:pt x="1768" y="1560"/>
                </a:lnTo>
                <a:lnTo>
                  <a:pt x="1754" y="1564"/>
                </a:lnTo>
                <a:lnTo>
                  <a:pt x="1738" y="1568"/>
                </a:lnTo>
                <a:lnTo>
                  <a:pt x="1721" y="1573"/>
                </a:lnTo>
                <a:lnTo>
                  <a:pt x="1702" y="1577"/>
                </a:lnTo>
                <a:lnTo>
                  <a:pt x="1681" y="1581"/>
                </a:lnTo>
                <a:lnTo>
                  <a:pt x="1658" y="1584"/>
                </a:lnTo>
                <a:lnTo>
                  <a:pt x="1656" y="1585"/>
                </a:lnTo>
                <a:lnTo>
                  <a:pt x="1654" y="1586"/>
                </a:lnTo>
                <a:lnTo>
                  <a:pt x="1652" y="1587"/>
                </a:lnTo>
                <a:lnTo>
                  <a:pt x="1651" y="1588"/>
                </a:lnTo>
                <a:lnTo>
                  <a:pt x="1648" y="1592"/>
                </a:lnTo>
                <a:lnTo>
                  <a:pt x="1646" y="1596"/>
                </a:lnTo>
                <a:lnTo>
                  <a:pt x="1643" y="1602"/>
                </a:lnTo>
                <a:lnTo>
                  <a:pt x="1641" y="1610"/>
                </a:lnTo>
                <a:lnTo>
                  <a:pt x="1636" y="1629"/>
                </a:lnTo>
                <a:lnTo>
                  <a:pt x="1632" y="1644"/>
                </a:lnTo>
                <a:lnTo>
                  <a:pt x="1628" y="1661"/>
                </a:lnTo>
                <a:lnTo>
                  <a:pt x="1627" y="1665"/>
                </a:lnTo>
                <a:lnTo>
                  <a:pt x="1625" y="1668"/>
                </a:lnTo>
                <a:lnTo>
                  <a:pt x="1623" y="1670"/>
                </a:lnTo>
                <a:lnTo>
                  <a:pt x="1621" y="1672"/>
                </a:lnTo>
                <a:lnTo>
                  <a:pt x="1619" y="1673"/>
                </a:lnTo>
                <a:lnTo>
                  <a:pt x="1616" y="1674"/>
                </a:lnTo>
                <a:lnTo>
                  <a:pt x="1613" y="1675"/>
                </a:lnTo>
                <a:lnTo>
                  <a:pt x="1609" y="1675"/>
                </a:lnTo>
                <a:lnTo>
                  <a:pt x="1608" y="1675"/>
                </a:lnTo>
                <a:lnTo>
                  <a:pt x="1602" y="1675"/>
                </a:lnTo>
                <a:lnTo>
                  <a:pt x="1595" y="1674"/>
                </a:lnTo>
                <a:lnTo>
                  <a:pt x="1588" y="1673"/>
                </a:lnTo>
                <a:lnTo>
                  <a:pt x="1579" y="1672"/>
                </a:lnTo>
                <a:lnTo>
                  <a:pt x="1562" y="1668"/>
                </a:lnTo>
                <a:lnTo>
                  <a:pt x="1543" y="1666"/>
                </a:lnTo>
                <a:lnTo>
                  <a:pt x="1534" y="1665"/>
                </a:lnTo>
                <a:lnTo>
                  <a:pt x="1523" y="1664"/>
                </a:lnTo>
                <a:lnTo>
                  <a:pt x="1513" y="1664"/>
                </a:lnTo>
                <a:lnTo>
                  <a:pt x="1501" y="1663"/>
                </a:lnTo>
                <a:lnTo>
                  <a:pt x="1486" y="1664"/>
                </a:lnTo>
                <a:lnTo>
                  <a:pt x="1472" y="1665"/>
                </a:lnTo>
                <a:lnTo>
                  <a:pt x="1458" y="1666"/>
                </a:lnTo>
                <a:lnTo>
                  <a:pt x="1444" y="1668"/>
                </a:lnTo>
                <a:lnTo>
                  <a:pt x="1437" y="1669"/>
                </a:lnTo>
                <a:lnTo>
                  <a:pt x="1430" y="1671"/>
                </a:lnTo>
                <a:lnTo>
                  <a:pt x="1423" y="1673"/>
                </a:lnTo>
                <a:lnTo>
                  <a:pt x="1416" y="1676"/>
                </a:lnTo>
                <a:lnTo>
                  <a:pt x="1402" y="1682"/>
                </a:lnTo>
                <a:lnTo>
                  <a:pt x="1389" y="1688"/>
                </a:lnTo>
                <a:lnTo>
                  <a:pt x="1376" y="1696"/>
                </a:lnTo>
                <a:lnTo>
                  <a:pt x="1363" y="1704"/>
                </a:lnTo>
                <a:lnTo>
                  <a:pt x="1336" y="1722"/>
                </a:lnTo>
                <a:lnTo>
                  <a:pt x="1317" y="1736"/>
                </a:lnTo>
                <a:lnTo>
                  <a:pt x="1298" y="1749"/>
                </a:lnTo>
                <a:lnTo>
                  <a:pt x="1287" y="1755"/>
                </a:lnTo>
                <a:lnTo>
                  <a:pt x="1277" y="1761"/>
                </a:lnTo>
                <a:lnTo>
                  <a:pt x="1267" y="1767"/>
                </a:lnTo>
                <a:lnTo>
                  <a:pt x="1256" y="1773"/>
                </a:lnTo>
                <a:lnTo>
                  <a:pt x="1244" y="1778"/>
                </a:lnTo>
                <a:lnTo>
                  <a:pt x="1233" y="1783"/>
                </a:lnTo>
                <a:lnTo>
                  <a:pt x="1220" y="1787"/>
                </a:lnTo>
                <a:lnTo>
                  <a:pt x="1207" y="1790"/>
                </a:lnTo>
                <a:lnTo>
                  <a:pt x="1194" y="1793"/>
                </a:lnTo>
                <a:lnTo>
                  <a:pt x="1180" y="1795"/>
                </a:lnTo>
                <a:lnTo>
                  <a:pt x="1166" y="1796"/>
                </a:lnTo>
                <a:lnTo>
                  <a:pt x="1151" y="1796"/>
                </a:lnTo>
                <a:close/>
                <a:moveTo>
                  <a:pt x="0" y="0"/>
                </a:moveTo>
                <a:lnTo>
                  <a:pt x="571" y="0"/>
                </a:lnTo>
                <a:lnTo>
                  <a:pt x="1142" y="0"/>
                </a:lnTo>
                <a:lnTo>
                  <a:pt x="1713" y="0"/>
                </a:lnTo>
                <a:lnTo>
                  <a:pt x="2284" y="0"/>
                </a:lnTo>
                <a:lnTo>
                  <a:pt x="2284" y="572"/>
                </a:lnTo>
                <a:lnTo>
                  <a:pt x="2284" y="1144"/>
                </a:lnTo>
                <a:lnTo>
                  <a:pt x="2284" y="1716"/>
                </a:lnTo>
                <a:lnTo>
                  <a:pt x="2284" y="2288"/>
                </a:lnTo>
                <a:lnTo>
                  <a:pt x="1713" y="2288"/>
                </a:lnTo>
                <a:lnTo>
                  <a:pt x="1142" y="2288"/>
                </a:lnTo>
                <a:lnTo>
                  <a:pt x="571" y="2288"/>
                </a:lnTo>
                <a:lnTo>
                  <a:pt x="0" y="2288"/>
                </a:lnTo>
                <a:lnTo>
                  <a:pt x="0" y="1716"/>
                </a:lnTo>
                <a:lnTo>
                  <a:pt x="0" y="1144"/>
                </a:lnTo>
                <a:lnTo>
                  <a:pt x="0" y="572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cxnSp>
        <p:nvCxnSpPr>
          <p:cNvPr id="15" name="Straight Connector 35"/>
          <p:cNvCxnSpPr/>
          <p:nvPr/>
        </p:nvCxnSpPr>
        <p:spPr>
          <a:xfrm>
            <a:off x="719667" y="3429000"/>
            <a:ext cx="1631951" cy="0"/>
          </a:xfrm>
          <a:prstGeom prst="line">
            <a:avLst/>
          </a:prstGeom>
          <a:ln w="28575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19668" y="1557338"/>
            <a:ext cx="7200536" cy="1727646"/>
          </a:xfrm>
        </p:spPr>
        <p:txBody>
          <a:bodyPr/>
          <a:lstStyle>
            <a:lvl1pPr algn="l">
              <a:defRPr sz="4400" baseline="0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19668" y="3602038"/>
            <a:ext cx="7200536" cy="1339130"/>
          </a:xfrm>
        </p:spPr>
        <p:txBody>
          <a:bodyPr/>
          <a:lstStyle>
            <a:lvl1pPr marL="0" indent="0" algn="l">
              <a:buNone/>
              <a:defRPr sz="2000" baseline="0">
                <a:solidFill>
                  <a:schemeClr val="accent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i-FI" smtClean="0"/>
              <a:t>Muokkaa alaotsikon perustyyliä napsautt.</a:t>
            </a:r>
            <a:endParaRPr lang="en-US" dirty="0"/>
          </a:p>
        </p:txBody>
      </p:sp>
      <p:sp>
        <p:nvSpPr>
          <p:cNvPr id="16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17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18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6D430B-FA05-4564-9D33-0DEF1331C24D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232551050"/>
      </p:ext>
    </p:extLst>
  </p:cSld>
  <p:clrMapOvr>
    <a:masterClrMapping/>
  </p:clrMapOvr>
  <p:transition spd="slow">
    <p:push dir="u"/>
  </p:transition>
  <p:hf hdr="0" ftr="0"/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6"/>
          <p:cNvSpPr>
            <a:spLocks noChangeAspect="1" noEditPoints="1"/>
          </p:cNvSpPr>
          <p:nvPr/>
        </p:nvSpPr>
        <p:spPr bwMode="auto">
          <a:xfrm>
            <a:off x="4210051" y="2925763"/>
            <a:ext cx="3771900" cy="863600"/>
          </a:xfrm>
          <a:custGeom>
            <a:avLst/>
            <a:gdLst>
              <a:gd name="T0" fmla="*/ 481735 w 4892"/>
              <a:gd name="T1" fmla="*/ 110458 h 1494"/>
              <a:gd name="T2" fmla="*/ 327904 w 4892"/>
              <a:gd name="T3" fmla="*/ 635566 h 1494"/>
              <a:gd name="T4" fmla="*/ 922410 w 4892"/>
              <a:gd name="T5" fmla="*/ 628627 h 1494"/>
              <a:gd name="T6" fmla="*/ 778988 w 4892"/>
              <a:gd name="T7" fmla="*/ 814843 h 1494"/>
              <a:gd name="T8" fmla="*/ 762217 w 4892"/>
              <a:gd name="T9" fmla="*/ 207036 h 1494"/>
              <a:gd name="T10" fmla="*/ 688193 w 4892"/>
              <a:gd name="T11" fmla="*/ 320386 h 1494"/>
              <a:gd name="T12" fmla="*/ 913157 w 4892"/>
              <a:gd name="T13" fmla="*/ 857639 h 1494"/>
              <a:gd name="T14" fmla="*/ 955374 w 4892"/>
              <a:gd name="T15" fmla="*/ 546506 h 1494"/>
              <a:gd name="T16" fmla="*/ 897542 w 4892"/>
              <a:gd name="T17" fmla="*/ 52048 h 1494"/>
              <a:gd name="T18" fmla="*/ 900434 w 4892"/>
              <a:gd name="T19" fmla="*/ 189108 h 1494"/>
              <a:gd name="T20" fmla="*/ 997591 w 4892"/>
              <a:gd name="T21" fmla="*/ 167711 h 1494"/>
              <a:gd name="T22" fmla="*/ 1064097 w 4892"/>
              <a:gd name="T23" fmla="*/ 58988 h 1494"/>
              <a:gd name="T24" fmla="*/ 1108627 w 4892"/>
              <a:gd name="T25" fmla="*/ 153253 h 1494"/>
              <a:gd name="T26" fmla="*/ 1099952 w 4892"/>
              <a:gd name="T27" fmla="*/ 261976 h 1494"/>
              <a:gd name="T28" fmla="*/ 1203470 w 4892"/>
              <a:gd name="T29" fmla="*/ 175229 h 1494"/>
              <a:gd name="T30" fmla="*/ 1177446 w 4892"/>
              <a:gd name="T31" fmla="*/ 301880 h 1494"/>
              <a:gd name="T32" fmla="*/ 497349 w 4892"/>
              <a:gd name="T33" fmla="*/ 515277 h 1494"/>
              <a:gd name="T34" fmla="*/ 538410 w 4892"/>
              <a:gd name="T35" fmla="*/ 374169 h 1494"/>
              <a:gd name="T36" fmla="*/ 642506 w 4892"/>
              <a:gd name="T37" fmla="*/ 503711 h 1494"/>
              <a:gd name="T38" fmla="*/ 1218506 w 4892"/>
              <a:gd name="T39" fmla="*/ 694554 h 1494"/>
              <a:gd name="T40" fmla="*/ 1346314 w 4892"/>
              <a:gd name="T41" fmla="*/ 591036 h 1494"/>
              <a:gd name="T42" fmla="*/ 1334169 w 4892"/>
              <a:gd name="T43" fmla="*/ 754699 h 1494"/>
              <a:gd name="T44" fmla="*/ 458603 w 4892"/>
              <a:gd name="T45" fmla="*/ 444723 h 1494"/>
              <a:gd name="T46" fmla="*/ 604337 w 4892"/>
              <a:gd name="T47" fmla="*/ 559229 h 1494"/>
              <a:gd name="T48" fmla="*/ 624578 w 4892"/>
              <a:gd name="T49" fmla="*/ 368386 h 1494"/>
              <a:gd name="T50" fmla="*/ 364916 w 4892"/>
              <a:gd name="T51" fmla="*/ 610699 h 1494"/>
              <a:gd name="T52" fmla="*/ 531470 w 4892"/>
              <a:gd name="T53" fmla="*/ 117976 h 1494"/>
              <a:gd name="T54" fmla="*/ 1183807 w 4892"/>
              <a:gd name="T55" fmla="*/ 336578 h 1494"/>
              <a:gd name="T56" fmla="*/ 1219663 w 4892"/>
              <a:gd name="T57" fmla="*/ 149783 h 1494"/>
              <a:gd name="T58" fmla="*/ 1124820 w 4892"/>
              <a:gd name="T59" fmla="*/ 250988 h 1494"/>
              <a:gd name="T60" fmla="*/ 1117880 w 4892"/>
              <a:gd name="T61" fmla="*/ 133590 h 1494"/>
              <a:gd name="T62" fmla="*/ 1035759 w 4892"/>
              <a:gd name="T63" fmla="*/ 56096 h 1494"/>
              <a:gd name="T64" fmla="*/ 980819 w 4892"/>
              <a:gd name="T65" fmla="*/ 176964 h 1494"/>
              <a:gd name="T66" fmla="*/ 940338 w 4892"/>
              <a:gd name="T67" fmla="*/ 122602 h 1494"/>
              <a:gd name="T68" fmla="*/ 1240482 w 4892"/>
              <a:gd name="T69" fmla="*/ 27181 h 1494"/>
              <a:gd name="T70" fmla="*/ 1010892 w 4892"/>
              <a:gd name="T71" fmla="*/ 577735 h 1494"/>
              <a:gd name="T72" fmla="*/ 1405301 w 4892"/>
              <a:gd name="T73" fmla="*/ 319807 h 1494"/>
              <a:gd name="T74" fmla="*/ 792868 w 4892"/>
              <a:gd name="T75" fmla="*/ 269494 h 1494"/>
              <a:gd name="T76" fmla="*/ 636145 w 4892"/>
              <a:gd name="T77" fmla="*/ 233060 h 1494"/>
              <a:gd name="T78" fmla="*/ 1268241 w 4892"/>
              <a:gd name="T79" fmla="*/ 569060 h 1494"/>
              <a:gd name="T80" fmla="*/ 1232964 w 4892"/>
              <a:gd name="T81" fmla="*/ 751807 h 1494"/>
              <a:gd name="T82" fmla="*/ 1412241 w 4892"/>
              <a:gd name="T83" fmla="*/ 684145 h 1494"/>
              <a:gd name="T84" fmla="*/ 1258410 w 4892"/>
              <a:gd name="T85" fmla="*/ 498506 h 1494"/>
              <a:gd name="T86" fmla="*/ 1339952 w 4892"/>
              <a:gd name="T87" fmla="*/ 340627 h 1494"/>
              <a:gd name="T88" fmla="*/ 1409350 w 4892"/>
              <a:gd name="T89" fmla="*/ 113928 h 1494"/>
              <a:gd name="T90" fmla="*/ 1738410 w 4892"/>
              <a:gd name="T91" fmla="*/ 825831 h 1494"/>
              <a:gd name="T92" fmla="*/ 1627952 w 4892"/>
              <a:gd name="T93" fmla="*/ 688771 h 1494"/>
              <a:gd name="T94" fmla="*/ 1648771 w 4892"/>
              <a:gd name="T95" fmla="*/ 546506 h 1494"/>
              <a:gd name="T96" fmla="*/ 1711808 w 4892"/>
              <a:gd name="T97" fmla="*/ 573687 h 1494"/>
              <a:gd name="T98" fmla="*/ 1623326 w 4892"/>
              <a:gd name="T99" fmla="*/ 650024 h 1494"/>
              <a:gd name="T100" fmla="*/ 1776579 w 4892"/>
              <a:gd name="T101" fmla="*/ 822940 h 1494"/>
              <a:gd name="T102" fmla="*/ 1578795 w 4892"/>
              <a:gd name="T103" fmla="*/ 778988 h 1494"/>
              <a:gd name="T104" fmla="*/ 2704772 w 4892"/>
              <a:gd name="T105" fmla="*/ 857639 h 1494"/>
              <a:gd name="T106" fmla="*/ 2425446 w 4892"/>
              <a:gd name="T107" fmla="*/ 19663 h 1494"/>
              <a:gd name="T108" fmla="*/ 2474025 w 4892"/>
              <a:gd name="T109" fmla="*/ 226699 h 1494"/>
              <a:gd name="T110" fmla="*/ 2412145 w 4892"/>
              <a:gd name="T111" fmla="*/ 153253 h 1494"/>
              <a:gd name="T112" fmla="*/ 2628434 w 4892"/>
              <a:gd name="T113" fmla="*/ 139373 h 1494"/>
              <a:gd name="T114" fmla="*/ 2733109 w 4892"/>
              <a:gd name="T115" fmla="*/ 365494 h 1494"/>
              <a:gd name="T116" fmla="*/ 2620916 w 4892"/>
              <a:gd name="T117" fmla="*/ 452819 h 1494"/>
              <a:gd name="T118" fmla="*/ 2561928 w 4892"/>
              <a:gd name="T119" fmla="*/ 60145 h 1494"/>
              <a:gd name="T120" fmla="*/ 2800772 w 4892"/>
              <a:gd name="T121" fmla="*/ 48578 h 1494"/>
              <a:gd name="T122" fmla="*/ 2755085 w 4892"/>
              <a:gd name="T123" fmla="*/ 450506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6D959ED-9BA8-4702-9C72-59FFA845E12C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158341379"/>
      </p:ext>
    </p:extLst>
  </p:cSld>
  <p:clrMapOvr>
    <a:masterClrMapping/>
  </p:clrMapOvr>
  <p:transition spd="slow">
    <p:push dir="u"/>
  </p:transition>
  <p:hf hdr="0" ftr="0"/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ogo [green]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reeform 7"/>
          <p:cNvSpPr>
            <a:spLocks noChangeAspect="1" noEditPoints="1"/>
          </p:cNvSpPr>
          <p:nvPr/>
        </p:nvSpPr>
        <p:spPr bwMode="auto">
          <a:xfrm>
            <a:off x="4210051" y="2925763"/>
            <a:ext cx="3771900" cy="863600"/>
          </a:xfrm>
          <a:custGeom>
            <a:avLst/>
            <a:gdLst>
              <a:gd name="T0" fmla="*/ 481735 w 4892"/>
              <a:gd name="T1" fmla="*/ 110458 h 1494"/>
              <a:gd name="T2" fmla="*/ 327904 w 4892"/>
              <a:gd name="T3" fmla="*/ 635566 h 1494"/>
              <a:gd name="T4" fmla="*/ 922410 w 4892"/>
              <a:gd name="T5" fmla="*/ 628627 h 1494"/>
              <a:gd name="T6" fmla="*/ 778988 w 4892"/>
              <a:gd name="T7" fmla="*/ 814843 h 1494"/>
              <a:gd name="T8" fmla="*/ 762217 w 4892"/>
              <a:gd name="T9" fmla="*/ 207036 h 1494"/>
              <a:gd name="T10" fmla="*/ 688193 w 4892"/>
              <a:gd name="T11" fmla="*/ 320386 h 1494"/>
              <a:gd name="T12" fmla="*/ 913157 w 4892"/>
              <a:gd name="T13" fmla="*/ 857639 h 1494"/>
              <a:gd name="T14" fmla="*/ 955374 w 4892"/>
              <a:gd name="T15" fmla="*/ 546506 h 1494"/>
              <a:gd name="T16" fmla="*/ 897542 w 4892"/>
              <a:gd name="T17" fmla="*/ 52048 h 1494"/>
              <a:gd name="T18" fmla="*/ 900434 w 4892"/>
              <a:gd name="T19" fmla="*/ 189108 h 1494"/>
              <a:gd name="T20" fmla="*/ 997591 w 4892"/>
              <a:gd name="T21" fmla="*/ 167711 h 1494"/>
              <a:gd name="T22" fmla="*/ 1064097 w 4892"/>
              <a:gd name="T23" fmla="*/ 58988 h 1494"/>
              <a:gd name="T24" fmla="*/ 1108627 w 4892"/>
              <a:gd name="T25" fmla="*/ 153253 h 1494"/>
              <a:gd name="T26" fmla="*/ 1099952 w 4892"/>
              <a:gd name="T27" fmla="*/ 261976 h 1494"/>
              <a:gd name="T28" fmla="*/ 1203470 w 4892"/>
              <a:gd name="T29" fmla="*/ 175229 h 1494"/>
              <a:gd name="T30" fmla="*/ 1177446 w 4892"/>
              <a:gd name="T31" fmla="*/ 301880 h 1494"/>
              <a:gd name="T32" fmla="*/ 497349 w 4892"/>
              <a:gd name="T33" fmla="*/ 515277 h 1494"/>
              <a:gd name="T34" fmla="*/ 538410 w 4892"/>
              <a:gd name="T35" fmla="*/ 374169 h 1494"/>
              <a:gd name="T36" fmla="*/ 642506 w 4892"/>
              <a:gd name="T37" fmla="*/ 503711 h 1494"/>
              <a:gd name="T38" fmla="*/ 1218506 w 4892"/>
              <a:gd name="T39" fmla="*/ 694554 h 1494"/>
              <a:gd name="T40" fmla="*/ 1346314 w 4892"/>
              <a:gd name="T41" fmla="*/ 591036 h 1494"/>
              <a:gd name="T42" fmla="*/ 1334169 w 4892"/>
              <a:gd name="T43" fmla="*/ 754699 h 1494"/>
              <a:gd name="T44" fmla="*/ 458603 w 4892"/>
              <a:gd name="T45" fmla="*/ 444723 h 1494"/>
              <a:gd name="T46" fmla="*/ 604337 w 4892"/>
              <a:gd name="T47" fmla="*/ 559229 h 1494"/>
              <a:gd name="T48" fmla="*/ 624578 w 4892"/>
              <a:gd name="T49" fmla="*/ 368386 h 1494"/>
              <a:gd name="T50" fmla="*/ 364916 w 4892"/>
              <a:gd name="T51" fmla="*/ 610699 h 1494"/>
              <a:gd name="T52" fmla="*/ 531470 w 4892"/>
              <a:gd name="T53" fmla="*/ 117976 h 1494"/>
              <a:gd name="T54" fmla="*/ 1183807 w 4892"/>
              <a:gd name="T55" fmla="*/ 336578 h 1494"/>
              <a:gd name="T56" fmla="*/ 1219663 w 4892"/>
              <a:gd name="T57" fmla="*/ 149783 h 1494"/>
              <a:gd name="T58" fmla="*/ 1124820 w 4892"/>
              <a:gd name="T59" fmla="*/ 250988 h 1494"/>
              <a:gd name="T60" fmla="*/ 1117880 w 4892"/>
              <a:gd name="T61" fmla="*/ 133590 h 1494"/>
              <a:gd name="T62" fmla="*/ 1035759 w 4892"/>
              <a:gd name="T63" fmla="*/ 56096 h 1494"/>
              <a:gd name="T64" fmla="*/ 980819 w 4892"/>
              <a:gd name="T65" fmla="*/ 176964 h 1494"/>
              <a:gd name="T66" fmla="*/ 940338 w 4892"/>
              <a:gd name="T67" fmla="*/ 122602 h 1494"/>
              <a:gd name="T68" fmla="*/ 1240482 w 4892"/>
              <a:gd name="T69" fmla="*/ 27181 h 1494"/>
              <a:gd name="T70" fmla="*/ 1010892 w 4892"/>
              <a:gd name="T71" fmla="*/ 577735 h 1494"/>
              <a:gd name="T72" fmla="*/ 1405301 w 4892"/>
              <a:gd name="T73" fmla="*/ 319807 h 1494"/>
              <a:gd name="T74" fmla="*/ 792868 w 4892"/>
              <a:gd name="T75" fmla="*/ 269494 h 1494"/>
              <a:gd name="T76" fmla="*/ 636145 w 4892"/>
              <a:gd name="T77" fmla="*/ 233060 h 1494"/>
              <a:gd name="T78" fmla="*/ 1268241 w 4892"/>
              <a:gd name="T79" fmla="*/ 569060 h 1494"/>
              <a:gd name="T80" fmla="*/ 1232964 w 4892"/>
              <a:gd name="T81" fmla="*/ 751807 h 1494"/>
              <a:gd name="T82" fmla="*/ 1412241 w 4892"/>
              <a:gd name="T83" fmla="*/ 684145 h 1494"/>
              <a:gd name="T84" fmla="*/ 1258410 w 4892"/>
              <a:gd name="T85" fmla="*/ 498506 h 1494"/>
              <a:gd name="T86" fmla="*/ 1339952 w 4892"/>
              <a:gd name="T87" fmla="*/ 340627 h 1494"/>
              <a:gd name="T88" fmla="*/ 1409350 w 4892"/>
              <a:gd name="T89" fmla="*/ 113928 h 1494"/>
              <a:gd name="T90" fmla="*/ 1738410 w 4892"/>
              <a:gd name="T91" fmla="*/ 825831 h 1494"/>
              <a:gd name="T92" fmla="*/ 1627952 w 4892"/>
              <a:gd name="T93" fmla="*/ 688771 h 1494"/>
              <a:gd name="T94" fmla="*/ 1648771 w 4892"/>
              <a:gd name="T95" fmla="*/ 546506 h 1494"/>
              <a:gd name="T96" fmla="*/ 1711808 w 4892"/>
              <a:gd name="T97" fmla="*/ 573687 h 1494"/>
              <a:gd name="T98" fmla="*/ 1623326 w 4892"/>
              <a:gd name="T99" fmla="*/ 650024 h 1494"/>
              <a:gd name="T100" fmla="*/ 1776579 w 4892"/>
              <a:gd name="T101" fmla="*/ 822940 h 1494"/>
              <a:gd name="T102" fmla="*/ 1578795 w 4892"/>
              <a:gd name="T103" fmla="*/ 778988 h 1494"/>
              <a:gd name="T104" fmla="*/ 2704772 w 4892"/>
              <a:gd name="T105" fmla="*/ 857639 h 1494"/>
              <a:gd name="T106" fmla="*/ 2425446 w 4892"/>
              <a:gd name="T107" fmla="*/ 19663 h 1494"/>
              <a:gd name="T108" fmla="*/ 2474025 w 4892"/>
              <a:gd name="T109" fmla="*/ 226699 h 1494"/>
              <a:gd name="T110" fmla="*/ 2412145 w 4892"/>
              <a:gd name="T111" fmla="*/ 153253 h 1494"/>
              <a:gd name="T112" fmla="*/ 2628434 w 4892"/>
              <a:gd name="T113" fmla="*/ 139373 h 1494"/>
              <a:gd name="T114" fmla="*/ 2733109 w 4892"/>
              <a:gd name="T115" fmla="*/ 365494 h 1494"/>
              <a:gd name="T116" fmla="*/ 2620916 w 4892"/>
              <a:gd name="T117" fmla="*/ 452819 h 1494"/>
              <a:gd name="T118" fmla="*/ 2561928 w 4892"/>
              <a:gd name="T119" fmla="*/ 60145 h 1494"/>
              <a:gd name="T120" fmla="*/ 2800772 w 4892"/>
              <a:gd name="T121" fmla="*/ 48578 h 1494"/>
              <a:gd name="T122" fmla="*/ 2755085 w 4892"/>
              <a:gd name="T123" fmla="*/ 450506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B09B536-FC05-487E-B0CB-5BA155D53589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394430049"/>
      </p:ext>
    </p:extLst>
  </p:cSld>
  <p:clrMapOvr>
    <a:masterClrMapping/>
  </p:clrMapOvr>
  <p:transition spd="slow">
    <p:push dir="u"/>
  </p:transition>
  <p:hf hdr="0" ftr="0"/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napchat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08"/>
          <p:cNvGrpSpPr>
            <a:grpSpLocks/>
          </p:cNvGrpSpPr>
          <p:nvPr/>
        </p:nvGrpSpPr>
        <p:grpSpPr bwMode="auto">
          <a:xfrm>
            <a:off x="3600451" y="1557339"/>
            <a:ext cx="4991100" cy="3743325"/>
            <a:chOff x="4108288" y="1541809"/>
            <a:chExt cx="3975424" cy="3975424"/>
          </a:xfrm>
        </p:grpSpPr>
        <p:pic>
          <p:nvPicPr>
            <p:cNvPr id="3" name="Picture 10"/>
            <p:cNvPicPr>
              <a:picLocks noChangeAspect="1" noChangeArrowheads="1"/>
            </p:cNvPicPr>
            <p:nvPr userDrawn="1"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108288" y="1541809"/>
              <a:ext cx="3975424" cy="397542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4" name="Oval 111"/>
            <p:cNvSpPr/>
            <p:nvPr userDrawn="1"/>
          </p:nvSpPr>
          <p:spPr>
            <a:xfrm>
              <a:off x="4872014" y="1629477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" name="Oval 112"/>
            <p:cNvSpPr/>
            <p:nvPr userDrawn="1"/>
          </p:nvSpPr>
          <p:spPr>
            <a:xfrm>
              <a:off x="5303612" y="1629477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" name="Oval 113"/>
            <p:cNvSpPr/>
            <p:nvPr userDrawn="1"/>
          </p:nvSpPr>
          <p:spPr>
            <a:xfrm>
              <a:off x="5087813" y="1629477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" name="Oval 114"/>
            <p:cNvSpPr/>
            <p:nvPr userDrawn="1"/>
          </p:nvSpPr>
          <p:spPr>
            <a:xfrm>
              <a:off x="5519411" y="1629477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" name="Oval 115"/>
            <p:cNvSpPr/>
            <p:nvPr userDrawn="1"/>
          </p:nvSpPr>
          <p:spPr>
            <a:xfrm>
              <a:off x="5735210" y="1629477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9" name="Oval 116"/>
            <p:cNvSpPr/>
            <p:nvPr userDrawn="1"/>
          </p:nvSpPr>
          <p:spPr>
            <a:xfrm>
              <a:off x="4511225" y="1845276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0" name="Oval 117"/>
            <p:cNvSpPr/>
            <p:nvPr userDrawn="1"/>
          </p:nvSpPr>
          <p:spPr>
            <a:xfrm>
              <a:off x="5087813" y="1845276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1" name="Oval 118"/>
            <p:cNvSpPr/>
            <p:nvPr userDrawn="1"/>
          </p:nvSpPr>
          <p:spPr>
            <a:xfrm>
              <a:off x="5735210" y="1845276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2" name="Oval 119"/>
            <p:cNvSpPr/>
            <p:nvPr userDrawn="1"/>
          </p:nvSpPr>
          <p:spPr>
            <a:xfrm>
              <a:off x="5952696" y="184527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3" name="Oval 120"/>
            <p:cNvSpPr/>
            <p:nvPr userDrawn="1"/>
          </p:nvSpPr>
          <p:spPr>
            <a:xfrm>
              <a:off x="6168495" y="184527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4" name="Oval 121"/>
            <p:cNvSpPr/>
            <p:nvPr userDrawn="1"/>
          </p:nvSpPr>
          <p:spPr>
            <a:xfrm>
              <a:off x="6384294" y="184527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5" name="Oval 122"/>
            <p:cNvSpPr/>
            <p:nvPr userDrawn="1"/>
          </p:nvSpPr>
          <p:spPr>
            <a:xfrm>
              <a:off x="6743397" y="1845276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6" name="Oval 123"/>
            <p:cNvSpPr/>
            <p:nvPr userDrawn="1"/>
          </p:nvSpPr>
          <p:spPr>
            <a:xfrm>
              <a:off x="7176681" y="184527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7" name="Oval 124"/>
            <p:cNvSpPr/>
            <p:nvPr userDrawn="1"/>
          </p:nvSpPr>
          <p:spPr>
            <a:xfrm>
              <a:off x="7392481" y="184527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8" name="Oval 125"/>
            <p:cNvSpPr/>
            <p:nvPr userDrawn="1"/>
          </p:nvSpPr>
          <p:spPr>
            <a:xfrm>
              <a:off x="6168495" y="1629477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19" name="Oval 126"/>
            <p:cNvSpPr/>
            <p:nvPr userDrawn="1"/>
          </p:nvSpPr>
          <p:spPr>
            <a:xfrm>
              <a:off x="6743397" y="1629477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0" name="Oval 127"/>
            <p:cNvSpPr/>
            <p:nvPr userDrawn="1"/>
          </p:nvSpPr>
          <p:spPr>
            <a:xfrm>
              <a:off x="6960882" y="1629477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1" name="Oval 128"/>
            <p:cNvSpPr/>
            <p:nvPr userDrawn="1"/>
          </p:nvSpPr>
          <p:spPr>
            <a:xfrm>
              <a:off x="7176681" y="1629477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2" name="Oval 129"/>
            <p:cNvSpPr/>
            <p:nvPr userDrawn="1"/>
          </p:nvSpPr>
          <p:spPr>
            <a:xfrm>
              <a:off x="4872014" y="2061076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3" name="Oval 130"/>
            <p:cNvSpPr/>
            <p:nvPr userDrawn="1"/>
          </p:nvSpPr>
          <p:spPr>
            <a:xfrm>
              <a:off x="4656215" y="2061076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4" name="Oval 131"/>
            <p:cNvSpPr/>
            <p:nvPr userDrawn="1"/>
          </p:nvSpPr>
          <p:spPr>
            <a:xfrm>
              <a:off x="7392481" y="206107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5" name="Oval 132"/>
            <p:cNvSpPr/>
            <p:nvPr userDrawn="1"/>
          </p:nvSpPr>
          <p:spPr>
            <a:xfrm>
              <a:off x="7608280" y="206107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6" name="Oval 133"/>
            <p:cNvSpPr/>
            <p:nvPr userDrawn="1"/>
          </p:nvSpPr>
          <p:spPr>
            <a:xfrm>
              <a:off x="7608280" y="2276875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7" name="Oval 134"/>
            <p:cNvSpPr/>
            <p:nvPr userDrawn="1"/>
          </p:nvSpPr>
          <p:spPr>
            <a:xfrm>
              <a:off x="7392481" y="2276875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8" name="Oval 135"/>
            <p:cNvSpPr/>
            <p:nvPr userDrawn="1"/>
          </p:nvSpPr>
          <p:spPr>
            <a:xfrm>
              <a:off x="7176681" y="2276875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29" name="Oval 136"/>
            <p:cNvSpPr/>
            <p:nvPr userDrawn="1"/>
          </p:nvSpPr>
          <p:spPr>
            <a:xfrm>
              <a:off x="6960882" y="2276875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0" name="Oval 137"/>
            <p:cNvSpPr/>
            <p:nvPr userDrawn="1"/>
          </p:nvSpPr>
          <p:spPr>
            <a:xfrm>
              <a:off x="4224617" y="2276875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1" name="Oval 138"/>
            <p:cNvSpPr/>
            <p:nvPr userDrawn="1"/>
          </p:nvSpPr>
          <p:spPr>
            <a:xfrm>
              <a:off x="4440416" y="2276875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2" name="Oval 139"/>
            <p:cNvSpPr/>
            <p:nvPr userDrawn="1"/>
          </p:nvSpPr>
          <p:spPr>
            <a:xfrm>
              <a:off x="5087813" y="2276875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3" name="Oval 140"/>
            <p:cNvSpPr/>
            <p:nvPr userDrawn="1"/>
          </p:nvSpPr>
          <p:spPr>
            <a:xfrm>
              <a:off x="5087813" y="2492674"/>
              <a:ext cx="143305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4" name="Oval 141"/>
            <p:cNvSpPr/>
            <p:nvPr userDrawn="1"/>
          </p:nvSpPr>
          <p:spPr>
            <a:xfrm>
              <a:off x="4872014" y="2492674"/>
              <a:ext cx="143305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5" name="Oval 142"/>
            <p:cNvSpPr/>
            <p:nvPr userDrawn="1"/>
          </p:nvSpPr>
          <p:spPr>
            <a:xfrm>
              <a:off x="4440416" y="2492674"/>
              <a:ext cx="143305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6" name="Oval 143"/>
            <p:cNvSpPr/>
            <p:nvPr userDrawn="1"/>
          </p:nvSpPr>
          <p:spPr>
            <a:xfrm>
              <a:off x="4224617" y="2492674"/>
              <a:ext cx="143305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7" name="Oval 144"/>
            <p:cNvSpPr/>
            <p:nvPr userDrawn="1"/>
          </p:nvSpPr>
          <p:spPr>
            <a:xfrm>
              <a:off x="4224617" y="2708473"/>
              <a:ext cx="143305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8" name="Oval 145"/>
            <p:cNvSpPr/>
            <p:nvPr userDrawn="1"/>
          </p:nvSpPr>
          <p:spPr>
            <a:xfrm>
              <a:off x="4224617" y="2924272"/>
              <a:ext cx="143305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39" name="Oval 146"/>
            <p:cNvSpPr/>
            <p:nvPr userDrawn="1"/>
          </p:nvSpPr>
          <p:spPr>
            <a:xfrm>
              <a:off x="4656215" y="2924272"/>
              <a:ext cx="143305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0" name="Oval 147"/>
            <p:cNvSpPr/>
            <p:nvPr userDrawn="1"/>
          </p:nvSpPr>
          <p:spPr>
            <a:xfrm>
              <a:off x="6960882" y="2924272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1" name="Oval 148"/>
            <p:cNvSpPr/>
            <p:nvPr userDrawn="1"/>
          </p:nvSpPr>
          <p:spPr>
            <a:xfrm>
              <a:off x="7176681" y="2924272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2" name="Oval 149"/>
            <p:cNvSpPr/>
            <p:nvPr userDrawn="1"/>
          </p:nvSpPr>
          <p:spPr>
            <a:xfrm>
              <a:off x="7392481" y="2924272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3" name="Oval 150"/>
            <p:cNvSpPr/>
            <p:nvPr userDrawn="1"/>
          </p:nvSpPr>
          <p:spPr>
            <a:xfrm>
              <a:off x="7392481" y="2492674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4" name="Oval 151"/>
            <p:cNvSpPr/>
            <p:nvPr userDrawn="1"/>
          </p:nvSpPr>
          <p:spPr>
            <a:xfrm>
              <a:off x="7608280" y="2492674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5" name="Oval 152"/>
            <p:cNvSpPr/>
            <p:nvPr userDrawn="1"/>
          </p:nvSpPr>
          <p:spPr>
            <a:xfrm>
              <a:off x="7824079" y="2492674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6" name="Oval 153"/>
            <p:cNvSpPr/>
            <p:nvPr userDrawn="1"/>
          </p:nvSpPr>
          <p:spPr>
            <a:xfrm>
              <a:off x="7824079" y="2708473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7" name="Oval 154"/>
            <p:cNvSpPr/>
            <p:nvPr userDrawn="1"/>
          </p:nvSpPr>
          <p:spPr>
            <a:xfrm>
              <a:off x="7824079" y="2924272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8" name="Oval 155"/>
            <p:cNvSpPr/>
            <p:nvPr userDrawn="1"/>
          </p:nvSpPr>
          <p:spPr>
            <a:xfrm>
              <a:off x="7824079" y="3141756"/>
              <a:ext cx="143304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49" name="Oval 156"/>
            <p:cNvSpPr/>
            <p:nvPr userDrawn="1"/>
          </p:nvSpPr>
          <p:spPr>
            <a:xfrm>
              <a:off x="7608280" y="3141756"/>
              <a:ext cx="143304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0" name="Oval 157"/>
            <p:cNvSpPr/>
            <p:nvPr userDrawn="1"/>
          </p:nvSpPr>
          <p:spPr>
            <a:xfrm>
              <a:off x="7392481" y="3357556"/>
              <a:ext cx="143304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1" name="Oval 158"/>
            <p:cNvSpPr/>
            <p:nvPr userDrawn="1"/>
          </p:nvSpPr>
          <p:spPr>
            <a:xfrm>
              <a:off x="7392481" y="3789154"/>
              <a:ext cx="143304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2" name="Oval 159"/>
            <p:cNvSpPr/>
            <p:nvPr userDrawn="1"/>
          </p:nvSpPr>
          <p:spPr>
            <a:xfrm>
              <a:off x="7176681" y="3789154"/>
              <a:ext cx="143304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3" name="Oval 160"/>
            <p:cNvSpPr/>
            <p:nvPr userDrawn="1"/>
          </p:nvSpPr>
          <p:spPr>
            <a:xfrm>
              <a:off x="4224617" y="3357556"/>
              <a:ext cx="143305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4" name="Oval 161"/>
            <p:cNvSpPr/>
            <p:nvPr userDrawn="1"/>
          </p:nvSpPr>
          <p:spPr>
            <a:xfrm>
              <a:off x="4656215" y="3357556"/>
              <a:ext cx="143305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5" name="Oval 162"/>
            <p:cNvSpPr/>
            <p:nvPr userDrawn="1"/>
          </p:nvSpPr>
          <p:spPr>
            <a:xfrm>
              <a:off x="4224617" y="3573355"/>
              <a:ext cx="143305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6" name="Oval 163"/>
            <p:cNvSpPr/>
            <p:nvPr userDrawn="1"/>
          </p:nvSpPr>
          <p:spPr>
            <a:xfrm>
              <a:off x="4440416" y="3573355"/>
              <a:ext cx="143305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7" name="Oval 164"/>
            <p:cNvSpPr/>
            <p:nvPr userDrawn="1"/>
          </p:nvSpPr>
          <p:spPr>
            <a:xfrm>
              <a:off x="4440416" y="3789154"/>
              <a:ext cx="143305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8" name="Oval 165"/>
            <p:cNvSpPr/>
            <p:nvPr userDrawn="1"/>
          </p:nvSpPr>
          <p:spPr>
            <a:xfrm>
              <a:off x="4872014" y="3573355"/>
              <a:ext cx="143305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59" name="Oval 166"/>
            <p:cNvSpPr/>
            <p:nvPr userDrawn="1"/>
          </p:nvSpPr>
          <p:spPr>
            <a:xfrm>
              <a:off x="4872014" y="3789154"/>
              <a:ext cx="143305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0" name="Oval 167"/>
            <p:cNvSpPr/>
            <p:nvPr userDrawn="1"/>
          </p:nvSpPr>
          <p:spPr>
            <a:xfrm>
              <a:off x="4224617" y="4004953"/>
              <a:ext cx="143305" cy="143305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1" name="Oval 168"/>
            <p:cNvSpPr/>
            <p:nvPr userDrawn="1"/>
          </p:nvSpPr>
          <p:spPr>
            <a:xfrm>
              <a:off x="4440416" y="4436551"/>
              <a:ext cx="143305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2" name="Oval 169"/>
            <p:cNvSpPr/>
            <p:nvPr userDrawn="1"/>
          </p:nvSpPr>
          <p:spPr>
            <a:xfrm>
              <a:off x="4656215" y="4869836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3" name="Oval 170"/>
            <p:cNvSpPr/>
            <p:nvPr userDrawn="1"/>
          </p:nvSpPr>
          <p:spPr>
            <a:xfrm>
              <a:off x="7824079" y="4220752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4" name="Oval 171"/>
            <p:cNvSpPr/>
            <p:nvPr userDrawn="1"/>
          </p:nvSpPr>
          <p:spPr>
            <a:xfrm>
              <a:off x="7824079" y="4436551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5" name="Oval 172"/>
            <p:cNvSpPr/>
            <p:nvPr userDrawn="1"/>
          </p:nvSpPr>
          <p:spPr>
            <a:xfrm>
              <a:off x="7608280" y="4436551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6" name="Oval 173"/>
            <p:cNvSpPr/>
            <p:nvPr userDrawn="1"/>
          </p:nvSpPr>
          <p:spPr>
            <a:xfrm>
              <a:off x="7392481" y="4652350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7" name="Oval 174"/>
            <p:cNvSpPr/>
            <p:nvPr userDrawn="1"/>
          </p:nvSpPr>
          <p:spPr>
            <a:xfrm>
              <a:off x="7176681" y="4652350"/>
              <a:ext cx="143304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8" name="Oval 175"/>
            <p:cNvSpPr/>
            <p:nvPr userDrawn="1"/>
          </p:nvSpPr>
          <p:spPr>
            <a:xfrm>
              <a:off x="7176681" y="486983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69" name="Oval 176"/>
            <p:cNvSpPr/>
            <p:nvPr userDrawn="1"/>
          </p:nvSpPr>
          <p:spPr>
            <a:xfrm>
              <a:off x="7392481" y="486983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0" name="Oval 177"/>
            <p:cNvSpPr/>
            <p:nvPr userDrawn="1"/>
          </p:nvSpPr>
          <p:spPr>
            <a:xfrm>
              <a:off x="7608280" y="4869836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1" name="Oval 178"/>
            <p:cNvSpPr/>
            <p:nvPr userDrawn="1"/>
          </p:nvSpPr>
          <p:spPr>
            <a:xfrm>
              <a:off x="7608280" y="5085635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2" name="Oval 179"/>
            <p:cNvSpPr/>
            <p:nvPr userDrawn="1"/>
          </p:nvSpPr>
          <p:spPr>
            <a:xfrm>
              <a:off x="6960882" y="5085635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3" name="Oval 180"/>
            <p:cNvSpPr/>
            <p:nvPr userDrawn="1"/>
          </p:nvSpPr>
          <p:spPr>
            <a:xfrm>
              <a:off x="6743397" y="5301434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4" name="Oval 181"/>
            <p:cNvSpPr/>
            <p:nvPr userDrawn="1"/>
          </p:nvSpPr>
          <p:spPr>
            <a:xfrm>
              <a:off x="6527598" y="5301434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5" name="Oval 182"/>
            <p:cNvSpPr/>
            <p:nvPr userDrawn="1"/>
          </p:nvSpPr>
          <p:spPr>
            <a:xfrm>
              <a:off x="6527598" y="5085635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6" name="Oval 183"/>
            <p:cNvSpPr/>
            <p:nvPr userDrawn="1"/>
          </p:nvSpPr>
          <p:spPr>
            <a:xfrm>
              <a:off x="5952696" y="5085635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7" name="Oval 184"/>
            <p:cNvSpPr/>
            <p:nvPr userDrawn="1"/>
          </p:nvSpPr>
          <p:spPr>
            <a:xfrm>
              <a:off x="6168495" y="5301434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8" name="Oval 185"/>
            <p:cNvSpPr/>
            <p:nvPr userDrawn="1"/>
          </p:nvSpPr>
          <p:spPr>
            <a:xfrm>
              <a:off x="5952696" y="5301434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79" name="Oval 186"/>
            <p:cNvSpPr/>
            <p:nvPr userDrawn="1"/>
          </p:nvSpPr>
          <p:spPr>
            <a:xfrm>
              <a:off x="5735210" y="5301434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0" name="Oval 187"/>
            <p:cNvSpPr/>
            <p:nvPr userDrawn="1"/>
          </p:nvSpPr>
          <p:spPr>
            <a:xfrm>
              <a:off x="5519411" y="5085635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1" name="Oval 188"/>
            <p:cNvSpPr/>
            <p:nvPr userDrawn="1"/>
          </p:nvSpPr>
          <p:spPr>
            <a:xfrm>
              <a:off x="5303612" y="5085635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2" name="Oval 189"/>
            <p:cNvSpPr/>
            <p:nvPr userDrawn="1"/>
          </p:nvSpPr>
          <p:spPr>
            <a:xfrm>
              <a:off x="5087813" y="5085635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3" name="Oval 190"/>
            <p:cNvSpPr/>
            <p:nvPr userDrawn="1"/>
          </p:nvSpPr>
          <p:spPr>
            <a:xfrm>
              <a:off x="4872014" y="5085635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4" name="Oval 191"/>
            <p:cNvSpPr/>
            <p:nvPr userDrawn="1"/>
          </p:nvSpPr>
          <p:spPr>
            <a:xfrm>
              <a:off x="4656215" y="5085635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5" name="Oval 192"/>
            <p:cNvSpPr/>
            <p:nvPr userDrawn="1"/>
          </p:nvSpPr>
          <p:spPr>
            <a:xfrm>
              <a:off x="5519411" y="4869836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6" name="Oval 193"/>
            <p:cNvSpPr/>
            <p:nvPr userDrawn="1"/>
          </p:nvSpPr>
          <p:spPr>
            <a:xfrm>
              <a:off x="5303612" y="4869836"/>
              <a:ext cx="144990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7" name="Oval 194"/>
            <p:cNvSpPr/>
            <p:nvPr userDrawn="1"/>
          </p:nvSpPr>
          <p:spPr>
            <a:xfrm>
              <a:off x="4440416" y="4869836"/>
              <a:ext cx="143305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8" name="Oval 195"/>
            <p:cNvSpPr/>
            <p:nvPr userDrawn="1"/>
          </p:nvSpPr>
          <p:spPr>
            <a:xfrm>
              <a:off x="4656215" y="4652350"/>
              <a:ext cx="143305" cy="144990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  <p:sp>
          <p:nvSpPr>
            <p:cNvPr id="89" name="Oval 196"/>
            <p:cNvSpPr/>
            <p:nvPr userDrawn="1"/>
          </p:nvSpPr>
          <p:spPr>
            <a:xfrm>
              <a:off x="7176681" y="5085635"/>
              <a:ext cx="143304" cy="143304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>
                <a:defRPr/>
              </a:pPr>
              <a:endParaRPr lang="en-GB" sz="1800"/>
            </a:p>
          </p:txBody>
        </p:sp>
      </p:grpSp>
      <p:sp>
        <p:nvSpPr>
          <p:cNvPr id="90" name="Freeform 6"/>
          <p:cNvSpPr>
            <a:spLocks noChangeAspect="1" noEditPoints="1"/>
          </p:cNvSpPr>
          <p:nvPr/>
        </p:nvSpPr>
        <p:spPr bwMode="auto">
          <a:xfrm>
            <a:off x="5094818" y="5903913"/>
            <a:ext cx="1769533" cy="404812"/>
          </a:xfrm>
          <a:custGeom>
            <a:avLst/>
            <a:gdLst>
              <a:gd name="T0" fmla="*/ 225943 w 4892"/>
              <a:gd name="T1" fmla="*/ 51807 h 1494"/>
              <a:gd name="T2" fmla="*/ 153793 w 4892"/>
              <a:gd name="T3" fmla="*/ 298092 h 1494"/>
              <a:gd name="T4" fmla="*/ 432628 w 4892"/>
              <a:gd name="T5" fmla="*/ 294837 h 1494"/>
              <a:gd name="T6" fmla="*/ 365360 w 4892"/>
              <a:gd name="T7" fmla="*/ 382177 h 1494"/>
              <a:gd name="T8" fmla="*/ 357494 w 4892"/>
              <a:gd name="T9" fmla="*/ 97104 h 1494"/>
              <a:gd name="T10" fmla="*/ 322776 w 4892"/>
              <a:gd name="T11" fmla="*/ 150267 h 1494"/>
              <a:gd name="T12" fmla="*/ 428288 w 4892"/>
              <a:gd name="T13" fmla="*/ 402248 h 1494"/>
              <a:gd name="T14" fmla="*/ 448088 w 4892"/>
              <a:gd name="T15" fmla="*/ 256321 h 1494"/>
              <a:gd name="T16" fmla="*/ 420964 w 4892"/>
              <a:gd name="T17" fmla="*/ 24412 h 1494"/>
              <a:gd name="T18" fmla="*/ 422321 w 4892"/>
              <a:gd name="T19" fmla="*/ 88695 h 1494"/>
              <a:gd name="T20" fmla="*/ 467889 w 4892"/>
              <a:gd name="T21" fmla="*/ 78659 h 1494"/>
              <a:gd name="T22" fmla="*/ 499082 w 4892"/>
              <a:gd name="T23" fmla="*/ 27666 h 1494"/>
              <a:gd name="T24" fmla="*/ 519967 w 4892"/>
              <a:gd name="T25" fmla="*/ 71879 h 1494"/>
              <a:gd name="T26" fmla="*/ 515898 w 4892"/>
              <a:gd name="T27" fmla="*/ 122872 h 1494"/>
              <a:gd name="T28" fmla="*/ 564450 w 4892"/>
              <a:gd name="T29" fmla="*/ 82186 h 1494"/>
              <a:gd name="T30" fmla="*/ 552245 w 4892"/>
              <a:gd name="T31" fmla="*/ 141587 h 1494"/>
              <a:gd name="T32" fmla="*/ 233266 w 4892"/>
              <a:gd name="T33" fmla="*/ 241675 h 1494"/>
              <a:gd name="T34" fmla="*/ 252524 w 4892"/>
              <a:gd name="T35" fmla="*/ 175492 h 1494"/>
              <a:gd name="T36" fmla="*/ 301348 w 4892"/>
              <a:gd name="T37" fmla="*/ 236250 h 1494"/>
              <a:gd name="T38" fmla="*/ 571503 w 4892"/>
              <a:gd name="T39" fmla="*/ 325759 h 1494"/>
              <a:gd name="T40" fmla="*/ 631447 w 4892"/>
              <a:gd name="T41" fmla="*/ 277207 h 1494"/>
              <a:gd name="T42" fmla="*/ 625751 w 4892"/>
              <a:gd name="T43" fmla="*/ 353968 h 1494"/>
              <a:gd name="T44" fmla="*/ 215093 w 4892"/>
              <a:gd name="T45" fmla="*/ 208583 h 1494"/>
              <a:gd name="T46" fmla="*/ 283446 w 4892"/>
              <a:gd name="T47" fmla="*/ 262289 h 1494"/>
              <a:gd name="T48" fmla="*/ 292939 w 4892"/>
              <a:gd name="T49" fmla="*/ 172780 h 1494"/>
              <a:gd name="T50" fmla="*/ 171152 w 4892"/>
              <a:gd name="T51" fmla="*/ 286429 h 1494"/>
              <a:gd name="T52" fmla="*/ 249270 w 4892"/>
              <a:gd name="T53" fmla="*/ 55333 h 1494"/>
              <a:gd name="T54" fmla="*/ 555228 w 4892"/>
              <a:gd name="T55" fmla="*/ 157861 h 1494"/>
              <a:gd name="T56" fmla="*/ 572045 w 4892"/>
              <a:gd name="T57" fmla="*/ 70251 h 1494"/>
              <a:gd name="T58" fmla="*/ 527562 w 4892"/>
              <a:gd name="T59" fmla="*/ 117718 h 1494"/>
              <a:gd name="T60" fmla="*/ 524307 w 4892"/>
              <a:gd name="T61" fmla="*/ 62656 h 1494"/>
              <a:gd name="T62" fmla="*/ 485791 w 4892"/>
              <a:gd name="T63" fmla="*/ 26310 h 1494"/>
              <a:gd name="T64" fmla="*/ 460023 w 4892"/>
              <a:gd name="T65" fmla="*/ 82999 h 1494"/>
              <a:gd name="T66" fmla="*/ 441036 w 4892"/>
              <a:gd name="T67" fmla="*/ 57503 h 1494"/>
              <a:gd name="T68" fmla="*/ 581810 w 4892"/>
              <a:gd name="T69" fmla="*/ 12748 h 1494"/>
              <a:gd name="T70" fmla="*/ 474127 w 4892"/>
              <a:gd name="T71" fmla="*/ 270968 h 1494"/>
              <a:gd name="T72" fmla="*/ 659113 w 4892"/>
              <a:gd name="T73" fmla="*/ 149996 h 1494"/>
              <a:gd name="T74" fmla="*/ 371870 w 4892"/>
              <a:gd name="T75" fmla="*/ 126398 h 1494"/>
              <a:gd name="T76" fmla="*/ 298364 w 4892"/>
              <a:gd name="T77" fmla="*/ 109310 h 1494"/>
              <a:gd name="T78" fmla="*/ 594829 w 4892"/>
              <a:gd name="T79" fmla="*/ 266900 h 1494"/>
              <a:gd name="T80" fmla="*/ 578284 w 4892"/>
              <a:gd name="T81" fmla="*/ 352612 h 1494"/>
              <a:gd name="T82" fmla="*/ 662368 w 4892"/>
              <a:gd name="T83" fmla="*/ 320876 h 1494"/>
              <a:gd name="T84" fmla="*/ 590218 w 4892"/>
              <a:gd name="T85" fmla="*/ 233809 h 1494"/>
              <a:gd name="T86" fmla="*/ 628463 w 4892"/>
              <a:gd name="T87" fmla="*/ 159760 h 1494"/>
              <a:gd name="T88" fmla="*/ 661012 w 4892"/>
              <a:gd name="T89" fmla="*/ 53434 h 1494"/>
              <a:gd name="T90" fmla="*/ 815347 w 4892"/>
              <a:gd name="T91" fmla="*/ 387330 h 1494"/>
              <a:gd name="T92" fmla="*/ 763541 w 4892"/>
              <a:gd name="T93" fmla="*/ 323046 h 1494"/>
              <a:gd name="T94" fmla="*/ 773305 w 4892"/>
              <a:gd name="T95" fmla="*/ 256321 h 1494"/>
              <a:gd name="T96" fmla="*/ 802870 w 4892"/>
              <a:gd name="T97" fmla="*/ 269070 h 1494"/>
              <a:gd name="T98" fmla="*/ 761371 w 4892"/>
              <a:gd name="T99" fmla="*/ 304873 h 1494"/>
              <a:gd name="T100" fmla="*/ 833249 w 4892"/>
              <a:gd name="T101" fmla="*/ 385974 h 1494"/>
              <a:gd name="T102" fmla="*/ 740485 w 4892"/>
              <a:gd name="T103" fmla="*/ 365360 h 1494"/>
              <a:gd name="T104" fmla="*/ 1268589 w 4892"/>
              <a:gd name="T105" fmla="*/ 402248 h 1494"/>
              <a:gd name="T106" fmla="*/ 1137580 w 4892"/>
              <a:gd name="T107" fmla="*/ 9222 h 1494"/>
              <a:gd name="T108" fmla="*/ 1160365 w 4892"/>
              <a:gd name="T109" fmla="*/ 106326 h 1494"/>
              <a:gd name="T110" fmla="*/ 1131342 w 4892"/>
              <a:gd name="T111" fmla="*/ 71879 h 1494"/>
              <a:gd name="T112" fmla="*/ 1232786 w 4892"/>
              <a:gd name="T113" fmla="*/ 65369 h 1494"/>
              <a:gd name="T114" fmla="*/ 1281880 w 4892"/>
              <a:gd name="T115" fmla="*/ 171423 h 1494"/>
              <a:gd name="T116" fmla="*/ 1229260 w 4892"/>
              <a:gd name="T117" fmla="*/ 212381 h 1494"/>
              <a:gd name="T118" fmla="*/ 1201593 w 4892"/>
              <a:gd name="T119" fmla="*/ 28209 h 1494"/>
              <a:gd name="T120" fmla="*/ 1313615 w 4892"/>
              <a:gd name="T121" fmla="*/ 22784 h 1494"/>
              <a:gd name="T122" fmla="*/ 1292187 w 4892"/>
              <a:gd name="T123" fmla="*/ 211296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</p:spTree>
    <p:extLst>
      <p:ext uri="{BB962C8B-B14F-4D97-AF65-F5344CB8AC3E}">
        <p14:creationId xmlns:p14="http://schemas.microsoft.com/office/powerpoint/2010/main" val="4060031318"/>
      </p:ext>
    </p:extLst>
  </p:cSld>
  <p:clrMapOvr>
    <a:masterClrMapping/>
  </p:clrMapOvr>
  <p:transition spd="slow">
    <p:push dir="u"/>
  </p:transition>
  <p:hf hdr="0" ftr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ainaus ja kuvatek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366139" y="3632200"/>
            <a:ext cx="722452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470400"/>
            <a:ext cx="8596668" cy="1570962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  <p:sp>
        <p:nvSpPr>
          <p:cNvPr id="20" name="TextBox 19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</a:rPr>
              <a:t>”</a:t>
            </a:r>
            <a:endParaRPr lang="en-US" dirty="0">
              <a:solidFill>
                <a:schemeClr val="accent1">
                  <a:lumMod val="60000"/>
                  <a:lumOff val="40000"/>
                </a:schemeClr>
              </a:solid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990459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imikort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1931988"/>
            <a:ext cx="8596668" cy="2595460"/>
          </a:xfrm>
        </p:spPr>
        <p:txBody>
          <a:bodyPr anchor="b">
            <a:normAutofit/>
          </a:bodyPr>
          <a:lstStyle>
            <a:lvl1pPr algn="l">
              <a:defRPr sz="4400" b="0" cap="none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85496863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ainauksen nimikort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334" y="609600"/>
            <a:ext cx="8094134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  <p:sp>
        <p:nvSpPr>
          <p:cNvPr id="24" name="TextBox 23"/>
          <p:cNvSpPr txBox="1"/>
          <p:nvPr/>
        </p:nvSpPr>
        <p:spPr>
          <a:xfrm>
            <a:off x="541870" y="790378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8893011" y="288655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/>
                <a:latin typeface="Arial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405982195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osi tai epätos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799" y="609600"/>
            <a:ext cx="8588203" cy="3022600"/>
          </a:xfrm>
        </p:spPr>
        <p:txBody>
          <a:bodyPr anchor="ctr">
            <a:normAutofit/>
          </a:bodyPr>
          <a:lstStyle>
            <a:lvl1pPr algn="l">
              <a:defRPr sz="4400" b="0" cap="none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2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677332" y="4013200"/>
            <a:ext cx="8596669" cy="514248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1513914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64947958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Otsikko ja pystysuora tek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98410211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Pystysuora otsikko ja teks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67673" y="609599"/>
            <a:ext cx="1304743" cy="5251451"/>
          </a:xfrm>
        </p:spPr>
        <p:txBody>
          <a:bodyPr vert="eaVert" anchor="ctr"/>
          <a:lstStyle/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77335" y="609600"/>
            <a:ext cx="7060150" cy="5251450"/>
          </a:xfrm>
        </p:spPr>
        <p:txBody>
          <a:bodyPr vert="eaVert"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62802151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 smtClean="0"/>
              <a:t>Klicka här för att ändra format på underrubrik i bakgrunden</a:t>
            </a:r>
            <a:endParaRPr lang="sv-SE"/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205822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 smtClean="0"/>
              <a:t>Klicka här för att ändra format på bakgrundstexten</a:t>
            </a:r>
          </a:p>
          <a:p>
            <a:pPr lvl="1"/>
            <a:r>
              <a:rPr lang="sv-SE" smtClean="0"/>
              <a:t>Nivå två</a:t>
            </a:r>
          </a:p>
          <a:p>
            <a:pPr lvl="2"/>
            <a:r>
              <a:rPr lang="sv-SE" smtClean="0"/>
              <a:t>Nivå tre</a:t>
            </a:r>
          </a:p>
          <a:p>
            <a:pPr lvl="3"/>
            <a:r>
              <a:rPr lang="sv-SE" smtClean="0"/>
              <a:t>Nivå fyra</a:t>
            </a:r>
          </a:p>
          <a:p>
            <a:pPr lvl="4"/>
            <a:r>
              <a:rPr lang="sv-SE" smtClean="0"/>
              <a:t>Nivå fem</a:t>
            </a:r>
            <a:endParaRPr lang="sv-SE"/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2805915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vsnitts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sv-SE" smtClean="0"/>
              <a:t>Klicka här för att ändra format på bakgrundstext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7392502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tsikko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40467502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sv-SE" smtClean="0"/>
              <a:t>Klicka här för att ändra format på bakgrundstexten</a:t>
            </a:r>
          </a:p>
          <a:p>
            <a:pPr lvl="1"/>
            <a:r>
              <a:rPr lang="sv-SE" smtClean="0"/>
              <a:t>Nivå två</a:t>
            </a:r>
          </a:p>
          <a:p>
            <a:pPr lvl="2"/>
            <a:r>
              <a:rPr lang="sv-SE" smtClean="0"/>
              <a:t>Nivå tre</a:t>
            </a:r>
          </a:p>
          <a:p>
            <a:pPr lvl="3"/>
            <a:r>
              <a:rPr lang="sv-SE" smtClean="0"/>
              <a:t>Nivå fyra</a:t>
            </a:r>
          </a:p>
          <a:p>
            <a:pPr lvl="4"/>
            <a:r>
              <a:rPr lang="sv-SE" smtClean="0"/>
              <a:t>Nivå fem</a:t>
            </a:r>
            <a:endParaRPr lang="sv-SE"/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sv-SE" smtClean="0"/>
              <a:t>Klicka här för att ändra format på bakgrundstexten</a:t>
            </a:r>
          </a:p>
          <a:p>
            <a:pPr lvl="1"/>
            <a:r>
              <a:rPr lang="sv-SE" smtClean="0"/>
              <a:t>Nivå två</a:t>
            </a:r>
          </a:p>
          <a:p>
            <a:pPr lvl="2"/>
            <a:r>
              <a:rPr lang="sv-SE" smtClean="0"/>
              <a:t>Nivå tre</a:t>
            </a:r>
          </a:p>
          <a:p>
            <a:pPr lvl="3"/>
            <a:r>
              <a:rPr lang="sv-SE" smtClean="0"/>
              <a:t>Nivå fyra</a:t>
            </a:r>
          </a:p>
          <a:p>
            <a:pPr lvl="4"/>
            <a:r>
              <a:rPr lang="sv-SE" smtClean="0"/>
              <a:t>Nivå fem</a:t>
            </a:r>
            <a:endParaRPr lang="sv-SE"/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828780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 smtClean="0"/>
              <a:t>Klicka här för att ändra format på bakgrundstexten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sv-SE" smtClean="0"/>
              <a:t>Klicka här för att ändra format på bakgrundstexten</a:t>
            </a:r>
          </a:p>
          <a:p>
            <a:pPr lvl="1"/>
            <a:r>
              <a:rPr lang="sv-SE" smtClean="0"/>
              <a:t>Nivå två</a:t>
            </a:r>
          </a:p>
          <a:p>
            <a:pPr lvl="2"/>
            <a:r>
              <a:rPr lang="sv-SE" smtClean="0"/>
              <a:t>Nivå tre</a:t>
            </a:r>
          </a:p>
          <a:p>
            <a:pPr lvl="3"/>
            <a:r>
              <a:rPr lang="sv-SE" smtClean="0"/>
              <a:t>Nivå fyra</a:t>
            </a:r>
          </a:p>
          <a:p>
            <a:pPr lvl="4"/>
            <a:r>
              <a:rPr lang="sv-SE" smtClean="0"/>
              <a:t>Nivå fem</a:t>
            </a:r>
            <a:endParaRPr lang="sv-SE"/>
          </a:p>
        </p:txBody>
      </p:sp>
      <p:sp>
        <p:nvSpPr>
          <p:cNvPr id="5" name="Platshållare för text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 smtClean="0"/>
              <a:t>Klicka här för att ändra format på bakgrundstexten</a:t>
            </a:r>
          </a:p>
        </p:txBody>
      </p:sp>
      <p:sp>
        <p:nvSpPr>
          <p:cNvPr id="6" name="Platshållare för innehåll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sv-SE" smtClean="0"/>
              <a:t>Klicka här för att ändra format på bakgrundstexten</a:t>
            </a:r>
          </a:p>
          <a:p>
            <a:pPr lvl="1"/>
            <a:r>
              <a:rPr lang="sv-SE" smtClean="0"/>
              <a:t>Nivå två</a:t>
            </a:r>
          </a:p>
          <a:p>
            <a:pPr lvl="2"/>
            <a:r>
              <a:rPr lang="sv-SE" smtClean="0"/>
              <a:t>Nivå tre</a:t>
            </a:r>
          </a:p>
          <a:p>
            <a:pPr lvl="3"/>
            <a:r>
              <a:rPr lang="sv-SE" smtClean="0"/>
              <a:t>Nivå fyra</a:t>
            </a:r>
          </a:p>
          <a:p>
            <a:pPr lvl="4"/>
            <a:r>
              <a:rPr lang="sv-SE" smtClean="0"/>
              <a:t>Nivå fem</a:t>
            </a:r>
            <a:endParaRPr lang="sv-SE"/>
          </a:p>
        </p:txBody>
      </p:sp>
      <p:sp>
        <p:nvSpPr>
          <p:cNvPr id="7" name="Platshållare fö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8" name="Platshållare för sidfo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Platshållare för bild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3020748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Endast 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07902663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41335394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ehåll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sv-SE" smtClean="0"/>
              <a:t>Klicka här för att ändra format på bakgrundstexten</a:t>
            </a:r>
          </a:p>
          <a:p>
            <a:pPr lvl="1"/>
            <a:r>
              <a:rPr lang="sv-SE" smtClean="0"/>
              <a:t>Nivå två</a:t>
            </a:r>
          </a:p>
          <a:p>
            <a:pPr lvl="2"/>
            <a:r>
              <a:rPr lang="sv-SE" smtClean="0"/>
              <a:t>Nivå tre</a:t>
            </a:r>
          </a:p>
          <a:p>
            <a:pPr lvl="3"/>
            <a:r>
              <a:rPr lang="sv-SE" smtClean="0"/>
              <a:t>Nivå fyra</a:t>
            </a:r>
          </a:p>
          <a:p>
            <a:pPr lvl="4"/>
            <a:r>
              <a:rPr lang="sv-SE" smtClean="0"/>
              <a:t>Nivå fem</a:t>
            </a:r>
            <a:endParaRPr lang="sv-SE"/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sv-SE" smtClean="0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09827667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bild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sv-SE"/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sv-SE" smtClean="0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0323143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Rubrik och lodrä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sv-SE" smtClean="0"/>
              <a:t>Klicka här för att ändra format på bakgrundstexten</a:t>
            </a:r>
          </a:p>
          <a:p>
            <a:pPr lvl="1"/>
            <a:r>
              <a:rPr lang="sv-SE" smtClean="0"/>
              <a:t>Nivå två</a:t>
            </a:r>
          </a:p>
          <a:p>
            <a:pPr lvl="2"/>
            <a:r>
              <a:rPr lang="sv-SE" smtClean="0"/>
              <a:t>Nivå tre</a:t>
            </a:r>
          </a:p>
          <a:p>
            <a:pPr lvl="3"/>
            <a:r>
              <a:rPr lang="sv-SE" smtClean="0"/>
              <a:t>Nivå fyra</a:t>
            </a:r>
          </a:p>
          <a:p>
            <a:pPr lvl="4"/>
            <a:r>
              <a:rPr lang="sv-SE" smtClean="0"/>
              <a:t>Nivå fem</a:t>
            </a:r>
            <a:endParaRPr lang="sv-SE"/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1840140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ät rubrik oc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ät rubrik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sv-SE" smtClean="0"/>
              <a:t>Klicka här för att ändra format på bakgrundstexten</a:t>
            </a:r>
          </a:p>
          <a:p>
            <a:pPr lvl="1"/>
            <a:r>
              <a:rPr lang="sv-SE" smtClean="0"/>
              <a:t>Nivå två</a:t>
            </a:r>
          </a:p>
          <a:p>
            <a:pPr lvl="2"/>
            <a:r>
              <a:rPr lang="sv-SE" smtClean="0"/>
              <a:t>Nivå tre</a:t>
            </a:r>
          </a:p>
          <a:p>
            <a:pPr lvl="3"/>
            <a:r>
              <a:rPr lang="sv-SE" smtClean="0"/>
              <a:t>Nivå fyra</a:t>
            </a:r>
          </a:p>
          <a:p>
            <a:pPr lvl="4"/>
            <a:r>
              <a:rPr lang="sv-SE" smtClean="0"/>
              <a:t>Nivå fem</a:t>
            </a:r>
            <a:endParaRPr lang="sv-SE"/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75589091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Kansileh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8"/>
          <p:cNvSpPr>
            <a:spLocks/>
          </p:cNvSpPr>
          <p:nvPr/>
        </p:nvSpPr>
        <p:spPr bwMode="white">
          <a:xfrm>
            <a:off x="2" y="1341438"/>
            <a:ext cx="12191999" cy="5516562"/>
          </a:xfrm>
          <a:custGeom>
            <a:avLst/>
            <a:gdLst>
              <a:gd name="T0" fmla="*/ 0 w 5764"/>
              <a:gd name="T1" fmla="*/ 434 h 3480"/>
              <a:gd name="T2" fmla="*/ 0 w 5764"/>
              <a:gd name="T3" fmla="*/ 1305 h 3480"/>
              <a:gd name="T4" fmla="*/ 0 w 5764"/>
              <a:gd name="T5" fmla="*/ 2174 h 3480"/>
              <a:gd name="T6" fmla="*/ 0 w 5764"/>
              <a:gd name="T7" fmla="*/ 3045 h 3480"/>
              <a:gd name="T8" fmla="*/ 721 w 5764"/>
              <a:gd name="T9" fmla="*/ 3480 h 3480"/>
              <a:gd name="T10" fmla="*/ 2162 w 5764"/>
              <a:gd name="T11" fmla="*/ 3480 h 3480"/>
              <a:gd name="T12" fmla="*/ 3603 w 5764"/>
              <a:gd name="T13" fmla="*/ 3480 h 3480"/>
              <a:gd name="T14" fmla="*/ 5044 w 5764"/>
              <a:gd name="T15" fmla="*/ 3480 h 3480"/>
              <a:gd name="T16" fmla="*/ 5764 w 5764"/>
              <a:gd name="T17" fmla="*/ 3045 h 3480"/>
              <a:gd name="T18" fmla="*/ 5764 w 5764"/>
              <a:gd name="T19" fmla="*/ 2174 h 3480"/>
              <a:gd name="T20" fmla="*/ 5764 w 5764"/>
              <a:gd name="T21" fmla="*/ 1305 h 3480"/>
              <a:gd name="T22" fmla="*/ 5764 w 5764"/>
              <a:gd name="T23" fmla="*/ 434 h 3480"/>
              <a:gd name="T24" fmla="*/ 5221 w 5764"/>
              <a:gd name="T25" fmla="*/ 0 h 3480"/>
              <a:gd name="T26" fmla="*/ 4135 w 5764"/>
              <a:gd name="T27" fmla="*/ 0 h 3480"/>
              <a:gd name="T28" fmla="*/ 3049 w 5764"/>
              <a:gd name="T29" fmla="*/ 0 h 3480"/>
              <a:gd name="T30" fmla="*/ 1964 w 5764"/>
              <a:gd name="T31" fmla="*/ 0 h 3480"/>
              <a:gd name="T32" fmla="*/ 1409 w 5764"/>
              <a:gd name="T33" fmla="*/ 1 h 3480"/>
              <a:gd name="T34" fmla="*/ 1383 w 5764"/>
              <a:gd name="T35" fmla="*/ 3 h 3480"/>
              <a:gd name="T36" fmla="*/ 1358 w 5764"/>
              <a:gd name="T37" fmla="*/ 7 h 3480"/>
              <a:gd name="T38" fmla="*/ 1333 w 5764"/>
              <a:gd name="T39" fmla="*/ 13 h 3480"/>
              <a:gd name="T40" fmla="*/ 1309 w 5764"/>
              <a:gd name="T41" fmla="*/ 20 h 3480"/>
              <a:gd name="T42" fmla="*/ 1286 w 5764"/>
              <a:gd name="T43" fmla="*/ 30 h 3480"/>
              <a:gd name="T44" fmla="*/ 1263 w 5764"/>
              <a:gd name="T45" fmla="*/ 40 h 3480"/>
              <a:gd name="T46" fmla="*/ 1242 w 5764"/>
              <a:gd name="T47" fmla="*/ 53 h 3480"/>
              <a:gd name="T48" fmla="*/ 1222 w 5764"/>
              <a:gd name="T49" fmla="*/ 66 h 3480"/>
              <a:gd name="T50" fmla="*/ 1202 w 5764"/>
              <a:gd name="T51" fmla="*/ 81 h 3480"/>
              <a:gd name="T52" fmla="*/ 1184 w 5764"/>
              <a:gd name="T53" fmla="*/ 98 h 3480"/>
              <a:gd name="T54" fmla="*/ 1167 w 5764"/>
              <a:gd name="T55" fmla="*/ 115 h 3480"/>
              <a:gd name="T56" fmla="*/ 1152 w 5764"/>
              <a:gd name="T57" fmla="*/ 134 h 3480"/>
              <a:gd name="T58" fmla="*/ 1138 w 5764"/>
              <a:gd name="T59" fmla="*/ 154 h 3480"/>
              <a:gd name="T60" fmla="*/ 1125 w 5764"/>
              <a:gd name="T61" fmla="*/ 174 h 3480"/>
              <a:gd name="T62" fmla="*/ 1114 w 5764"/>
              <a:gd name="T63" fmla="*/ 196 h 3480"/>
              <a:gd name="T64" fmla="*/ 1104 w 5764"/>
              <a:gd name="T65" fmla="*/ 196 h 3480"/>
              <a:gd name="T66" fmla="*/ 1092 w 5764"/>
              <a:gd name="T67" fmla="*/ 174 h 3480"/>
              <a:gd name="T68" fmla="*/ 1080 w 5764"/>
              <a:gd name="T69" fmla="*/ 154 h 3480"/>
              <a:gd name="T70" fmla="*/ 1065 w 5764"/>
              <a:gd name="T71" fmla="*/ 134 h 3480"/>
              <a:gd name="T72" fmla="*/ 1050 w 5764"/>
              <a:gd name="T73" fmla="*/ 115 h 3480"/>
              <a:gd name="T74" fmla="*/ 1024 w 5764"/>
              <a:gd name="T75" fmla="*/ 89 h 3480"/>
              <a:gd name="T76" fmla="*/ 1005 w 5764"/>
              <a:gd name="T77" fmla="*/ 74 h 3480"/>
              <a:gd name="T78" fmla="*/ 985 w 5764"/>
              <a:gd name="T79" fmla="*/ 59 h 3480"/>
              <a:gd name="T80" fmla="*/ 965 w 5764"/>
              <a:gd name="T81" fmla="*/ 46 h 3480"/>
              <a:gd name="T82" fmla="*/ 943 w 5764"/>
              <a:gd name="T83" fmla="*/ 35 h 3480"/>
              <a:gd name="T84" fmla="*/ 920 w 5764"/>
              <a:gd name="T85" fmla="*/ 25 h 3480"/>
              <a:gd name="T86" fmla="*/ 896 w 5764"/>
              <a:gd name="T87" fmla="*/ 16 h 3480"/>
              <a:gd name="T88" fmla="*/ 872 w 5764"/>
              <a:gd name="T89" fmla="*/ 10 h 3480"/>
              <a:gd name="T90" fmla="*/ 847 w 5764"/>
              <a:gd name="T91" fmla="*/ 5 h 3480"/>
              <a:gd name="T92" fmla="*/ 821 w 5764"/>
              <a:gd name="T93" fmla="*/ 2 h 3480"/>
              <a:gd name="T94" fmla="*/ 795 w 5764"/>
              <a:gd name="T95" fmla="*/ 0 h 348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5764" h="3480">
                <a:moveTo>
                  <a:pt x="0" y="0"/>
                </a:moveTo>
                <a:lnTo>
                  <a:pt x="0" y="434"/>
                </a:lnTo>
                <a:lnTo>
                  <a:pt x="0" y="869"/>
                </a:lnTo>
                <a:lnTo>
                  <a:pt x="0" y="1305"/>
                </a:lnTo>
                <a:lnTo>
                  <a:pt x="0" y="1740"/>
                </a:lnTo>
                <a:lnTo>
                  <a:pt x="0" y="2174"/>
                </a:lnTo>
                <a:lnTo>
                  <a:pt x="0" y="2609"/>
                </a:lnTo>
                <a:lnTo>
                  <a:pt x="0" y="3045"/>
                </a:lnTo>
                <a:lnTo>
                  <a:pt x="0" y="3480"/>
                </a:lnTo>
                <a:lnTo>
                  <a:pt x="721" y="3480"/>
                </a:lnTo>
                <a:lnTo>
                  <a:pt x="1441" y="3480"/>
                </a:lnTo>
                <a:lnTo>
                  <a:pt x="2162" y="3480"/>
                </a:lnTo>
                <a:lnTo>
                  <a:pt x="2882" y="3480"/>
                </a:lnTo>
                <a:lnTo>
                  <a:pt x="3603" y="3480"/>
                </a:lnTo>
                <a:lnTo>
                  <a:pt x="4323" y="3480"/>
                </a:lnTo>
                <a:lnTo>
                  <a:pt x="5044" y="3480"/>
                </a:lnTo>
                <a:lnTo>
                  <a:pt x="5764" y="3480"/>
                </a:lnTo>
                <a:lnTo>
                  <a:pt x="5764" y="3045"/>
                </a:lnTo>
                <a:lnTo>
                  <a:pt x="5764" y="2609"/>
                </a:lnTo>
                <a:lnTo>
                  <a:pt x="5764" y="2174"/>
                </a:lnTo>
                <a:lnTo>
                  <a:pt x="5764" y="1740"/>
                </a:lnTo>
                <a:lnTo>
                  <a:pt x="5764" y="1305"/>
                </a:lnTo>
                <a:lnTo>
                  <a:pt x="5764" y="869"/>
                </a:lnTo>
                <a:lnTo>
                  <a:pt x="5764" y="434"/>
                </a:lnTo>
                <a:lnTo>
                  <a:pt x="5764" y="0"/>
                </a:lnTo>
                <a:lnTo>
                  <a:pt x="5221" y="0"/>
                </a:lnTo>
                <a:lnTo>
                  <a:pt x="4678" y="0"/>
                </a:lnTo>
                <a:lnTo>
                  <a:pt x="4135" y="0"/>
                </a:lnTo>
                <a:lnTo>
                  <a:pt x="3592" y="0"/>
                </a:lnTo>
                <a:lnTo>
                  <a:pt x="3049" y="0"/>
                </a:lnTo>
                <a:lnTo>
                  <a:pt x="2507" y="0"/>
                </a:lnTo>
                <a:lnTo>
                  <a:pt x="1964" y="0"/>
                </a:lnTo>
                <a:lnTo>
                  <a:pt x="1422" y="0"/>
                </a:lnTo>
                <a:lnTo>
                  <a:pt x="1409" y="1"/>
                </a:lnTo>
                <a:lnTo>
                  <a:pt x="1396" y="2"/>
                </a:lnTo>
                <a:lnTo>
                  <a:pt x="1383" y="3"/>
                </a:lnTo>
                <a:lnTo>
                  <a:pt x="1370" y="5"/>
                </a:lnTo>
                <a:lnTo>
                  <a:pt x="1358" y="7"/>
                </a:lnTo>
                <a:lnTo>
                  <a:pt x="1345" y="10"/>
                </a:lnTo>
                <a:lnTo>
                  <a:pt x="1333" y="13"/>
                </a:lnTo>
                <a:lnTo>
                  <a:pt x="1321" y="16"/>
                </a:lnTo>
                <a:lnTo>
                  <a:pt x="1309" y="20"/>
                </a:lnTo>
                <a:lnTo>
                  <a:pt x="1297" y="25"/>
                </a:lnTo>
                <a:lnTo>
                  <a:pt x="1286" y="30"/>
                </a:lnTo>
                <a:lnTo>
                  <a:pt x="1274" y="35"/>
                </a:lnTo>
                <a:lnTo>
                  <a:pt x="1263" y="40"/>
                </a:lnTo>
                <a:lnTo>
                  <a:pt x="1253" y="46"/>
                </a:lnTo>
                <a:lnTo>
                  <a:pt x="1242" y="53"/>
                </a:lnTo>
                <a:lnTo>
                  <a:pt x="1232" y="59"/>
                </a:lnTo>
                <a:lnTo>
                  <a:pt x="1222" y="66"/>
                </a:lnTo>
                <a:lnTo>
                  <a:pt x="1212" y="74"/>
                </a:lnTo>
                <a:lnTo>
                  <a:pt x="1202" y="81"/>
                </a:lnTo>
                <a:lnTo>
                  <a:pt x="1193" y="89"/>
                </a:lnTo>
                <a:lnTo>
                  <a:pt x="1184" y="98"/>
                </a:lnTo>
                <a:lnTo>
                  <a:pt x="1176" y="106"/>
                </a:lnTo>
                <a:lnTo>
                  <a:pt x="1167" y="115"/>
                </a:lnTo>
                <a:lnTo>
                  <a:pt x="1159" y="124"/>
                </a:lnTo>
                <a:lnTo>
                  <a:pt x="1152" y="134"/>
                </a:lnTo>
                <a:lnTo>
                  <a:pt x="1145" y="144"/>
                </a:lnTo>
                <a:lnTo>
                  <a:pt x="1138" y="154"/>
                </a:lnTo>
                <a:lnTo>
                  <a:pt x="1131" y="164"/>
                </a:lnTo>
                <a:lnTo>
                  <a:pt x="1125" y="174"/>
                </a:lnTo>
                <a:lnTo>
                  <a:pt x="1119" y="185"/>
                </a:lnTo>
                <a:lnTo>
                  <a:pt x="1114" y="196"/>
                </a:lnTo>
                <a:lnTo>
                  <a:pt x="1109" y="207"/>
                </a:lnTo>
                <a:lnTo>
                  <a:pt x="1104" y="196"/>
                </a:lnTo>
                <a:lnTo>
                  <a:pt x="1098" y="185"/>
                </a:lnTo>
                <a:lnTo>
                  <a:pt x="1092" y="174"/>
                </a:lnTo>
                <a:lnTo>
                  <a:pt x="1086" y="164"/>
                </a:lnTo>
                <a:lnTo>
                  <a:pt x="1080" y="154"/>
                </a:lnTo>
                <a:lnTo>
                  <a:pt x="1073" y="144"/>
                </a:lnTo>
                <a:lnTo>
                  <a:pt x="1065" y="134"/>
                </a:lnTo>
                <a:lnTo>
                  <a:pt x="1058" y="124"/>
                </a:lnTo>
                <a:lnTo>
                  <a:pt x="1050" y="115"/>
                </a:lnTo>
                <a:lnTo>
                  <a:pt x="1042" y="106"/>
                </a:lnTo>
                <a:lnTo>
                  <a:pt x="1024" y="89"/>
                </a:lnTo>
                <a:lnTo>
                  <a:pt x="1015" y="81"/>
                </a:lnTo>
                <a:lnTo>
                  <a:pt x="1005" y="74"/>
                </a:lnTo>
                <a:lnTo>
                  <a:pt x="996" y="66"/>
                </a:lnTo>
                <a:lnTo>
                  <a:pt x="985" y="59"/>
                </a:lnTo>
                <a:lnTo>
                  <a:pt x="975" y="53"/>
                </a:lnTo>
                <a:lnTo>
                  <a:pt x="965" y="46"/>
                </a:lnTo>
                <a:lnTo>
                  <a:pt x="954" y="40"/>
                </a:lnTo>
                <a:lnTo>
                  <a:pt x="943" y="35"/>
                </a:lnTo>
                <a:lnTo>
                  <a:pt x="931" y="30"/>
                </a:lnTo>
                <a:lnTo>
                  <a:pt x="920" y="25"/>
                </a:lnTo>
                <a:lnTo>
                  <a:pt x="908" y="20"/>
                </a:lnTo>
                <a:lnTo>
                  <a:pt x="896" y="16"/>
                </a:lnTo>
                <a:lnTo>
                  <a:pt x="884" y="13"/>
                </a:lnTo>
                <a:lnTo>
                  <a:pt x="872" y="10"/>
                </a:lnTo>
                <a:lnTo>
                  <a:pt x="860" y="7"/>
                </a:lnTo>
                <a:lnTo>
                  <a:pt x="847" y="5"/>
                </a:lnTo>
                <a:lnTo>
                  <a:pt x="834" y="3"/>
                </a:lnTo>
                <a:lnTo>
                  <a:pt x="821" y="2"/>
                </a:lnTo>
                <a:lnTo>
                  <a:pt x="808" y="1"/>
                </a:lnTo>
                <a:lnTo>
                  <a:pt x="795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i-FI" sz="1800"/>
          </a:p>
        </p:txBody>
      </p:sp>
      <p:sp>
        <p:nvSpPr>
          <p:cNvPr id="2" name="Otsikko 1"/>
          <p:cNvSpPr>
            <a:spLocks noGrp="1"/>
          </p:cNvSpPr>
          <p:nvPr>
            <p:ph type="ctrTitle"/>
          </p:nvPr>
        </p:nvSpPr>
        <p:spPr bwMode="black">
          <a:xfrm>
            <a:off x="1200000" y="2998800"/>
            <a:ext cx="9792000" cy="1224000"/>
          </a:xfrm>
        </p:spPr>
        <p:txBody>
          <a:bodyPr anchor="t">
            <a:noAutofit/>
          </a:bodyPr>
          <a:lstStyle>
            <a:lvl1pPr>
              <a:defRPr sz="4000"/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 bwMode="black">
          <a:xfrm>
            <a:off x="1200000" y="4366800"/>
            <a:ext cx="9792000" cy="756000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i-FI" smtClean="0"/>
              <a:t>Muokkaa alaotsikon perustyyliä napsautt.</a:t>
            </a:r>
            <a:endParaRPr lang="fi-FI" dirty="0"/>
          </a:p>
        </p:txBody>
      </p:sp>
      <p:pic>
        <p:nvPicPr>
          <p:cNvPr id="8" name="Kuva 7" descr="KelaFpa_väri_iso.jpg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9456" y="548681"/>
            <a:ext cx="2208245" cy="533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2026514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tsikko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 bwMode="white"/>
        <p:txBody>
          <a:bodyPr/>
          <a:lstStyle/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 dirty="0"/>
          </a:p>
        </p:txBody>
      </p:sp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1299551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Osan ylätunnis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5" y="2700867"/>
            <a:ext cx="8596668" cy="1826581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5" y="4527448"/>
            <a:ext cx="8596668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30621083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Kansilehti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reeform 6"/>
          <p:cNvSpPr>
            <a:spLocks/>
          </p:cNvSpPr>
          <p:nvPr/>
        </p:nvSpPr>
        <p:spPr bwMode="ltGray">
          <a:xfrm>
            <a:off x="2" y="1341438"/>
            <a:ext cx="12191999" cy="5516562"/>
          </a:xfrm>
          <a:custGeom>
            <a:avLst/>
            <a:gdLst>
              <a:gd name="T0" fmla="*/ 0 w 5764"/>
              <a:gd name="T1" fmla="*/ 434 h 3480"/>
              <a:gd name="T2" fmla="*/ 0 w 5764"/>
              <a:gd name="T3" fmla="*/ 1305 h 3480"/>
              <a:gd name="T4" fmla="*/ 0 w 5764"/>
              <a:gd name="T5" fmla="*/ 2174 h 3480"/>
              <a:gd name="T6" fmla="*/ 0 w 5764"/>
              <a:gd name="T7" fmla="*/ 3045 h 3480"/>
              <a:gd name="T8" fmla="*/ 721 w 5764"/>
              <a:gd name="T9" fmla="*/ 3480 h 3480"/>
              <a:gd name="T10" fmla="*/ 2162 w 5764"/>
              <a:gd name="T11" fmla="*/ 3480 h 3480"/>
              <a:gd name="T12" fmla="*/ 3603 w 5764"/>
              <a:gd name="T13" fmla="*/ 3480 h 3480"/>
              <a:gd name="T14" fmla="*/ 5044 w 5764"/>
              <a:gd name="T15" fmla="*/ 3480 h 3480"/>
              <a:gd name="T16" fmla="*/ 5764 w 5764"/>
              <a:gd name="T17" fmla="*/ 3045 h 3480"/>
              <a:gd name="T18" fmla="*/ 5764 w 5764"/>
              <a:gd name="T19" fmla="*/ 2174 h 3480"/>
              <a:gd name="T20" fmla="*/ 5764 w 5764"/>
              <a:gd name="T21" fmla="*/ 1305 h 3480"/>
              <a:gd name="T22" fmla="*/ 5764 w 5764"/>
              <a:gd name="T23" fmla="*/ 434 h 3480"/>
              <a:gd name="T24" fmla="*/ 5221 w 5764"/>
              <a:gd name="T25" fmla="*/ 0 h 3480"/>
              <a:gd name="T26" fmla="*/ 4135 w 5764"/>
              <a:gd name="T27" fmla="*/ 0 h 3480"/>
              <a:gd name="T28" fmla="*/ 3049 w 5764"/>
              <a:gd name="T29" fmla="*/ 0 h 3480"/>
              <a:gd name="T30" fmla="*/ 1964 w 5764"/>
              <a:gd name="T31" fmla="*/ 0 h 3480"/>
              <a:gd name="T32" fmla="*/ 1409 w 5764"/>
              <a:gd name="T33" fmla="*/ 1 h 3480"/>
              <a:gd name="T34" fmla="*/ 1383 w 5764"/>
              <a:gd name="T35" fmla="*/ 3 h 3480"/>
              <a:gd name="T36" fmla="*/ 1358 w 5764"/>
              <a:gd name="T37" fmla="*/ 7 h 3480"/>
              <a:gd name="T38" fmla="*/ 1333 w 5764"/>
              <a:gd name="T39" fmla="*/ 13 h 3480"/>
              <a:gd name="T40" fmla="*/ 1309 w 5764"/>
              <a:gd name="T41" fmla="*/ 20 h 3480"/>
              <a:gd name="T42" fmla="*/ 1286 w 5764"/>
              <a:gd name="T43" fmla="*/ 30 h 3480"/>
              <a:gd name="T44" fmla="*/ 1263 w 5764"/>
              <a:gd name="T45" fmla="*/ 40 h 3480"/>
              <a:gd name="T46" fmla="*/ 1242 w 5764"/>
              <a:gd name="T47" fmla="*/ 53 h 3480"/>
              <a:gd name="T48" fmla="*/ 1222 w 5764"/>
              <a:gd name="T49" fmla="*/ 66 h 3480"/>
              <a:gd name="T50" fmla="*/ 1202 w 5764"/>
              <a:gd name="T51" fmla="*/ 81 h 3480"/>
              <a:gd name="T52" fmla="*/ 1184 w 5764"/>
              <a:gd name="T53" fmla="*/ 98 h 3480"/>
              <a:gd name="T54" fmla="*/ 1167 w 5764"/>
              <a:gd name="T55" fmla="*/ 115 h 3480"/>
              <a:gd name="T56" fmla="*/ 1152 w 5764"/>
              <a:gd name="T57" fmla="*/ 134 h 3480"/>
              <a:gd name="T58" fmla="*/ 1138 w 5764"/>
              <a:gd name="T59" fmla="*/ 154 h 3480"/>
              <a:gd name="T60" fmla="*/ 1125 w 5764"/>
              <a:gd name="T61" fmla="*/ 174 h 3480"/>
              <a:gd name="T62" fmla="*/ 1114 w 5764"/>
              <a:gd name="T63" fmla="*/ 196 h 3480"/>
              <a:gd name="T64" fmla="*/ 1104 w 5764"/>
              <a:gd name="T65" fmla="*/ 196 h 3480"/>
              <a:gd name="T66" fmla="*/ 1092 w 5764"/>
              <a:gd name="T67" fmla="*/ 174 h 3480"/>
              <a:gd name="T68" fmla="*/ 1080 w 5764"/>
              <a:gd name="T69" fmla="*/ 154 h 3480"/>
              <a:gd name="T70" fmla="*/ 1065 w 5764"/>
              <a:gd name="T71" fmla="*/ 134 h 3480"/>
              <a:gd name="T72" fmla="*/ 1050 w 5764"/>
              <a:gd name="T73" fmla="*/ 115 h 3480"/>
              <a:gd name="T74" fmla="*/ 1024 w 5764"/>
              <a:gd name="T75" fmla="*/ 89 h 3480"/>
              <a:gd name="T76" fmla="*/ 1005 w 5764"/>
              <a:gd name="T77" fmla="*/ 74 h 3480"/>
              <a:gd name="T78" fmla="*/ 985 w 5764"/>
              <a:gd name="T79" fmla="*/ 59 h 3480"/>
              <a:gd name="T80" fmla="*/ 965 w 5764"/>
              <a:gd name="T81" fmla="*/ 46 h 3480"/>
              <a:gd name="T82" fmla="*/ 943 w 5764"/>
              <a:gd name="T83" fmla="*/ 35 h 3480"/>
              <a:gd name="T84" fmla="*/ 920 w 5764"/>
              <a:gd name="T85" fmla="*/ 25 h 3480"/>
              <a:gd name="T86" fmla="*/ 896 w 5764"/>
              <a:gd name="T87" fmla="*/ 16 h 3480"/>
              <a:gd name="T88" fmla="*/ 872 w 5764"/>
              <a:gd name="T89" fmla="*/ 10 h 3480"/>
              <a:gd name="T90" fmla="*/ 847 w 5764"/>
              <a:gd name="T91" fmla="*/ 5 h 3480"/>
              <a:gd name="T92" fmla="*/ 821 w 5764"/>
              <a:gd name="T93" fmla="*/ 2 h 3480"/>
              <a:gd name="T94" fmla="*/ 795 w 5764"/>
              <a:gd name="T95" fmla="*/ 0 h 348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5764" h="3480">
                <a:moveTo>
                  <a:pt x="0" y="0"/>
                </a:moveTo>
                <a:lnTo>
                  <a:pt x="0" y="434"/>
                </a:lnTo>
                <a:lnTo>
                  <a:pt x="0" y="869"/>
                </a:lnTo>
                <a:lnTo>
                  <a:pt x="0" y="1305"/>
                </a:lnTo>
                <a:lnTo>
                  <a:pt x="0" y="1740"/>
                </a:lnTo>
                <a:lnTo>
                  <a:pt x="0" y="2174"/>
                </a:lnTo>
                <a:lnTo>
                  <a:pt x="0" y="2609"/>
                </a:lnTo>
                <a:lnTo>
                  <a:pt x="0" y="3045"/>
                </a:lnTo>
                <a:lnTo>
                  <a:pt x="0" y="3480"/>
                </a:lnTo>
                <a:lnTo>
                  <a:pt x="721" y="3480"/>
                </a:lnTo>
                <a:lnTo>
                  <a:pt x="1441" y="3480"/>
                </a:lnTo>
                <a:lnTo>
                  <a:pt x="2162" y="3480"/>
                </a:lnTo>
                <a:lnTo>
                  <a:pt x="2882" y="3480"/>
                </a:lnTo>
                <a:lnTo>
                  <a:pt x="3603" y="3480"/>
                </a:lnTo>
                <a:lnTo>
                  <a:pt x="4323" y="3480"/>
                </a:lnTo>
                <a:lnTo>
                  <a:pt x="5044" y="3480"/>
                </a:lnTo>
                <a:lnTo>
                  <a:pt x="5764" y="3480"/>
                </a:lnTo>
                <a:lnTo>
                  <a:pt x="5764" y="3045"/>
                </a:lnTo>
                <a:lnTo>
                  <a:pt x="5764" y="2609"/>
                </a:lnTo>
                <a:lnTo>
                  <a:pt x="5764" y="2174"/>
                </a:lnTo>
                <a:lnTo>
                  <a:pt x="5764" y="1740"/>
                </a:lnTo>
                <a:lnTo>
                  <a:pt x="5764" y="1305"/>
                </a:lnTo>
                <a:lnTo>
                  <a:pt x="5764" y="869"/>
                </a:lnTo>
                <a:lnTo>
                  <a:pt x="5764" y="434"/>
                </a:lnTo>
                <a:lnTo>
                  <a:pt x="5764" y="0"/>
                </a:lnTo>
                <a:lnTo>
                  <a:pt x="5221" y="0"/>
                </a:lnTo>
                <a:lnTo>
                  <a:pt x="4678" y="0"/>
                </a:lnTo>
                <a:lnTo>
                  <a:pt x="4135" y="0"/>
                </a:lnTo>
                <a:lnTo>
                  <a:pt x="3592" y="0"/>
                </a:lnTo>
                <a:lnTo>
                  <a:pt x="3049" y="0"/>
                </a:lnTo>
                <a:lnTo>
                  <a:pt x="2507" y="0"/>
                </a:lnTo>
                <a:lnTo>
                  <a:pt x="1964" y="0"/>
                </a:lnTo>
                <a:lnTo>
                  <a:pt x="1422" y="0"/>
                </a:lnTo>
                <a:lnTo>
                  <a:pt x="1409" y="1"/>
                </a:lnTo>
                <a:lnTo>
                  <a:pt x="1396" y="2"/>
                </a:lnTo>
                <a:lnTo>
                  <a:pt x="1383" y="3"/>
                </a:lnTo>
                <a:lnTo>
                  <a:pt x="1370" y="5"/>
                </a:lnTo>
                <a:lnTo>
                  <a:pt x="1358" y="7"/>
                </a:lnTo>
                <a:lnTo>
                  <a:pt x="1345" y="10"/>
                </a:lnTo>
                <a:lnTo>
                  <a:pt x="1333" y="13"/>
                </a:lnTo>
                <a:lnTo>
                  <a:pt x="1321" y="16"/>
                </a:lnTo>
                <a:lnTo>
                  <a:pt x="1309" y="20"/>
                </a:lnTo>
                <a:lnTo>
                  <a:pt x="1297" y="25"/>
                </a:lnTo>
                <a:lnTo>
                  <a:pt x="1286" y="30"/>
                </a:lnTo>
                <a:lnTo>
                  <a:pt x="1274" y="35"/>
                </a:lnTo>
                <a:lnTo>
                  <a:pt x="1263" y="40"/>
                </a:lnTo>
                <a:lnTo>
                  <a:pt x="1253" y="46"/>
                </a:lnTo>
                <a:lnTo>
                  <a:pt x="1242" y="53"/>
                </a:lnTo>
                <a:lnTo>
                  <a:pt x="1232" y="59"/>
                </a:lnTo>
                <a:lnTo>
                  <a:pt x="1222" y="66"/>
                </a:lnTo>
                <a:lnTo>
                  <a:pt x="1212" y="74"/>
                </a:lnTo>
                <a:lnTo>
                  <a:pt x="1202" y="81"/>
                </a:lnTo>
                <a:lnTo>
                  <a:pt x="1193" y="89"/>
                </a:lnTo>
                <a:lnTo>
                  <a:pt x="1184" y="98"/>
                </a:lnTo>
                <a:lnTo>
                  <a:pt x="1176" y="106"/>
                </a:lnTo>
                <a:lnTo>
                  <a:pt x="1167" y="115"/>
                </a:lnTo>
                <a:lnTo>
                  <a:pt x="1159" y="124"/>
                </a:lnTo>
                <a:lnTo>
                  <a:pt x="1152" y="134"/>
                </a:lnTo>
                <a:lnTo>
                  <a:pt x="1145" y="144"/>
                </a:lnTo>
                <a:lnTo>
                  <a:pt x="1138" y="154"/>
                </a:lnTo>
                <a:lnTo>
                  <a:pt x="1131" y="164"/>
                </a:lnTo>
                <a:lnTo>
                  <a:pt x="1125" y="174"/>
                </a:lnTo>
                <a:lnTo>
                  <a:pt x="1119" y="185"/>
                </a:lnTo>
                <a:lnTo>
                  <a:pt x="1114" y="196"/>
                </a:lnTo>
                <a:lnTo>
                  <a:pt x="1109" y="207"/>
                </a:lnTo>
                <a:lnTo>
                  <a:pt x="1104" y="196"/>
                </a:lnTo>
                <a:lnTo>
                  <a:pt x="1098" y="185"/>
                </a:lnTo>
                <a:lnTo>
                  <a:pt x="1092" y="174"/>
                </a:lnTo>
                <a:lnTo>
                  <a:pt x="1086" y="164"/>
                </a:lnTo>
                <a:lnTo>
                  <a:pt x="1080" y="154"/>
                </a:lnTo>
                <a:lnTo>
                  <a:pt x="1073" y="144"/>
                </a:lnTo>
                <a:lnTo>
                  <a:pt x="1065" y="134"/>
                </a:lnTo>
                <a:lnTo>
                  <a:pt x="1058" y="124"/>
                </a:lnTo>
                <a:lnTo>
                  <a:pt x="1050" y="115"/>
                </a:lnTo>
                <a:lnTo>
                  <a:pt x="1042" y="106"/>
                </a:lnTo>
                <a:lnTo>
                  <a:pt x="1024" y="89"/>
                </a:lnTo>
                <a:lnTo>
                  <a:pt x="1015" y="81"/>
                </a:lnTo>
                <a:lnTo>
                  <a:pt x="1005" y="74"/>
                </a:lnTo>
                <a:lnTo>
                  <a:pt x="996" y="66"/>
                </a:lnTo>
                <a:lnTo>
                  <a:pt x="985" y="59"/>
                </a:lnTo>
                <a:lnTo>
                  <a:pt x="975" y="53"/>
                </a:lnTo>
                <a:lnTo>
                  <a:pt x="965" y="46"/>
                </a:lnTo>
                <a:lnTo>
                  <a:pt x="954" y="40"/>
                </a:lnTo>
                <a:lnTo>
                  <a:pt x="943" y="35"/>
                </a:lnTo>
                <a:lnTo>
                  <a:pt x="931" y="30"/>
                </a:lnTo>
                <a:lnTo>
                  <a:pt x="920" y="25"/>
                </a:lnTo>
                <a:lnTo>
                  <a:pt x="908" y="20"/>
                </a:lnTo>
                <a:lnTo>
                  <a:pt x="896" y="16"/>
                </a:lnTo>
                <a:lnTo>
                  <a:pt x="884" y="13"/>
                </a:lnTo>
                <a:lnTo>
                  <a:pt x="872" y="10"/>
                </a:lnTo>
                <a:lnTo>
                  <a:pt x="860" y="7"/>
                </a:lnTo>
                <a:lnTo>
                  <a:pt x="847" y="5"/>
                </a:lnTo>
                <a:lnTo>
                  <a:pt x="834" y="3"/>
                </a:lnTo>
                <a:lnTo>
                  <a:pt x="821" y="2"/>
                </a:lnTo>
                <a:lnTo>
                  <a:pt x="808" y="1"/>
                </a:lnTo>
                <a:lnTo>
                  <a:pt x="795" y="0"/>
                </a:lnTo>
                <a:lnTo>
                  <a:pt x="0" y="0"/>
                </a:lnTo>
                <a:close/>
              </a:path>
            </a:pathLst>
          </a:custGeo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i-FI" sz="1800"/>
          </a:p>
        </p:txBody>
      </p:sp>
      <p:sp>
        <p:nvSpPr>
          <p:cNvPr id="2" name="Otsikko 1"/>
          <p:cNvSpPr>
            <a:spLocks noGrp="1"/>
          </p:cNvSpPr>
          <p:nvPr>
            <p:ph type="ctrTitle"/>
          </p:nvPr>
        </p:nvSpPr>
        <p:spPr bwMode="black">
          <a:xfrm>
            <a:off x="1200000" y="2998800"/>
            <a:ext cx="6912000" cy="1800000"/>
          </a:xfrm>
        </p:spPr>
        <p:txBody>
          <a:bodyPr anchor="t">
            <a:noAutofit/>
          </a:bodyPr>
          <a:lstStyle>
            <a:lvl1pPr>
              <a:defRPr sz="4000"/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 bwMode="black">
          <a:xfrm>
            <a:off x="1200000" y="4942800"/>
            <a:ext cx="6912000" cy="756000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i-FI" smtClean="0"/>
              <a:t>Muokkaa alaotsikon perustyyliä napsautt.</a:t>
            </a:r>
            <a:endParaRPr lang="fi-FI" dirty="0"/>
          </a:p>
        </p:txBody>
      </p:sp>
      <p:pic>
        <p:nvPicPr>
          <p:cNvPr id="8" name="Kuva 7" descr="KelaFpa_väri_iso.jpg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9456" y="548681"/>
            <a:ext cx="2208245" cy="5338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424767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Väliotsikko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reeform 8"/>
          <p:cNvSpPr>
            <a:spLocks/>
          </p:cNvSpPr>
          <p:nvPr/>
        </p:nvSpPr>
        <p:spPr bwMode="white">
          <a:xfrm>
            <a:off x="2" y="1341438"/>
            <a:ext cx="12191999" cy="5516562"/>
          </a:xfrm>
          <a:custGeom>
            <a:avLst/>
            <a:gdLst>
              <a:gd name="T0" fmla="*/ 0 w 5764"/>
              <a:gd name="T1" fmla="*/ 434 h 3480"/>
              <a:gd name="T2" fmla="*/ 0 w 5764"/>
              <a:gd name="T3" fmla="*/ 1305 h 3480"/>
              <a:gd name="T4" fmla="*/ 0 w 5764"/>
              <a:gd name="T5" fmla="*/ 2174 h 3480"/>
              <a:gd name="T6" fmla="*/ 0 w 5764"/>
              <a:gd name="T7" fmla="*/ 3045 h 3480"/>
              <a:gd name="T8" fmla="*/ 721 w 5764"/>
              <a:gd name="T9" fmla="*/ 3480 h 3480"/>
              <a:gd name="T10" fmla="*/ 2162 w 5764"/>
              <a:gd name="T11" fmla="*/ 3480 h 3480"/>
              <a:gd name="T12" fmla="*/ 3603 w 5764"/>
              <a:gd name="T13" fmla="*/ 3480 h 3480"/>
              <a:gd name="T14" fmla="*/ 5044 w 5764"/>
              <a:gd name="T15" fmla="*/ 3480 h 3480"/>
              <a:gd name="T16" fmla="*/ 5764 w 5764"/>
              <a:gd name="T17" fmla="*/ 3045 h 3480"/>
              <a:gd name="T18" fmla="*/ 5764 w 5764"/>
              <a:gd name="T19" fmla="*/ 2174 h 3480"/>
              <a:gd name="T20" fmla="*/ 5764 w 5764"/>
              <a:gd name="T21" fmla="*/ 1305 h 3480"/>
              <a:gd name="T22" fmla="*/ 5764 w 5764"/>
              <a:gd name="T23" fmla="*/ 434 h 3480"/>
              <a:gd name="T24" fmla="*/ 5221 w 5764"/>
              <a:gd name="T25" fmla="*/ 0 h 3480"/>
              <a:gd name="T26" fmla="*/ 4135 w 5764"/>
              <a:gd name="T27" fmla="*/ 0 h 3480"/>
              <a:gd name="T28" fmla="*/ 3049 w 5764"/>
              <a:gd name="T29" fmla="*/ 0 h 3480"/>
              <a:gd name="T30" fmla="*/ 1964 w 5764"/>
              <a:gd name="T31" fmla="*/ 0 h 3480"/>
              <a:gd name="T32" fmla="*/ 1409 w 5764"/>
              <a:gd name="T33" fmla="*/ 1 h 3480"/>
              <a:gd name="T34" fmla="*/ 1383 w 5764"/>
              <a:gd name="T35" fmla="*/ 3 h 3480"/>
              <a:gd name="T36" fmla="*/ 1358 w 5764"/>
              <a:gd name="T37" fmla="*/ 7 h 3480"/>
              <a:gd name="T38" fmla="*/ 1333 w 5764"/>
              <a:gd name="T39" fmla="*/ 13 h 3480"/>
              <a:gd name="T40" fmla="*/ 1309 w 5764"/>
              <a:gd name="T41" fmla="*/ 20 h 3480"/>
              <a:gd name="T42" fmla="*/ 1286 w 5764"/>
              <a:gd name="T43" fmla="*/ 30 h 3480"/>
              <a:gd name="T44" fmla="*/ 1263 w 5764"/>
              <a:gd name="T45" fmla="*/ 40 h 3480"/>
              <a:gd name="T46" fmla="*/ 1242 w 5764"/>
              <a:gd name="T47" fmla="*/ 53 h 3480"/>
              <a:gd name="T48" fmla="*/ 1222 w 5764"/>
              <a:gd name="T49" fmla="*/ 66 h 3480"/>
              <a:gd name="T50" fmla="*/ 1202 w 5764"/>
              <a:gd name="T51" fmla="*/ 81 h 3480"/>
              <a:gd name="T52" fmla="*/ 1184 w 5764"/>
              <a:gd name="T53" fmla="*/ 98 h 3480"/>
              <a:gd name="T54" fmla="*/ 1167 w 5764"/>
              <a:gd name="T55" fmla="*/ 115 h 3480"/>
              <a:gd name="T56" fmla="*/ 1152 w 5764"/>
              <a:gd name="T57" fmla="*/ 134 h 3480"/>
              <a:gd name="T58" fmla="*/ 1138 w 5764"/>
              <a:gd name="T59" fmla="*/ 154 h 3480"/>
              <a:gd name="T60" fmla="*/ 1125 w 5764"/>
              <a:gd name="T61" fmla="*/ 174 h 3480"/>
              <a:gd name="T62" fmla="*/ 1114 w 5764"/>
              <a:gd name="T63" fmla="*/ 196 h 3480"/>
              <a:gd name="T64" fmla="*/ 1104 w 5764"/>
              <a:gd name="T65" fmla="*/ 196 h 3480"/>
              <a:gd name="T66" fmla="*/ 1092 w 5764"/>
              <a:gd name="T67" fmla="*/ 174 h 3480"/>
              <a:gd name="T68" fmla="*/ 1080 w 5764"/>
              <a:gd name="T69" fmla="*/ 154 h 3480"/>
              <a:gd name="T70" fmla="*/ 1065 w 5764"/>
              <a:gd name="T71" fmla="*/ 134 h 3480"/>
              <a:gd name="T72" fmla="*/ 1050 w 5764"/>
              <a:gd name="T73" fmla="*/ 115 h 3480"/>
              <a:gd name="T74" fmla="*/ 1024 w 5764"/>
              <a:gd name="T75" fmla="*/ 89 h 3480"/>
              <a:gd name="T76" fmla="*/ 1005 w 5764"/>
              <a:gd name="T77" fmla="*/ 74 h 3480"/>
              <a:gd name="T78" fmla="*/ 985 w 5764"/>
              <a:gd name="T79" fmla="*/ 59 h 3480"/>
              <a:gd name="T80" fmla="*/ 965 w 5764"/>
              <a:gd name="T81" fmla="*/ 46 h 3480"/>
              <a:gd name="T82" fmla="*/ 943 w 5764"/>
              <a:gd name="T83" fmla="*/ 35 h 3480"/>
              <a:gd name="T84" fmla="*/ 920 w 5764"/>
              <a:gd name="T85" fmla="*/ 25 h 3480"/>
              <a:gd name="T86" fmla="*/ 896 w 5764"/>
              <a:gd name="T87" fmla="*/ 16 h 3480"/>
              <a:gd name="T88" fmla="*/ 872 w 5764"/>
              <a:gd name="T89" fmla="*/ 10 h 3480"/>
              <a:gd name="T90" fmla="*/ 847 w 5764"/>
              <a:gd name="T91" fmla="*/ 5 h 3480"/>
              <a:gd name="T92" fmla="*/ 821 w 5764"/>
              <a:gd name="T93" fmla="*/ 2 h 3480"/>
              <a:gd name="T94" fmla="*/ 795 w 5764"/>
              <a:gd name="T95" fmla="*/ 0 h 348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5764" h="3480">
                <a:moveTo>
                  <a:pt x="0" y="0"/>
                </a:moveTo>
                <a:lnTo>
                  <a:pt x="0" y="434"/>
                </a:lnTo>
                <a:lnTo>
                  <a:pt x="0" y="869"/>
                </a:lnTo>
                <a:lnTo>
                  <a:pt x="0" y="1305"/>
                </a:lnTo>
                <a:lnTo>
                  <a:pt x="0" y="1740"/>
                </a:lnTo>
                <a:lnTo>
                  <a:pt x="0" y="2174"/>
                </a:lnTo>
                <a:lnTo>
                  <a:pt x="0" y="2609"/>
                </a:lnTo>
                <a:lnTo>
                  <a:pt x="0" y="3045"/>
                </a:lnTo>
                <a:lnTo>
                  <a:pt x="0" y="3480"/>
                </a:lnTo>
                <a:lnTo>
                  <a:pt x="721" y="3480"/>
                </a:lnTo>
                <a:lnTo>
                  <a:pt x="1441" y="3480"/>
                </a:lnTo>
                <a:lnTo>
                  <a:pt x="2162" y="3480"/>
                </a:lnTo>
                <a:lnTo>
                  <a:pt x="2882" y="3480"/>
                </a:lnTo>
                <a:lnTo>
                  <a:pt x="3603" y="3480"/>
                </a:lnTo>
                <a:lnTo>
                  <a:pt x="4323" y="3480"/>
                </a:lnTo>
                <a:lnTo>
                  <a:pt x="5044" y="3480"/>
                </a:lnTo>
                <a:lnTo>
                  <a:pt x="5764" y="3480"/>
                </a:lnTo>
                <a:lnTo>
                  <a:pt x="5764" y="3045"/>
                </a:lnTo>
                <a:lnTo>
                  <a:pt x="5764" y="2609"/>
                </a:lnTo>
                <a:lnTo>
                  <a:pt x="5764" y="2174"/>
                </a:lnTo>
                <a:lnTo>
                  <a:pt x="5764" y="1740"/>
                </a:lnTo>
                <a:lnTo>
                  <a:pt x="5764" y="1305"/>
                </a:lnTo>
                <a:lnTo>
                  <a:pt x="5764" y="869"/>
                </a:lnTo>
                <a:lnTo>
                  <a:pt x="5764" y="434"/>
                </a:lnTo>
                <a:lnTo>
                  <a:pt x="5764" y="0"/>
                </a:lnTo>
                <a:lnTo>
                  <a:pt x="5221" y="0"/>
                </a:lnTo>
                <a:lnTo>
                  <a:pt x="4678" y="0"/>
                </a:lnTo>
                <a:lnTo>
                  <a:pt x="4135" y="0"/>
                </a:lnTo>
                <a:lnTo>
                  <a:pt x="3592" y="0"/>
                </a:lnTo>
                <a:lnTo>
                  <a:pt x="3049" y="0"/>
                </a:lnTo>
                <a:lnTo>
                  <a:pt x="2507" y="0"/>
                </a:lnTo>
                <a:lnTo>
                  <a:pt x="1964" y="0"/>
                </a:lnTo>
                <a:lnTo>
                  <a:pt x="1422" y="0"/>
                </a:lnTo>
                <a:lnTo>
                  <a:pt x="1409" y="1"/>
                </a:lnTo>
                <a:lnTo>
                  <a:pt x="1396" y="2"/>
                </a:lnTo>
                <a:lnTo>
                  <a:pt x="1383" y="3"/>
                </a:lnTo>
                <a:lnTo>
                  <a:pt x="1370" y="5"/>
                </a:lnTo>
                <a:lnTo>
                  <a:pt x="1358" y="7"/>
                </a:lnTo>
                <a:lnTo>
                  <a:pt x="1345" y="10"/>
                </a:lnTo>
                <a:lnTo>
                  <a:pt x="1333" y="13"/>
                </a:lnTo>
                <a:lnTo>
                  <a:pt x="1321" y="16"/>
                </a:lnTo>
                <a:lnTo>
                  <a:pt x="1309" y="20"/>
                </a:lnTo>
                <a:lnTo>
                  <a:pt x="1297" y="25"/>
                </a:lnTo>
                <a:lnTo>
                  <a:pt x="1286" y="30"/>
                </a:lnTo>
                <a:lnTo>
                  <a:pt x="1274" y="35"/>
                </a:lnTo>
                <a:lnTo>
                  <a:pt x="1263" y="40"/>
                </a:lnTo>
                <a:lnTo>
                  <a:pt x="1253" y="46"/>
                </a:lnTo>
                <a:lnTo>
                  <a:pt x="1242" y="53"/>
                </a:lnTo>
                <a:lnTo>
                  <a:pt x="1232" y="59"/>
                </a:lnTo>
                <a:lnTo>
                  <a:pt x="1222" y="66"/>
                </a:lnTo>
                <a:lnTo>
                  <a:pt x="1212" y="74"/>
                </a:lnTo>
                <a:lnTo>
                  <a:pt x="1202" y="81"/>
                </a:lnTo>
                <a:lnTo>
                  <a:pt x="1193" y="89"/>
                </a:lnTo>
                <a:lnTo>
                  <a:pt x="1184" y="98"/>
                </a:lnTo>
                <a:lnTo>
                  <a:pt x="1176" y="106"/>
                </a:lnTo>
                <a:lnTo>
                  <a:pt x="1167" y="115"/>
                </a:lnTo>
                <a:lnTo>
                  <a:pt x="1159" y="124"/>
                </a:lnTo>
                <a:lnTo>
                  <a:pt x="1152" y="134"/>
                </a:lnTo>
                <a:lnTo>
                  <a:pt x="1145" y="144"/>
                </a:lnTo>
                <a:lnTo>
                  <a:pt x="1138" y="154"/>
                </a:lnTo>
                <a:lnTo>
                  <a:pt x="1131" y="164"/>
                </a:lnTo>
                <a:lnTo>
                  <a:pt x="1125" y="174"/>
                </a:lnTo>
                <a:lnTo>
                  <a:pt x="1119" y="185"/>
                </a:lnTo>
                <a:lnTo>
                  <a:pt x="1114" y="196"/>
                </a:lnTo>
                <a:lnTo>
                  <a:pt x="1109" y="207"/>
                </a:lnTo>
                <a:lnTo>
                  <a:pt x="1104" y="196"/>
                </a:lnTo>
                <a:lnTo>
                  <a:pt x="1098" y="185"/>
                </a:lnTo>
                <a:lnTo>
                  <a:pt x="1092" y="174"/>
                </a:lnTo>
                <a:lnTo>
                  <a:pt x="1086" y="164"/>
                </a:lnTo>
                <a:lnTo>
                  <a:pt x="1080" y="154"/>
                </a:lnTo>
                <a:lnTo>
                  <a:pt x="1073" y="144"/>
                </a:lnTo>
                <a:lnTo>
                  <a:pt x="1065" y="134"/>
                </a:lnTo>
                <a:lnTo>
                  <a:pt x="1058" y="124"/>
                </a:lnTo>
                <a:lnTo>
                  <a:pt x="1050" y="115"/>
                </a:lnTo>
                <a:lnTo>
                  <a:pt x="1042" y="106"/>
                </a:lnTo>
                <a:lnTo>
                  <a:pt x="1024" y="89"/>
                </a:lnTo>
                <a:lnTo>
                  <a:pt x="1015" y="81"/>
                </a:lnTo>
                <a:lnTo>
                  <a:pt x="1005" y="74"/>
                </a:lnTo>
                <a:lnTo>
                  <a:pt x="996" y="66"/>
                </a:lnTo>
                <a:lnTo>
                  <a:pt x="985" y="59"/>
                </a:lnTo>
                <a:lnTo>
                  <a:pt x="975" y="53"/>
                </a:lnTo>
                <a:lnTo>
                  <a:pt x="965" y="46"/>
                </a:lnTo>
                <a:lnTo>
                  <a:pt x="954" y="40"/>
                </a:lnTo>
                <a:lnTo>
                  <a:pt x="943" y="35"/>
                </a:lnTo>
                <a:lnTo>
                  <a:pt x="931" y="30"/>
                </a:lnTo>
                <a:lnTo>
                  <a:pt x="920" y="25"/>
                </a:lnTo>
                <a:lnTo>
                  <a:pt x="908" y="20"/>
                </a:lnTo>
                <a:lnTo>
                  <a:pt x="896" y="16"/>
                </a:lnTo>
                <a:lnTo>
                  <a:pt x="884" y="13"/>
                </a:lnTo>
                <a:lnTo>
                  <a:pt x="872" y="10"/>
                </a:lnTo>
                <a:lnTo>
                  <a:pt x="860" y="7"/>
                </a:lnTo>
                <a:lnTo>
                  <a:pt x="847" y="5"/>
                </a:lnTo>
                <a:lnTo>
                  <a:pt x="834" y="3"/>
                </a:lnTo>
                <a:lnTo>
                  <a:pt x="821" y="2"/>
                </a:lnTo>
                <a:lnTo>
                  <a:pt x="808" y="1"/>
                </a:lnTo>
                <a:lnTo>
                  <a:pt x="795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i-FI" sz="1800"/>
          </a:p>
        </p:txBody>
      </p:sp>
      <p:sp>
        <p:nvSpPr>
          <p:cNvPr id="2" name="Otsikko 1"/>
          <p:cNvSpPr>
            <a:spLocks noGrp="1"/>
          </p:cNvSpPr>
          <p:nvPr>
            <p:ph type="ctrTitle"/>
          </p:nvPr>
        </p:nvSpPr>
        <p:spPr bwMode="black">
          <a:xfrm>
            <a:off x="1200000" y="2998800"/>
            <a:ext cx="6912000" cy="1800000"/>
          </a:xfrm>
        </p:spPr>
        <p:txBody>
          <a:bodyPr anchor="t">
            <a:noAutofit/>
          </a:bodyPr>
          <a:lstStyle>
            <a:lvl1pPr>
              <a:defRPr sz="4000"/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 bwMode="black">
          <a:xfrm>
            <a:off x="1200000" y="4942800"/>
            <a:ext cx="6912000" cy="756000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i-FI" smtClean="0"/>
              <a:t>Muokkaa alaotsikon perustyyliä napsautt.</a:t>
            </a:r>
            <a:endParaRPr lang="fi-FI" dirty="0"/>
          </a:p>
        </p:txBody>
      </p:sp>
      <p:pic>
        <p:nvPicPr>
          <p:cNvPr id="8" name="Kuva 7" descr="KelaFpa_väri_iso.jpg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9456" y="548681"/>
            <a:ext cx="2208245" cy="533875"/>
          </a:xfrm>
          <a:prstGeom prst="rect">
            <a:avLst/>
          </a:prstGeom>
        </p:spPr>
      </p:pic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60526080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Väliotsikkodia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Kuva 5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ltGray">
          <a:xfrm>
            <a:off x="1682" y="1350481"/>
            <a:ext cx="12188636" cy="5522976"/>
          </a:xfrm>
          <a:prstGeom prst="rect">
            <a:avLst/>
          </a:prstGeom>
        </p:spPr>
      </p:pic>
      <p:sp>
        <p:nvSpPr>
          <p:cNvPr id="2" name="Otsikko 1"/>
          <p:cNvSpPr>
            <a:spLocks noGrp="1"/>
          </p:cNvSpPr>
          <p:nvPr>
            <p:ph type="ctrTitle"/>
          </p:nvPr>
        </p:nvSpPr>
        <p:spPr bwMode="black">
          <a:xfrm>
            <a:off x="1200000" y="2998800"/>
            <a:ext cx="6912000" cy="1800000"/>
          </a:xfrm>
        </p:spPr>
        <p:txBody>
          <a:bodyPr anchor="t">
            <a:noAutofit/>
          </a:bodyPr>
          <a:lstStyle>
            <a:lvl1pPr>
              <a:defRPr sz="4000"/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 bwMode="black">
          <a:xfrm>
            <a:off x="1200000" y="4942800"/>
            <a:ext cx="6912000" cy="756000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i-FI" smtClean="0"/>
              <a:t>Muokkaa alaotsikon perustyyliä napsautt.</a:t>
            </a:r>
            <a:endParaRPr lang="fi-FI" dirty="0"/>
          </a:p>
        </p:txBody>
      </p:sp>
      <p:pic>
        <p:nvPicPr>
          <p:cNvPr id="8" name="Kuva 7" descr="KelaFpa_väri_iso.jpg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9456" y="548681"/>
            <a:ext cx="2208245" cy="533875"/>
          </a:xfrm>
          <a:prstGeom prst="rect">
            <a:avLst/>
          </a:prstGeom>
        </p:spPr>
      </p:pic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7" name="Dian numeron paikkamerkki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12302641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Väliotsikkodia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Kuva 5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ltGray">
          <a:xfrm>
            <a:off x="1682" y="1352425"/>
            <a:ext cx="12188636" cy="5522976"/>
          </a:xfrm>
          <a:prstGeom prst="rect">
            <a:avLst/>
          </a:prstGeom>
        </p:spPr>
      </p:pic>
      <p:sp>
        <p:nvSpPr>
          <p:cNvPr id="2" name="Otsikko 1"/>
          <p:cNvSpPr>
            <a:spLocks noGrp="1"/>
          </p:cNvSpPr>
          <p:nvPr>
            <p:ph type="ctrTitle"/>
          </p:nvPr>
        </p:nvSpPr>
        <p:spPr bwMode="black">
          <a:xfrm>
            <a:off x="1200000" y="2998800"/>
            <a:ext cx="6912000" cy="1800000"/>
          </a:xfrm>
        </p:spPr>
        <p:txBody>
          <a:bodyPr anchor="t">
            <a:noAutofit/>
          </a:bodyPr>
          <a:lstStyle>
            <a:lvl1pPr>
              <a:defRPr sz="4000"/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 bwMode="black">
          <a:xfrm>
            <a:off x="1200000" y="4942800"/>
            <a:ext cx="6912000" cy="756000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i-FI" smtClean="0"/>
              <a:t>Muokkaa alaotsikon perustyyliä napsautt.</a:t>
            </a:r>
            <a:endParaRPr lang="fi-FI" dirty="0"/>
          </a:p>
        </p:txBody>
      </p:sp>
      <p:pic>
        <p:nvPicPr>
          <p:cNvPr id="8" name="Kuva 7" descr="KelaFpa_väri_iso.jpg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9456" y="548681"/>
            <a:ext cx="2208245" cy="533875"/>
          </a:xfrm>
          <a:prstGeom prst="rect">
            <a:avLst/>
          </a:prstGeom>
        </p:spPr>
      </p:pic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7" name="Dian numeron paikkamerkki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420050392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Väliotsikkodia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Kuva 6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ltGray">
          <a:xfrm>
            <a:off x="1682" y="1352425"/>
            <a:ext cx="12188636" cy="5522976"/>
          </a:xfrm>
          <a:prstGeom prst="rect">
            <a:avLst/>
          </a:prstGeom>
        </p:spPr>
      </p:pic>
      <p:sp>
        <p:nvSpPr>
          <p:cNvPr id="2" name="Otsikko 1"/>
          <p:cNvSpPr>
            <a:spLocks noGrp="1"/>
          </p:cNvSpPr>
          <p:nvPr>
            <p:ph type="ctrTitle"/>
          </p:nvPr>
        </p:nvSpPr>
        <p:spPr bwMode="black">
          <a:xfrm>
            <a:off x="1200000" y="2998800"/>
            <a:ext cx="6912000" cy="1800000"/>
          </a:xfrm>
        </p:spPr>
        <p:txBody>
          <a:bodyPr anchor="t">
            <a:noAutofit/>
          </a:bodyPr>
          <a:lstStyle>
            <a:lvl1pPr>
              <a:defRPr sz="4000"/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 bwMode="black">
          <a:xfrm>
            <a:off x="1200000" y="4942800"/>
            <a:ext cx="6912000" cy="756000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i-FI" smtClean="0"/>
              <a:t>Muokkaa alaotsikon perustyyliä napsautt.</a:t>
            </a:r>
            <a:endParaRPr lang="fi-FI" dirty="0"/>
          </a:p>
        </p:txBody>
      </p:sp>
      <p:pic>
        <p:nvPicPr>
          <p:cNvPr id="8" name="Kuva 7" descr="KelaFpa_väri_iso.jpg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9456" y="548681"/>
            <a:ext cx="2208245" cy="533875"/>
          </a:xfrm>
          <a:prstGeom prst="rect">
            <a:avLst/>
          </a:prstGeom>
        </p:spPr>
      </p:pic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39846524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ekstilaina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8"/>
          <p:cNvSpPr>
            <a:spLocks/>
          </p:cNvSpPr>
          <p:nvPr/>
        </p:nvSpPr>
        <p:spPr bwMode="ltGray">
          <a:xfrm>
            <a:off x="2" y="1341438"/>
            <a:ext cx="12191999" cy="5516562"/>
          </a:xfrm>
          <a:custGeom>
            <a:avLst/>
            <a:gdLst>
              <a:gd name="T0" fmla="*/ 0 w 5764"/>
              <a:gd name="T1" fmla="*/ 434 h 3480"/>
              <a:gd name="T2" fmla="*/ 0 w 5764"/>
              <a:gd name="T3" fmla="*/ 1305 h 3480"/>
              <a:gd name="T4" fmla="*/ 0 w 5764"/>
              <a:gd name="T5" fmla="*/ 2174 h 3480"/>
              <a:gd name="T6" fmla="*/ 0 w 5764"/>
              <a:gd name="T7" fmla="*/ 3045 h 3480"/>
              <a:gd name="T8" fmla="*/ 721 w 5764"/>
              <a:gd name="T9" fmla="*/ 3480 h 3480"/>
              <a:gd name="T10" fmla="*/ 2162 w 5764"/>
              <a:gd name="T11" fmla="*/ 3480 h 3480"/>
              <a:gd name="T12" fmla="*/ 3603 w 5764"/>
              <a:gd name="T13" fmla="*/ 3480 h 3480"/>
              <a:gd name="T14" fmla="*/ 5044 w 5764"/>
              <a:gd name="T15" fmla="*/ 3480 h 3480"/>
              <a:gd name="T16" fmla="*/ 5764 w 5764"/>
              <a:gd name="T17" fmla="*/ 3045 h 3480"/>
              <a:gd name="T18" fmla="*/ 5764 w 5764"/>
              <a:gd name="T19" fmla="*/ 2174 h 3480"/>
              <a:gd name="T20" fmla="*/ 5764 w 5764"/>
              <a:gd name="T21" fmla="*/ 1305 h 3480"/>
              <a:gd name="T22" fmla="*/ 5764 w 5764"/>
              <a:gd name="T23" fmla="*/ 434 h 3480"/>
              <a:gd name="T24" fmla="*/ 5221 w 5764"/>
              <a:gd name="T25" fmla="*/ 0 h 3480"/>
              <a:gd name="T26" fmla="*/ 4135 w 5764"/>
              <a:gd name="T27" fmla="*/ 0 h 3480"/>
              <a:gd name="T28" fmla="*/ 3049 w 5764"/>
              <a:gd name="T29" fmla="*/ 0 h 3480"/>
              <a:gd name="T30" fmla="*/ 1964 w 5764"/>
              <a:gd name="T31" fmla="*/ 0 h 3480"/>
              <a:gd name="T32" fmla="*/ 1409 w 5764"/>
              <a:gd name="T33" fmla="*/ 1 h 3480"/>
              <a:gd name="T34" fmla="*/ 1383 w 5764"/>
              <a:gd name="T35" fmla="*/ 3 h 3480"/>
              <a:gd name="T36" fmla="*/ 1358 w 5764"/>
              <a:gd name="T37" fmla="*/ 7 h 3480"/>
              <a:gd name="T38" fmla="*/ 1333 w 5764"/>
              <a:gd name="T39" fmla="*/ 13 h 3480"/>
              <a:gd name="T40" fmla="*/ 1309 w 5764"/>
              <a:gd name="T41" fmla="*/ 20 h 3480"/>
              <a:gd name="T42" fmla="*/ 1286 w 5764"/>
              <a:gd name="T43" fmla="*/ 30 h 3480"/>
              <a:gd name="T44" fmla="*/ 1263 w 5764"/>
              <a:gd name="T45" fmla="*/ 40 h 3480"/>
              <a:gd name="T46" fmla="*/ 1242 w 5764"/>
              <a:gd name="T47" fmla="*/ 53 h 3480"/>
              <a:gd name="T48" fmla="*/ 1222 w 5764"/>
              <a:gd name="T49" fmla="*/ 66 h 3480"/>
              <a:gd name="T50" fmla="*/ 1202 w 5764"/>
              <a:gd name="T51" fmla="*/ 81 h 3480"/>
              <a:gd name="T52" fmla="*/ 1184 w 5764"/>
              <a:gd name="T53" fmla="*/ 98 h 3480"/>
              <a:gd name="T54" fmla="*/ 1167 w 5764"/>
              <a:gd name="T55" fmla="*/ 115 h 3480"/>
              <a:gd name="T56" fmla="*/ 1152 w 5764"/>
              <a:gd name="T57" fmla="*/ 134 h 3480"/>
              <a:gd name="T58" fmla="*/ 1138 w 5764"/>
              <a:gd name="T59" fmla="*/ 154 h 3480"/>
              <a:gd name="T60" fmla="*/ 1125 w 5764"/>
              <a:gd name="T61" fmla="*/ 174 h 3480"/>
              <a:gd name="T62" fmla="*/ 1114 w 5764"/>
              <a:gd name="T63" fmla="*/ 196 h 3480"/>
              <a:gd name="T64" fmla="*/ 1104 w 5764"/>
              <a:gd name="T65" fmla="*/ 196 h 3480"/>
              <a:gd name="T66" fmla="*/ 1092 w 5764"/>
              <a:gd name="T67" fmla="*/ 174 h 3480"/>
              <a:gd name="T68" fmla="*/ 1080 w 5764"/>
              <a:gd name="T69" fmla="*/ 154 h 3480"/>
              <a:gd name="T70" fmla="*/ 1065 w 5764"/>
              <a:gd name="T71" fmla="*/ 134 h 3480"/>
              <a:gd name="T72" fmla="*/ 1050 w 5764"/>
              <a:gd name="T73" fmla="*/ 115 h 3480"/>
              <a:gd name="T74" fmla="*/ 1024 w 5764"/>
              <a:gd name="T75" fmla="*/ 89 h 3480"/>
              <a:gd name="T76" fmla="*/ 1005 w 5764"/>
              <a:gd name="T77" fmla="*/ 74 h 3480"/>
              <a:gd name="T78" fmla="*/ 985 w 5764"/>
              <a:gd name="T79" fmla="*/ 59 h 3480"/>
              <a:gd name="T80" fmla="*/ 965 w 5764"/>
              <a:gd name="T81" fmla="*/ 46 h 3480"/>
              <a:gd name="T82" fmla="*/ 943 w 5764"/>
              <a:gd name="T83" fmla="*/ 35 h 3480"/>
              <a:gd name="T84" fmla="*/ 920 w 5764"/>
              <a:gd name="T85" fmla="*/ 25 h 3480"/>
              <a:gd name="T86" fmla="*/ 896 w 5764"/>
              <a:gd name="T87" fmla="*/ 16 h 3480"/>
              <a:gd name="T88" fmla="*/ 872 w 5764"/>
              <a:gd name="T89" fmla="*/ 10 h 3480"/>
              <a:gd name="T90" fmla="*/ 847 w 5764"/>
              <a:gd name="T91" fmla="*/ 5 h 3480"/>
              <a:gd name="T92" fmla="*/ 821 w 5764"/>
              <a:gd name="T93" fmla="*/ 2 h 3480"/>
              <a:gd name="T94" fmla="*/ 795 w 5764"/>
              <a:gd name="T95" fmla="*/ 0 h 348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5764" h="3480">
                <a:moveTo>
                  <a:pt x="0" y="0"/>
                </a:moveTo>
                <a:lnTo>
                  <a:pt x="0" y="434"/>
                </a:lnTo>
                <a:lnTo>
                  <a:pt x="0" y="869"/>
                </a:lnTo>
                <a:lnTo>
                  <a:pt x="0" y="1305"/>
                </a:lnTo>
                <a:lnTo>
                  <a:pt x="0" y="1740"/>
                </a:lnTo>
                <a:lnTo>
                  <a:pt x="0" y="2174"/>
                </a:lnTo>
                <a:lnTo>
                  <a:pt x="0" y="2609"/>
                </a:lnTo>
                <a:lnTo>
                  <a:pt x="0" y="3045"/>
                </a:lnTo>
                <a:lnTo>
                  <a:pt x="0" y="3480"/>
                </a:lnTo>
                <a:lnTo>
                  <a:pt x="721" y="3480"/>
                </a:lnTo>
                <a:lnTo>
                  <a:pt x="1441" y="3480"/>
                </a:lnTo>
                <a:lnTo>
                  <a:pt x="2162" y="3480"/>
                </a:lnTo>
                <a:lnTo>
                  <a:pt x="2882" y="3480"/>
                </a:lnTo>
                <a:lnTo>
                  <a:pt x="3603" y="3480"/>
                </a:lnTo>
                <a:lnTo>
                  <a:pt x="4323" y="3480"/>
                </a:lnTo>
                <a:lnTo>
                  <a:pt x="5044" y="3480"/>
                </a:lnTo>
                <a:lnTo>
                  <a:pt x="5764" y="3480"/>
                </a:lnTo>
                <a:lnTo>
                  <a:pt x="5764" y="3045"/>
                </a:lnTo>
                <a:lnTo>
                  <a:pt x="5764" y="2609"/>
                </a:lnTo>
                <a:lnTo>
                  <a:pt x="5764" y="2174"/>
                </a:lnTo>
                <a:lnTo>
                  <a:pt x="5764" y="1740"/>
                </a:lnTo>
                <a:lnTo>
                  <a:pt x="5764" y="1305"/>
                </a:lnTo>
                <a:lnTo>
                  <a:pt x="5764" y="869"/>
                </a:lnTo>
                <a:lnTo>
                  <a:pt x="5764" y="434"/>
                </a:lnTo>
                <a:lnTo>
                  <a:pt x="5764" y="0"/>
                </a:lnTo>
                <a:lnTo>
                  <a:pt x="5221" y="0"/>
                </a:lnTo>
                <a:lnTo>
                  <a:pt x="4678" y="0"/>
                </a:lnTo>
                <a:lnTo>
                  <a:pt x="4135" y="0"/>
                </a:lnTo>
                <a:lnTo>
                  <a:pt x="3592" y="0"/>
                </a:lnTo>
                <a:lnTo>
                  <a:pt x="3049" y="0"/>
                </a:lnTo>
                <a:lnTo>
                  <a:pt x="2507" y="0"/>
                </a:lnTo>
                <a:lnTo>
                  <a:pt x="1964" y="0"/>
                </a:lnTo>
                <a:lnTo>
                  <a:pt x="1422" y="0"/>
                </a:lnTo>
                <a:lnTo>
                  <a:pt x="1409" y="1"/>
                </a:lnTo>
                <a:lnTo>
                  <a:pt x="1396" y="2"/>
                </a:lnTo>
                <a:lnTo>
                  <a:pt x="1383" y="3"/>
                </a:lnTo>
                <a:lnTo>
                  <a:pt x="1370" y="5"/>
                </a:lnTo>
                <a:lnTo>
                  <a:pt x="1358" y="7"/>
                </a:lnTo>
                <a:lnTo>
                  <a:pt x="1345" y="10"/>
                </a:lnTo>
                <a:lnTo>
                  <a:pt x="1333" y="13"/>
                </a:lnTo>
                <a:lnTo>
                  <a:pt x="1321" y="16"/>
                </a:lnTo>
                <a:lnTo>
                  <a:pt x="1309" y="20"/>
                </a:lnTo>
                <a:lnTo>
                  <a:pt x="1297" y="25"/>
                </a:lnTo>
                <a:lnTo>
                  <a:pt x="1286" y="30"/>
                </a:lnTo>
                <a:lnTo>
                  <a:pt x="1274" y="35"/>
                </a:lnTo>
                <a:lnTo>
                  <a:pt x="1263" y="40"/>
                </a:lnTo>
                <a:lnTo>
                  <a:pt x="1253" y="46"/>
                </a:lnTo>
                <a:lnTo>
                  <a:pt x="1242" y="53"/>
                </a:lnTo>
                <a:lnTo>
                  <a:pt x="1232" y="59"/>
                </a:lnTo>
                <a:lnTo>
                  <a:pt x="1222" y="66"/>
                </a:lnTo>
                <a:lnTo>
                  <a:pt x="1212" y="74"/>
                </a:lnTo>
                <a:lnTo>
                  <a:pt x="1202" y="81"/>
                </a:lnTo>
                <a:lnTo>
                  <a:pt x="1193" y="89"/>
                </a:lnTo>
                <a:lnTo>
                  <a:pt x="1184" y="98"/>
                </a:lnTo>
                <a:lnTo>
                  <a:pt x="1176" y="106"/>
                </a:lnTo>
                <a:lnTo>
                  <a:pt x="1167" y="115"/>
                </a:lnTo>
                <a:lnTo>
                  <a:pt x="1159" y="124"/>
                </a:lnTo>
                <a:lnTo>
                  <a:pt x="1152" y="134"/>
                </a:lnTo>
                <a:lnTo>
                  <a:pt x="1145" y="144"/>
                </a:lnTo>
                <a:lnTo>
                  <a:pt x="1138" y="154"/>
                </a:lnTo>
                <a:lnTo>
                  <a:pt x="1131" y="164"/>
                </a:lnTo>
                <a:lnTo>
                  <a:pt x="1125" y="174"/>
                </a:lnTo>
                <a:lnTo>
                  <a:pt x="1119" y="185"/>
                </a:lnTo>
                <a:lnTo>
                  <a:pt x="1114" y="196"/>
                </a:lnTo>
                <a:lnTo>
                  <a:pt x="1109" y="207"/>
                </a:lnTo>
                <a:lnTo>
                  <a:pt x="1104" y="196"/>
                </a:lnTo>
                <a:lnTo>
                  <a:pt x="1098" y="185"/>
                </a:lnTo>
                <a:lnTo>
                  <a:pt x="1092" y="174"/>
                </a:lnTo>
                <a:lnTo>
                  <a:pt x="1086" y="164"/>
                </a:lnTo>
                <a:lnTo>
                  <a:pt x="1080" y="154"/>
                </a:lnTo>
                <a:lnTo>
                  <a:pt x="1073" y="144"/>
                </a:lnTo>
                <a:lnTo>
                  <a:pt x="1065" y="134"/>
                </a:lnTo>
                <a:lnTo>
                  <a:pt x="1058" y="124"/>
                </a:lnTo>
                <a:lnTo>
                  <a:pt x="1050" y="115"/>
                </a:lnTo>
                <a:lnTo>
                  <a:pt x="1042" y="106"/>
                </a:lnTo>
                <a:lnTo>
                  <a:pt x="1024" y="89"/>
                </a:lnTo>
                <a:lnTo>
                  <a:pt x="1015" y="81"/>
                </a:lnTo>
                <a:lnTo>
                  <a:pt x="1005" y="74"/>
                </a:lnTo>
                <a:lnTo>
                  <a:pt x="996" y="66"/>
                </a:lnTo>
                <a:lnTo>
                  <a:pt x="985" y="59"/>
                </a:lnTo>
                <a:lnTo>
                  <a:pt x="975" y="53"/>
                </a:lnTo>
                <a:lnTo>
                  <a:pt x="965" y="46"/>
                </a:lnTo>
                <a:lnTo>
                  <a:pt x="954" y="40"/>
                </a:lnTo>
                <a:lnTo>
                  <a:pt x="943" y="35"/>
                </a:lnTo>
                <a:lnTo>
                  <a:pt x="931" y="30"/>
                </a:lnTo>
                <a:lnTo>
                  <a:pt x="920" y="25"/>
                </a:lnTo>
                <a:lnTo>
                  <a:pt x="908" y="20"/>
                </a:lnTo>
                <a:lnTo>
                  <a:pt x="896" y="16"/>
                </a:lnTo>
                <a:lnTo>
                  <a:pt x="884" y="13"/>
                </a:lnTo>
                <a:lnTo>
                  <a:pt x="872" y="10"/>
                </a:lnTo>
                <a:lnTo>
                  <a:pt x="860" y="7"/>
                </a:lnTo>
                <a:lnTo>
                  <a:pt x="847" y="5"/>
                </a:lnTo>
                <a:lnTo>
                  <a:pt x="834" y="3"/>
                </a:lnTo>
                <a:lnTo>
                  <a:pt x="821" y="2"/>
                </a:lnTo>
                <a:lnTo>
                  <a:pt x="808" y="1"/>
                </a:lnTo>
                <a:lnTo>
                  <a:pt x="795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i-FI" sz="1800"/>
          </a:p>
        </p:txBody>
      </p:sp>
      <p:sp>
        <p:nvSpPr>
          <p:cNvPr id="2" name="Otsikko 1"/>
          <p:cNvSpPr>
            <a:spLocks noGrp="1"/>
          </p:cNvSpPr>
          <p:nvPr>
            <p:ph type="ctrTitle"/>
          </p:nvPr>
        </p:nvSpPr>
        <p:spPr bwMode="black">
          <a:xfrm>
            <a:off x="1200000" y="2998800"/>
            <a:ext cx="5280000" cy="1800000"/>
          </a:xfrm>
        </p:spPr>
        <p:txBody>
          <a:bodyPr anchor="t">
            <a:noAutofit/>
          </a:bodyPr>
          <a:lstStyle>
            <a:lvl1pPr>
              <a:defRPr sz="4000"/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 bwMode="black">
          <a:xfrm>
            <a:off x="1200000" y="4942800"/>
            <a:ext cx="5280000" cy="756000"/>
          </a:xfrm>
        </p:spPr>
        <p:txBody>
          <a:bodyPr>
            <a:noAutofit/>
          </a:bodyPr>
          <a:lstStyle>
            <a:lvl1pPr marL="0" indent="0" algn="l">
              <a:buNone/>
              <a:defRPr sz="1400">
                <a:solidFill>
                  <a:srgbClr val="FFFFFF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i-FI" smtClean="0"/>
              <a:t>Muokkaa alaotsikon perustyyliä napsautt.</a:t>
            </a:r>
            <a:endParaRPr lang="fi-FI" dirty="0"/>
          </a:p>
        </p:txBody>
      </p:sp>
      <p:pic>
        <p:nvPicPr>
          <p:cNvPr id="8" name="Kuva 7" descr="KelaFpa_väri_iso.jpg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99456" y="548681"/>
            <a:ext cx="2208245" cy="533875"/>
          </a:xfrm>
          <a:prstGeom prst="rect">
            <a:avLst/>
          </a:prstGeom>
        </p:spPr>
      </p:pic>
      <p:sp>
        <p:nvSpPr>
          <p:cNvPr id="6" name="Freeform 6"/>
          <p:cNvSpPr>
            <a:spLocks/>
          </p:cNvSpPr>
          <p:nvPr/>
        </p:nvSpPr>
        <p:spPr bwMode="ltGray">
          <a:xfrm>
            <a:off x="6888683" y="1341438"/>
            <a:ext cx="5327915" cy="5516562"/>
          </a:xfrm>
          <a:custGeom>
            <a:avLst/>
            <a:gdLst>
              <a:gd name="T0" fmla="*/ 628 w 2510"/>
              <a:gd name="T1" fmla="*/ 0 h 3477"/>
              <a:gd name="T2" fmla="*/ 1883 w 2510"/>
              <a:gd name="T3" fmla="*/ 0 h 3477"/>
              <a:gd name="T4" fmla="*/ 2510 w 2510"/>
              <a:gd name="T5" fmla="*/ 434 h 3477"/>
              <a:gd name="T6" fmla="*/ 2510 w 2510"/>
              <a:gd name="T7" fmla="*/ 1303 h 3477"/>
              <a:gd name="T8" fmla="*/ 2510 w 2510"/>
              <a:gd name="T9" fmla="*/ 2172 h 3477"/>
              <a:gd name="T10" fmla="*/ 2510 w 2510"/>
              <a:gd name="T11" fmla="*/ 3042 h 3477"/>
              <a:gd name="T12" fmla="*/ 1883 w 2510"/>
              <a:gd name="T13" fmla="*/ 3477 h 3477"/>
              <a:gd name="T14" fmla="*/ 628 w 2510"/>
              <a:gd name="T15" fmla="*/ 3477 h 3477"/>
              <a:gd name="T16" fmla="*/ 0 w 2510"/>
              <a:gd name="T17" fmla="*/ 3023 h 3477"/>
              <a:gd name="T18" fmla="*/ 0 w 2510"/>
              <a:gd name="T19" fmla="*/ 2115 h 3477"/>
              <a:gd name="T20" fmla="*/ 0 w 2510"/>
              <a:gd name="T21" fmla="*/ 1649 h 3477"/>
              <a:gd name="T22" fmla="*/ 3 w 2510"/>
              <a:gd name="T23" fmla="*/ 1623 h 3477"/>
              <a:gd name="T24" fmla="*/ 7 w 2510"/>
              <a:gd name="T25" fmla="*/ 1597 h 3477"/>
              <a:gd name="T26" fmla="*/ 13 w 2510"/>
              <a:gd name="T27" fmla="*/ 1573 h 3477"/>
              <a:gd name="T28" fmla="*/ 20 w 2510"/>
              <a:gd name="T29" fmla="*/ 1549 h 3477"/>
              <a:gd name="T30" fmla="*/ 29 w 2510"/>
              <a:gd name="T31" fmla="*/ 1525 h 3477"/>
              <a:gd name="T32" fmla="*/ 40 w 2510"/>
              <a:gd name="T33" fmla="*/ 1503 h 3477"/>
              <a:gd name="T34" fmla="*/ 52 w 2510"/>
              <a:gd name="T35" fmla="*/ 1482 h 3477"/>
              <a:gd name="T36" fmla="*/ 66 w 2510"/>
              <a:gd name="T37" fmla="*/ 1461 h 3477"/>
              <a:gd name="T38" fmla="*/ 81 w 2510"/>
              <a:gd name="T39" fmla="*/ 1442 h 3477"/>
              <a:gd name="T40" fmla="*/ 97 w 2510"/>
              <a:gd name="T41" fmla="*/ 1424 h 3477"/>
              <a:gd name="T42" fmla="*/ 115 w 2510"/>
              <a:gd name="T43" fmla="*/ 1407 h 3477"/>
              <a:gd name="T44" fmla="*/ 133 w 2510"/>
              <a:gd name="T45" fmla="*/ 1392 h 3477"/>
              <a:gd name="T46" fmla="*/ 153 w 2510"/>
              <a:gd name="T47" fmla="*/ 1377 h 3477"/>
              <a:gd name="T48" fmla="*/ 174 w 2510"/>
              <a:gd name="T49" fmla="*/ 1365 h 3477"/>
              <a:gd name="T50" fmla="*/ 196 w 2510"/>
              <a:gd name="T51" fmla="*/ 1353 h 3477"/>
              <a:gd name="T52" fmla="*/ 196 w 2510"/>
              <a:gd name="T53" fmla="*/ 1343 h 3477"/>
              <a:gd name="T54" fmla="*/ 174 w 2510"/>
              <a:gd name="T55" fmla="*/ 1332 h 3477"/>
              <a:gd name="T56" fmla="*/ 153 w 2510"/>
              <a:gd name="T57" fmla="*/ 1319 h 3477"/>
              <a:gd name="T58" fmla="*/ 133 w 2510"/>
              <a:gd name="T59" fmla="*/ 1305 h 3477"/>
              <a:gd name="T60" fmla="*/ 115 w 2510"/>
              <a:gd name="T61" fmla="*/ 1290 h 3477"/>
              <a:gd name="T62" fmla="*/ 89 w 2510"/>
              <a:gd name="T63" fmla="*/ 1264 h 3477"/>
              <a:gd name="T64" fmla="*/ 73 w 2510"/>
              <a:gd name="T65" fmla="*/ 1245 h 3477"/>
              <a:gd name="T66" fmla="*/ 59 w 2510"/>
              <a:gd name="T67" fmla="*/ 1225 h 3477"/>
              <a:gd name="T68" fmla="*/ 46 w 2510"/>
              <a:gd name="T69" fmla="*/ 1204 h 3477"/>
              <a:gd name="T70" fmla="*/ 34 w 2510"/>
              <a:gd name="T71" fmla="*/ 1182 h 3477"/>
              <a:gd name="T72" fmla="*/ 24 w 2510"/>
              <a:gd name="T73" fmla="*/ 1160 h 3477"/>
              <a:gd name="T74" fmla="*/ 16 w 2510"/>
              <a:gd name="T75" fmla="*/ 1136 h 3477"/>
              <a:gd name="T76" fmla="*/ 9 w 2510"/>
              <a:gd name="T77" fmla="*/ 1112 h 3477"/>
              <a:gd name="T78" fmla="*/ 4 w 2510"/>
              <a:gd name="T79" fmla="*/ 1087 h 3477"/>
              <a:gd name="T80" fmla="*/ 1 w 2510"/>
              <a:gd name="T81" fmla="*/ 1061 h 3477"/>
              <a:gd name="T82" fmla="*/ 0 w 2510"/>
              <a:gd name="T83" fmla="*/ 1035 h 3477"/>
              <a:gd name="T84" fmla="*/ 0 w 2510"/>
              <a:gd name="T85" fmla="*/ 0 h 347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2510" h="3477">
                <a:moveTo>
                  <a:pt x="0" y="0"/>
                </a:moveTo>
                <a:lnTo>
                  <a:pt x="628" y="0"/>
                </a:lnTo>
                <a:lnTo>
                  <a:pt x="1255" y="0"/>
                </a:lnTo>
                <a:lnTo>
                  <a:pt x="1883" y="0"/>
                </a:lnTo>
                <a:lnTo>
                  <a:pt x="2510" y="0"/>
                </a:lnTo>
                <a:lnTo>
                  <a:pt x="2510" y="434"/>
                </a:lnTo>
                <a:lnTo>
                  <a:pt x="2510" y="868"/>
                </a:lnTo>
                <a:lnTo>
                  <a:pt x="2510" y="1303"/>
                </a:lnTo>
                <a:lnTo>
                  <a:pt x="2510" y="1738"/>
                </a:lnTo>
                <a:lnTo>
                  <a:pt x="2510" y="2172"/>
                </a:lnTo>
                <a:lnTo>
                  <a:pt x="2510" y="2607"/>
                </a:lnTo>
                <a:lnTo>
                  <a:pt x="2510" y="3042"/>
                </a:lnTo>
                <a:lnTo>
                  <a:pt x="2510" y="3477"/>
                </a:lnTo>
                <a:lnTo>
                  <a:pt x="1883" y="3477"/>
                </a:lnTo>
                <a:lnTo>
                  <a:pt x="1255" y="3477"/>
                </a:lnTo>
                <a:lnTo>
                  <a:pt x="628" y="3477"/>
                </a:lnTo>
                <a:lnTo>
                  <a:pt x="0" y="3477"/>
                </a:lnTo>
                <a:lnTo>
                  <a:pt x="0" y="3023"/>
                </a:lnTo>
                <a:lnTo>
                  <a:pt x="0" y="2569"/>
                </a:lnTo>
                <a:lnTo>
                  <a:pt x="0" y="2115"/>
                </a:lnTo>
                <a:lnTo>
                  <a:pt x="0" y="1662"/>
                </a:lnTo>
                <a:lnTo>
                  <a:pt x="0" y="1649"/>
                </a:lnTo>
                <a:lnTo>
                  <a:pt x="1" y="1636"/>
                </a:lnTo>
                <a:lnTo>
                  <a:pt x="3" y="1623"/>
                </a:lnTo>
                <a:lnTo>
                  <a:pt x="4" y="1610"/>
                </a:lnTo>
                <a:lnTo>
                  <a:pt x="7" y="1597"/>
                </a:lnTo>
                <a:lnTo>
                  <a:pt x="9" y="1585"/>
                </a:lnTo>
                <a:lnTo>
                  <a:pt x="13" y="1573"/>
                </a:lnTo>
                <a:lnTo>
                  <a:pt x="16" y="1561"/>
                </a:lnTo>
                <a:lnTo>
                  <a:pt x="20" y="1549"/>
                </a:lnTo>
                <a:lnTo>
                  <a:pt x="24" y="1537"/>
                </a:lnTo>
                <a:lnTo>
                  <a:pt x="29" y="1525"/>
                </a:lnTo>
                <a:lnTo>
                  <a:pt x="34" y="1514"/>
                </a:lnTo>
                <a:lnTo>
                  <a:pt x="40" y="1503"/>
                </a:lnTo>
                <a:lnTo>
                  <a:pt x="46" y="1492"/>
                </a:lnTo>
                <a:lnTo>
                  <a:pt x="52" y="1482"/>
                </a:lnTo>
                <a:lnTo>
                  <a:pt x="59" y="1471"/>
                </a:lnTo>
                <a:lnTo>
                  <a:pt x="66" y="1461"/>
                </a:lnTo>
                <a:lnTo>
                  <a:pt x="73" y="1452"/>
                </a:lnTo>
                <a:lnTo>
                  <a:pt x="81" y="1442"/>
                </a:lnTo>
                <a:lnTo>
                  <a:pt x="89" y="1433"/>
                </a:lnTo>
                <a:lnTo>
                  <a:pt x="97" y="1424"/>
                </a:lnTo>
                <a:lnTo>
                  <a:pt x="106" y="1415"/>
                </a:lnTo>
                <a:lnTo>
                  <a:pt x="115" y="1407"/>
                </a:lnTo>
                <a:lnTo>
                  <a:pt x="124" y="1399"/>
                </a:lnTo>
                <a:lnTo>
                  <a:pt x="133" y="1392"/>
                </a:lnTo>
                <a:lnTo>
                  <a:pt x="143" y="1384"/>
                </a:lnTo>
                <a:lnTo>
                  <a:pt x="153" y="1377"/>
                </a:lnTo>
                <a:lnTo>
                  <a:pt x="163" y="1371"/>
                </a:lnTo>
                <a:lnTo>
                  <a:pt x="174" y="1365"/>
                </a:lnTo>
                <a:lnTo>
                  <a:pt x="185" y="1359"/>
                </a:lnTo>
                <a:lnTo>
                  <a:pt x="196" y="1353"/>
                </a:lnTo>
                <a:lnTo>
                  <a:pt x="207" y="1348"/>
                </a:lnTo>
                <a:lnTo>
                  <a:pt x="196" y="1343"/>
                </a:lnTo>
                <a:lnTo>
                  <a:pt x="185" y="1338"/>
                </a:lnTo>
                <a:lnTo>
                  <a:pt x="174" y="1332"/>
                </a:lnTo>
                <a:lnTo>
                  <a:pt x="163" y="1326"/>
                </a:lnTo>
                <a:lnTo>
                  <a:pt x="153" y="1319"/>
                </a:lnTo>
                <a:lnTo>
                  <a:pt x="143" y="1312"/>
                </a:lnTo>
                <a:lnTo>
                  <a:pt x="133" y="1305"/>
                </a:lnTo>
                <a:lnTo>
                  <a:pt x="124" y="1297"/>
                </a:lnTo>
                <a:lnTo>
                  <a:pt x="115" y="1290"/>
                </a:lnTo>
                <a:lnTo>
                  <a:pt x="106" y="1281"/>
                </a:lnTo>
                <a:lnTo>
                  <a:pt x="89" y="1264"/>
                </a:lnTo>
                <a:lnTo>
                  <a:pt x="81" y="1255"/>
                </a:lnTo>
                <a:lnTo>
                  <a:pt x="73" y="1245"/>
                </a:lnTo>
                <a:lnTo>
                  <a:pt x="66" y="1235"/>
                </a:lnTo>
                <a:lnTo>
                  <a:pt x="59" y="1225"/>
                </a:lnTo>
                <a:lnTo>
                  <a:pt x="52" y="1215"/>
                </a:lnTo>
                <a:lnTo>
                  <a:pt x="46" y="1204"/>
                </a:lnTo>
                <a:lnTo>
                  <a:pt x="40" y="1194"/>
                </a:lnTo>
                <a:lnTo>
                  <a:pt x="34" y="1182"/>
                </a:lnTo>
                <a:lnTo>
                  <a:pt x="29" y="1171"/>
                </a:lnTo>
                <a:lnTo>
                  <a:pt x="24" y="1160"/>
                </a:lnTo>
                <a:lnTo>
                  <a:pt x="20" y="1148"/>
                </a:lnTo>
                <a:lnTo>
                  <a:pt x="16" y="1136"/>
                </a:lnTo>
                <a:lnTo>
                  <a:pt x="13" y="1124"/>
                </a:lnTo>
                <a:lnTo>
                  <a:pt x="9" y="1112"/>
                </a:lnTo>
                <a:lnTo>
                  <a:pt x="7" y="1099"/>
                </a:lnTo>
                <a:lnTo>
                  <a:pt x="4" y="1087"/>
                </a:lnTo>
                <a:lnTo>
                  <a:pt x="3" y="1074"/>
                </a:lnTo>
                <a:lnTo>
                  <a:pt x="1" y="1061"/>
                </a:lnTo>
                <a:lnTo>
                  <a:pt x="0" y="1048"/>
                </a:lnTo>
                <a:lnTo>
                  <a:pt x="0" y="1035"/>
                </a:lnTo>
                <a:lnTo>
                  <a:pt x="0" y="517"/>
                </a:lnTo>
                <a:lnTo>
                  <a:pt x="0" y="0"/>
                </a:lnTo>
                <a:close/>
              </a:path>
            </a:pathLst>
          </a:custGeom>
          <a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i-FI" sz="1800"/>
          </a:p>
        </p:txBody>
      </p:sp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9" name="Dian numeron paikkamerkki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96807838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Kaksipalsta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Sisällön paikkamerkki 2"/>
          <p:cNvSpPr>
            <a:spLocks noGrp="1"/>
          </p:cNvSpPr>
          <p:nvPr>
            <p:ph sz="half" idx="1"/>
          </p:nvPr>
        </p:nvSpPr>
        <p:spPr>
          <a:xfrm>
            <a:off x="1200000" y="2059200"/>
            <a:ext cx="4800000" cy="39600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 dirty="0"/>
          </a:p>
        </p:txBody>
      </p:sp>
      <p:sp>
        <p:nvSpPr>
          <p:cNvPr id="4" name="Sisällön paikkamerkki 3"/>
          <p:cNvSpPr>
            <a:spLocks noGrp="1"/>
          </p:cNvSpPr>
          <p:nvPr>
            <p:ph sz="half" idx="2"/>
          </p:nvPr>
        </p:nvSpPr>
        <p:spPr>
          <a:xfrm>
            <a:off x="6192000" y="2059200"/>
            <a:ext cx="4800000" cy="39600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 dirty="0"/>
          </a:p>
        </p:txBody>
      </p:sp>
      <p:sp>
        <p:nvSpPr>
          <p:cNvPr id="5" name="Päivämäärän paikkamerkki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6" name="Alatunnisteen paikkamerkki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7" name="Dian numeron paikkamerkki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398356952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laotsikollin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Tekstin paikkamerkki 2"/>
          <p:cNvSpPr>
            <a:spLocks noGrp="1"/>
          </p:cNvSpPr>
          <p:nvPr>
            <p:ph type="body" idx="1"/>
          </p:nvPr>
        </p:nvSpPr>
        <p:spPr>
          <a:xfrm>
            <a:off x="1200000" y="2059200"/>
            <a:ext cx="9792000" cy="360000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rgbClr val="003580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Sisällön paikkamerkki 3"/>
          <p:cNvSpPr>
            <a:spLocks noGrp="1"/>
          </p:cNvSpPr>
          <p:nvPr>
            <p:ph sz="half" idx="2"/>
          </p:nvPr>
        </p:nvSpPr>
        <p:spPr>
          <a:xfrm>
            <a:off x="1200000" y="2564904"/>
            <a:ext cx="9792000" cy="345789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 dirty="0"/>
          </a:p>
        </p:txBody>
      </p:sp>
      <p:sp>
        <p:nvSpPr>
          <p:cNvPr id="7" name="Päivämäärän paikkamerkki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8" name="Alatunnisteen paikkamerkki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9" name="Dian numeron paikkamerkki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21832278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tail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Tekstin paikkamerkki 2"/>
          <p:cNvSpPr>
            <a:spLocks noGrp="1"/>
          </p:cNvSpPr>
          <p:nvPr>
            <p:ph type="body" idx="1"/>
          </p:nvPr>
        </p:nvSpPr>
        <p:spPr>
          <a:xfrm>
            <a:off x="1200000" y="2059200"/>
            <a:ext cx="4800000" cy="360000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rgbClr val="003580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Sisällön paikkamerkki 3"/>
          <p:cNvSpPr>
            <a:spLocks noGrp="1"/>
          </p:cNvSpPr>
          <p:nvPr>
            <p:ph sz="half" idx="2"/>
          </p:nvPr>
        </p:nvSpPr>
        <p:spPr>
          <a:xfrm>
            <a:off x="1200000" y="2564904"/>
            <a:ext cx="4800000" cy="345789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 dirty="0"/>
          </a:p>
        </p:txBody>
      </p:sp>
      <p:sp>
        <p:nvSpPr>
          <p:cNvPr id="5" name="Tekstin paikkamerkki 4"/>
          <p:cNvSpPr>
            <a:spLocks noGrp="1"/>
          </p:cNvSpPr>
          <p:nvPr>
            <p:ph type="body" sz="quarter" idx="3"/>
          </p:nvPr>
        </p:nvSpPr>
        <p:spPr>
          <a:xfrm>
            <a:off x="6192000" y="2059200"/>
            <a:ext cx="4800000" cy="360000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rgbClr val="003580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6" name="Sisällön paikkamerkki 5"/>
          <p:cNvSpPr>
            <a:spLocks noGrp="1"/>
          </p:cNvSpPr>
          <p:nvPr>
            <p:ph sz="quarter" idx="4"/>
          </p:nvPr>
        </p:nvSpPr>
        <p:spPr>
          <a:xfrm>
            <a:off x="6192000" y="2564904"/>
            <a:ext cx="4800000" cy="345789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 dirty="0"/>
          </a:p>
        </p:txBody>
      </p:sp>
      <p:sp>
        <p:nvSpPr>
          <p:cNvPr id="7" name="Päivämäärän paikkamerkki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8" name="Alatunnisteen paikkamerkki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9" name="Dian numeron paikkamerkki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71068575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Iso graaf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 bwMode="black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>
          <a:xfrm>
            <a:off x="1200000" y="1342800"/>
            <a:ext cx="9792000" cy="4680000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 dirty="0"/>
          </a:p>
        </p:txBody>
      </p:sp>
      <p:sp>
        <p:nvSpPr>
          <p:cNvPr id="4" name="Päivämäärän paikkamerkki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  <p:pic>
        <p:nvPicPr>
          <p:cNvPr id="7" name="Kuva 6" descr="KelaFpa_väri_iso.jpg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56628" y="6343888"/>
            <a:ext cx="1536171" cy="371391"/>
          </a:xfrm>
          <a:prstGeom prst="rect">
            <a:avLst/>
          </a:prstGeom>
        </p:spPr>
      </p:pic>
      <p:sp>
        <p:nvSpPr>
          <p:cNvPr id="8" name="Freeform 6"/>
          <p:cNvSpPr>
            <a:spLocks noChangeAspect="1"/>
          </p:cNvSpPr>
          <p:nvPr/>
        </p:nvSpPr>
        <p:spPr bwMode="auto">
          <a:xfrm>
            <a:off x="0" y="205842"/>
            <a:ext cx="469059" cy="1040319"/>
          </a:xfrm>
          <a:custGeom>
            <a:avLst/>
            <a:gdLst>
              <a:gd name="T0" fmla="*/ 973 w 1028"/>
              <a:gd name="T1" fmla="*/ 1496 h 3041"/>
              <a:gd name="T2" fmla="*/ 893 w 1028"/>
              <a:gd name="T3" fmla="*/ 1457 h 3041"/>
              <a:gd name="T4" fmla="*/ 816 w 1028"/>
              <a:gd name="T5" fmla="*/ 1412 h 3041"/>
              <a:gd name="T6" fmla="*/ 741 w 1028"/>
              <a:gd name="T7" fmla="*/ 1363 h 3041"/>
              <a:gd name="T8" fmla="*/ 646 w 1028"/>
              <a:gd name="T9" fmla="*/ 1292 h 3041"/>
              <a:gd name="T10" fmla="*/ 577 w 1028"/>
              <a:gd name="T11" fmla="*/ 1236 h 3041"/>
              <a:gd name="T12" fmla="*/ 512 w 1028"/>
              <a:gd name="T13" fmla="*/ 1175 h 3041"/>
              <a:gd name="T14" fmla="*/ 450 w 1028"/>
              <a:gd name="T15" fmla="*/ 1111 h 3041"/>
              <a:gd name="T16" fmla="*/ 391 w 1028"/>
              <a:gd name="T17" fmla="*/ 1043 h 3041"/>
              <a:gd name="T18" fmla="*/ 336 w 1028"/>
              <a:gd name="T19" fmla="*/ 972 h 3041"/>
              <a:gd name="T20" fmla="*/ 285 w 1028"/>
              <a:gd name="T21" fmla="*/ 899 h 3041"/>
              <a:gd name="T22" fmla="*/ 238 w 1028"/>
              <a:gd name="T23" fmla="*/ 823 h 3041"/>
              <a:gd name="T24" fmla="*/ 194 w 1028"/>
              <a:gd name="T25" fmla="*/ 744 h 3041"/>
              <a:gd name="T26" fmla="*/ 154 w 1028"/>
              <a:gd name="T27" fmla="*/ 663 h 3041"/>
              <a:gd name="T28" fmla="*/ 118 w 1028"/>
              <a:gd name="T29" fmla="*/ 578 h 3041"/>
              <a:gd name="T30" fmla="*/ 88 w 1028"/>
              <a:gd name="T31" fmla="*/ 493 h 3041"/>
              <a:gd name="T32" fmla="*/ 61 w 1028"/>
              <a:gd name="T33" fmla="*/ 404 h 3041"/>
              <a:gd name="T34" fmla="*/ 38 w 1028"/>
              <a:gd name="T35" fmla="*/ 314 h 3041"/>
              <a:gd name="T36" fmla="*/ 21 w 1028"/>
              <a:gd name="T37" fmla="*/ 221 h 3041"/>
              <a:gd name="T38" fmla="*/ 9 w 1028"/>
              <a:gd name="T39" fmla="*/ 128 h 3041"/>
              <a:gd name="T40" fmla="*/ 1 w 1028"/>
              <a:gd name="T41" fmla="*/ 33 h 3041"/>
              <a:gd name="T42" fmla="*/ 0 w 1028"/>
              <a:gd name="T43" fmla="*/ 1521 h 3041"/>
              <a:gd name="T44" fmla="*/ 1 w 1028"/>
              <a:gd name="T45" fmla="*/ 3009 h 3041"/>
              <a:gd name="T46" fmla="*/ 9 w 1028"/>
              <a:gd name="T47" fmla="*/ 2914 h 3041"/>
              <a:gd name="T48" fmla="*/ 21 w 1028"/>
              <a:gd name="T49" fmla="*/ 2820 h 3041"/>
              <a:gd name="T50" fmla="*/ 38 w 1028"/>
              <a:gd name="T51" fmla="*/ 2728 h 3041"/>
              <a:gd name="T52" fmla="*/ 61 w 1028"/>
              <a:gd name="T53" fmla="*/ 2638 h 3041"/>
              <a:gd name="T54" fmla="*/ 88 w 1028"/>
              <a:gd name="T55" fmla="*/ 2550 h 3041"/>
              <a:gd name="T56" fmla="*/ 118 w 1028"/>
              <a:gd name="T57" fmla="*/ 2463 h 3041"/>
              <a:gd name="T58" fmla="*/ 154 w 1028"/>
              <a:gd name="T59" fmla="*/ 2380 h 3041"/>
              <a:gd name="T60" fmla="*/ 194 w 1028"/>
              <a:gd name="T61" fmla="*/ 2298 h 3041"/>
              <a:gd name="T62" fmla="*/ 238 w 1028"/>
              <a:gd name="T63" fmla="*/ 2219 h 3041"/>
              <a:gd name="T64" fmla="*/ 285 w 1028"/>
              <a:gd name="T65" fmla="*/ 2142 h 3041"/>
              <a:gd name="T66" fmla="*/ 336 w 1028"/>
              <a:gd name="T67" fmla="*/ 2069 h 3041"/>
              <a:gd name="T68" fmla="*/ 391 w 1028"/>
              <a:gd name="T69" fmla="*/ 1998 h 3041"/>
              <a:gd name="T70" fmla="*/ 450 w 1028"/>
              <a:gd name="T71" fmla="*/ 1932 h 3041"/>
              <a:gd name="T72" fmla="*/ 512 w 1028"/>
              <a:gd name="T73" fmla="*/ 1868 h 3041"/>
              <a:gd name="T74" fmla="*/ 600 w 1028"/>
              <a:gd name="T75" fmla="*/ 1787 h 3041"/>
              <a:gd name="T76" fmla="*/ 668 w 1028"/>
              <a:gd name="T77" fmla="*/ 1731 h 3041"/>
              <a:gd name="T78" fmla="*/ 741 w 1028"/>
              <a:gd name="T79" fmla="*/ 1678 h 3041"/>
              <a:gd name="T80" fmla="*/ 816 w 1028"/>
              <a:gd name="T81" fmla="*/ 1630 h 3041"/>
              <a:gd name="T82" fmla="*/ 893 w 1028"/>
              <a:gd name="T83" fmla="*/ 1586 h 3041"/>
              <a:gd name="T84" fmla="*/ 973 w 1028"/>
              <a:gd name="T85" fmla="*/ 1546 h 304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1028" h="3041">
                <a:moveTo>
                  <a:pt x="1028" y="1521"/>
                </a:moveTo>
                <a:lnTo>
                  <a:pt x="1001" y="1508"/>
                </a:lnTo>
                <a:lnTo>
                  <a:pt x="973" y="1496"/>
                </a:lnTo>
                <a:lnTo>
                  <a:pt x="947" y="1484"/>
                </a:lnTo>
                <a:lnTo>
                  <a:pt x="920" y="1470"/>
                </a:lnTo>
                <a:lnTo>
                  <a:pt x="893" y="1457"/>
                </a:lnTo>
                <a:lnTo>
                  <a:pt x="867" y="1442"/>
                </a:lnTo>
                <a:lnTo>
                  <a:pt x="841" y="1427"/>
                </a:lnTo>
                <a:lnTo>
                  <a:pt x="816" y="1412"/>
                </a:lnTo>
                <a:lnTo>
                  <a:pt x="790" y="1396"/>
                </a:lnTo>
                <a:lnTo>
                  <a:pt x="765" y="1380"/>
                </a:lnTo>
                <a:lnTo>
                  <a:pt x="741" y="1363"/>
                </a:lnTo>
                <a:lnTo>
                  <a:pt x="717" y="1346"/>
                </a:lnTo>
                <a:lnTo>
                  <a:pt x="668" y="1311"/>
                </a:lnTo>
                <a:lnTo>
                  <a:pt x="646" y="1292"/>
                </a:lnTo>
                <a:lnTo>
                  <a:pt x="622" y="1274"/>
                </a:lnTo>
                <a:lnTo>
                  <a:pt x="600" y="1255"/>
                </a:lnTo>
                <a:lnTo>
                  <a:pt x="577" y="1236"/>
                </a:lnTo>
                <a:lnTo>
                  <a:pt x="555" y="1216"/>
                </a:lnTo>
                <a:lnTo>
                  <a:pt x="533" y="1195"/>
                </a:lnTo>
                <a:lnTo>
                  <a:pt x="512" y="1175"/>
                </a:lnTo>
                <a:lnTo>
                  <a:pt x="491" y="1154"/>
                </a:lnTo>
                <a:lnTo>
                  <a:pt x="470" y="1132"/>
                </a:lnTo>
                <a:lnTo>
                  <a:pt x="450" y="1111"/>
                </a:lnTo>
                <a:lnTo>
                  <a:pt x="431" y="1088"/>
                </a:lnTo>
                <a:lnTo>
                  <a:pt x="410" y="1066"/>
                </a:lnTo>
                <a:lnTo>
                  <a:pt x="391" y="1043"/>
                </a:lnTo>
                <a:lnTo>
                  <a:pt x="373" y="1020"/>
                </a:lnTo>
                <a:lnTo>
                  <a:pt x="354" y="996"/>
                </a:lnTo>
                <a:lnTo>
                  <a:pt x="336" y="972"/>
                </a:lnTo>
                <a:lnTo>
                  <a:pt x="319" y="949"/>
                </a:lnTo>
                <a:lnTo>
                  <a:pt x="302" y="924"/>
                </a:lnTo>
                <a:lnTo>
                  <a:pt x="285" y="899"/>
                </a:lnTo>
                <a:lnTo>
                  <a:pt x="268" y="874"/>
                </a:lnTo>
                <a:lnTo>
                  <a:pt x="252" y="848"/>
                </a:lnTo>
                <a:lnTo>
                  <a:pt x="238" y="823"/>
                </a:lnTo>
                <a:lnTo>
                  <a:pt x="222" y="797"/>
                </a:lnTo>
                <a:lnTo>
                  <a:pt x="207" y="771"/>
                </a:lnTo>
                <a:lnTo>
                  <a:pt x="194" y="744"/>
                </a:lnTo>
                <a:lnTo>
                  <a:pt x="180" y="717"/>
                </a:lnTo>
                <a:lnTo>
                  <a:pt x="167" y="690"/>
                </a:lnTo>
                <a:lnTo>
                  <a:pt x="154" y="663"/>
                </a:lnTo>
                <a:lnTo>
                  <a:pt x="142" y="634"/>
                </a:lnTo>
                <a:lnTo>
                  <a:pt x="130" y="606"/>
                </a:lnTo>
                <a:lnTo>
                  <a:pt x="118" y="578"/>
                </a:lnTo>
                <a:lnTo>
                  <a:pt x="107" y="550"/>
                </a:lnTo>
                <a:lnTo>
                  <a:pt x="97" y="521"/>
                </a:lnTo>
                <a:lnTo>
                  <a:pt x="88" y="493"/>
                </a:lnTo>
                <a:lnTo>
                  <a:pt x="78" y="463"/>
                </a:lnTo>
                <a:lnTo>
                  <a:pt x="69" y="434"/>
                </a:lnTo>
                <a:lnTo>
                  <a:pt x="61" y="404"/>
                </a:lnTo>
                <a:lnTo>
                  <a:pt x="53" y="374"/>
                </a:lnTo>
                <a:lnTo>
                  <a:pt x="45" y="344"/>
                </a:lnTo>
                <a:lnTo>
                  <a:pt x="38" y="314"/>
                </a:lnTo>
                <a:lnTo>
                  <a:pt x="33" y="283"/>
                </a:lnTo>
                <a:lnTo>
                  <a:pt x="27" y="253"/>
                </a:lnTo>
                <a:lnTo>
                  <a:pt x="21" y="221"/>
                </a:lnTo>
                <a:lnTo>
                  <a:pt x="17" y="191"/>
                </a:lnTo>
                <a:lnTo>
                  <a:pt x="12" y="159"/>
                </a:lnTo>
                <a:lnTo>
                  <a:pt x="9" y="128"/>
                </a:lnTo>
                <a:lnTo>
                  <a:pt x="6" y="96"/>
                </a:lnTo>
                <a:lnTo>
                  <a:pt x="3" y="65"/>
                </a:lnTo>
                <a:lnTo>
                  <a:pt x="1" y="33"/>
                </a:lnTo>
                <a:lnTo>
                  <a:pt x="0" y="0"/>
                </a:lnTo>
                <a:lnTo>
                  <a:pt x="0" y="761"/>
                </a:lnTo>
                <a:lnTo>
                  <a:pt x="0" y="1521"/>
                </a:lnTo>
                <a:lnTo>
                  <a:pt x="0" y="2281"/>
                </a:lnTo>
                <a:lnTo>
                  <a:pt x="0" y="3041"/>
                </a:lnTo>
                <a:lnTo>
                  <a:pt x="1" y="3009"/>
                </a:lnTo>
                <a:lnTo>
                  <a:pt x="3" y="2977"/>
                </a:lnTo>
                <a:lnTo>
                  <a:pt x="6" y="2945"/>
                </a:lnTo>
                <a:lnTo>
                  <a:pt x="9" y="2914"/>
                </a:lnTo>
                <a:lnTo>
                  <a:pt x="12" y="2882"/>
                </a:lnTo>
                <a:lnTo>
                  <a:pt x="17" y="2851"/>
                </a:lnTo>
                <a:lnTo>
                  <a:pt x="21" y="2820"/>
                </a:lnTo>
                <a:lnTo>
                  <a:pt x="27" y="2789"/>
                </a:lnTo>
                <a:lnTo>
                  <a:pt x="33" y="2758"/>
                </a:lnTo>
                <a:lnTo>
                  <a:pt x="38" y="2728"/>
                </a:lnTo>
                <a:lnTo>
                  <a:pt x="45" y="2698"/>
                </a:lnTo>
                <a:lnTo>
                  <a:pt x="53" y="2668"/>
                </a:lnTo>
                <a:lnTo>
                  <a:pt x="61" y="2638"/>
                </a:lnTo>
                <a:lnTo>
                  <a:pt x="69" y="2609"/>
                </a:lnTo>
                <a:lnTo>
                  <a:pt x="78" y="2579"/>
                </a:lnTo>
                <a:lnTo>
                  <a:pt x="88" y="2550"/>
                </a:lnTo>
                <a:lnTo>
                  <a:pt x="97" y="2521"/>
                </a:lnTo>
                <a:lnTo>
                  <a:pt x="107" y="2491"/>
                </a:lnTo>
                <a:lnTo>
                  <a:pt x="118" y="2463"/>
                </a:lnTo>
                <a:lnTo>
                  <a:pt x="130" y="2435"/>
                </a:lnTo>
                <a:lnTo>
                  <a:pt x="142" y="2407"/>
                </a:lnTo>
                <a:lnTo>
                  <a:pt x="154" y="2380"/>
                </a:lnTo>
                <a:lnTo>
                  <a:pt x="167" y="2352"/>
                </a:lnTo>
                <a:lnTo>
                  <a:pt x="180" y="2325"/>
                </a:lnTo>
                <a:lnTo>
                  <a:pt x="194" y="2298"/>
                </a:lnTo>
                <a:lnTo>
                  <a:pt x="207" y="2272"/>
                </a:lnTo>
                <a:lnTo>
                  <a:pt x="222" y="2245"/>
                </a:lnTo>
                <a:lnTo>
                  <a:pt x="238" y="2219"/>
                </a:lnTo>
                <a:lnTo>
                  <a:pt x="252" y="2193"/>
                </a:lnTo>
                <a:lnTo>
                  <a:pt x="268" y="2168"/>
                </a:lnTo>
                <a:lnTo>
                  <a:pt x="285" y="2142"/>
                </a:lnTo>
                <a:lnTo>
                  <a:pt x="302" y="2118"/>
                </a:lnTo>
                <a:lnTo>
                  <a:pt x="319" y="2094"/>
                </a:lnTo>
                <a:lnTo>
                  <a:pt x="336" y="2069"/>
                </a:lnTo>
                <a:lnTo>
                  <a:pt x="354" y="2046"/>
                </a:lnTo>
                <a:lnTo>
                  <a:pt x="373" y="2022"/>
                </a:lnTo>
                <a:lnTo>
                  <a:pt x="391" y="1998"/>
                </a:lnTo>
                <a:lnTo>
                  <a:pt x="410" y="1976"/>
                </a:lnTo>
                <a:lnTo>
                  <a:pt x="431" y="1953"/>
                </a:lnTo>
                <a:lnTo>
                  <a:pt x="450" y="1932"/>
                </a:lnTo>
                <a:lnTo>
                  <a:pt x="470" y="1909"/>
                </a:lnTo>
                <a:lnTo>
                  <a:pt x="491" y="1888"/>
                </a:lnTo>
                <a:lnTo>
                  <a:pt x="512" y="1868"/>
                </a:lnTo>
                <a:lnTo>
                  <a:pt x="533" y="1846"/>
                </a:lnTo>
                <a:lnTo>
                  <a:pt x="577" y="1807"/>
                </a:lnTo>
                <a:lnTo>
                  <a:pt x="600" y="1787"/>
                </a:lnTo>
                <a:lnTo>
                  <a:pt x="622" y="1767"/>
                </a:lnTo>
                <a:lnTo>
                  <a:pt x="646" y="1749"/>
                </a:lnTo>
                <a:lnTo>
                  <a:pt x="668" y="1731"/>
                </a:lnTo>
                <a:lnTo>
                  <a:pt x="692" y="1713"/>
                </a:lnTo>
                <a:lnTo>
                  <a:pt x="717" y="1695"/>
                </a:lnTo>
                <a:lnTo>
                  <a:pt x="741" y="1678"/>
                </a:lnTo>
                <a:lnTo>
                  <a:pt x="765" y="1662"/>
                </a:lnTo>
                <a:lnTo>
                  <a:pt x="790" y="1646"/>
                </a:lnTo>
                <a:lnTo>
                  <a:pt x="816" y="1630"/>
                </a:lnTo>
                <a:lnTo>
                  <a:pt x="841" y="1615"/>
                </a:lnTo>
                <a:lnTo>
                  <a:pt x="867" y="1600"/>
                </a:lnTo>
                <a:lnTo>
                  <a:pt x="893" y="1586"/>
                </a:lnTo>
                <a:lnTo>
                  <a:pt x="920" y="1571"/>
                </a:lnTo>
                <a:lnTo>
                  <a:pt x="947" y="1558"/>
                </a:lnTo>
                <a:lnTo>
                  <a:pt x="973" y="1546"/>
                </a:lnTo>
                <a:lnTo>
                  <a:pt x="1001" y="1533"/>
                </a:lnTo>
                <a:lnTo>
                  <a:pt x="1028" y="1521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i-FI" sz="1800"/>
          </a:p>
        </p:txBody>
      </p:sp>
    </p:spTree>
    <p:extLst>
      <p:ext uri="{BB962C8B-B14F-4D97-AF65-F5344CB8AC3E}">
        <p14:creationId xmlns:p14="http://schemas.microsoft.com/office/powerpoint/2010/main" val="9919304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Kaksi sisältökohdet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77334" y="2160589"/>
            <a:ext cx="4184035" cy="3880772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89970" y="2160589"/>
            <a:ext cx="4184034" cy="3880773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85843634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Vain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fi-FI"/>
          </a:p>
        </p:txBody>
      </p:sp>
      <p:sp>
        <p:nvSpPr>
          <p:cNvPr id="3" name="Päivämäärän paikkamerkki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4" name="Alatunnisteen paikkamerkki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5" name="Dian numeron paikkamerkki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99036931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äivämäärän paikkamerkki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3" name="Alatunnisteen paikkamerkki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4" name="Dian numeron paikkamerkki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A8B17D0-BA01-4CC0-9408-FAF7B5A248A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02502104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3 March 2017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330242024" name="Logo blue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565590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3 March 2017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382037638" name="Logo light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85107203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/>
          <a:lstStyle>
            <a:lvl1pPr marL="0" indent="0" algn="ctr">
              <a:buNone/>
              <a:defRPr baseline="0"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3 March 2017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549977219" name="Logo blue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9266435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3 March 2017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2013540052" name="Logo white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2443296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en-GB" dirty="0"/>
              <a:t>Click to add text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7022773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en-GB" dirty="0"/>
              <a:t>Click to add intro text</a:t>
            </a:r>
            <a:endParaRPr lang="en-GB"/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411796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 dirty="0"/>
              <a:t>Click to add text or conten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31110681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209580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tail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745" y="2160983"/>
            <a:ext cx="4185623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75745" y="2737245"/>
            <a:ext cx="4185623" cy="3304117"/>
          </a:xfrm>
        </p:spPr>
        <p:txBody>
          <a:bodyPr>
            <a:normAutofit/>
          </a:bodyPr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88383" y="2160983"/>
            <a:ext cx="418561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88384" y="2737245"/>
            <a:ext cx="4185617" cy="3304117"/>
          </a:xfrm>
        </p:spPr>
        <p:txBody>
          <a:bodyPr>
            <a:normAutofit/>
          </a:bodyPr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477028613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Use bold for highlighted text,</a:t>
            </a:r>
            <a:br>
              <a:rPr lang="en-GB" dirty="0"/>
            </a:br>
            <a:r>
              <a:rPr lang="en-GB" dirty="0"/>
              <a:t>other text regular, max four lines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74629336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 dirty="0"/>
              <a:t>Insert quotation text in several lines. Insert name or source: Click ENTER for new line, click TAB, insert name/sourc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r>
              <a:rPr lang="en-GB" dirty="0"/>
              <a:t>03/03/2017</a:t>
            </a:r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855810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/>
            <a:r>
              <a:rPr lang="en-GB" dirty="0"/>
              <a:t>Insert quotation text in several lines. Insert name or source: Click ENTER for new line, click TAB, insert name/sourc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8746389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 dirty="0"/>
              <a:t>Click to add chart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455465839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64800325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0843686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5119875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en-GB" dirty="0"/>
              <a:t>Click to add char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8"/>
            <a:ext cx="325438" cy="32861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56345732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65067733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000709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Vain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</p:spPr>
        <p:txBody>
          <a:bodyPr/>
          <a:lstStyle/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791683959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46379530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62629863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3373608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/>
            <a:r>
              <a:rPr lang="en-GB"/>
              <a:t>Mette Agger Tang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/>
            </a:lvl1pPr>
          </a:lstStyle>
          <a:p>
            <a:pPr lvl="0"/>
            <a:endParaRPr lang="en-GB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endParaRPr lang="en-GB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endParaRPr lang="en-GB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anchor="b" anchorCtr="0"/>
          <a:lstStyle>
            <a:lvl1pPr marL="0" indent="0">
              <a:buNone/>
              <a:defRPr sz="1800" b="1"/>
            </a:lvl1pPr>
          </a:lstStyle>
          <a:p>
            <a:pPr lvl="0"/>
            <a:r>
              <a:rPr lang="en-GB"/>
              <a:t>Nordic Council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anchor="t" anchorCtr="0"/>
          <a:lstStyle>
            <a:lvl1pPr marL="0" indent="0">
              <a:buNone/>
              <a:defRPr sz="1800"/>
            </a:lvl1pPr>
          </a:lstStyle>
          <a:p>
            <a:pPr lvl="0"/>
            <a:endParaRPr lang="en-GB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4845069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/>
              <a:t>Thanks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4892047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3925709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7144797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80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en-GB" sz="48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en-GB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en-GB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dirty="0"/>
              <a:t>insert picture via </a:t>
            </a:r>
            <a:r>
              <a:rPr lang="en-GB" sz="900" b="1" dirty="0"/>
              <a:t>Add Images</a:t>
            </a:r>
            <a:r>
              <a:rPr lang="en-GB" sz="900" dirty="0"/>
              <a:t>-button </a:t>
            </a:r>
            <a:br>
              <a:rPr lang="en-GB" sz="900" dirty="0"/>
            </a:br>
            <a:r>
              <a:rPr lang="en-GB" sz="900" dirty="0"/>
              <a:t>in the </a:t>
            </a:r>
            <a:r>
              <a:rPr lang="en-GB" sz="900" b="1" dirty="0"/>
              <a:t>NORDEN-</a:t>
            </a:r>
            <a:r>
              <a:rPr lang="en-GB" sz="900" baseline="0" dirty="0"/>
              <a:t>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 dirty="0">
                <a:latin typeface="+mn-lt"/>
              </a:rPr>
              <a:t>NORDEN</a:t>
            </a:r>
            <a:r>
              <a:rPr lang="en-GB" sz="900" b="0" baseline="0" dirty="0">
                <a:latin typeface="+mn-lt"/>
              </a:rPr>
              <a:t>-TAB and</a:t>
            </a:r>
            <a:r>
              <a:rPr lang="en-GB" sz="900" baseline="0" dirty="0">
                <a:latin typeface="+mn-lt"/>
              </a:rPr>
              <a:t> 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en-GB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en-GB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/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22986802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Otsikko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Kuva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801"/>
            <a:ext cx="12288000" cy="6912000"/>
          </a:xfrm>
          <a:prstGeom prst="rect">
            <a:avLst/>
          </a:prstGeom>
          <a:solidFill>
            <a:schemeClr val="bg1"/>
          </a:solidFill>
          <a:ln>
            <a:noFill/>
          </a:ln>
        </p:spPr>
      </p:pic>
      <p:pic>
        <p:nvPicPr>
          <p:cNvPr id="8" name="Kuva 7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-531" y="1017844"/>
            <a:ext cx="12288000" cy="4337664"/>
          </a:xfrm>
          <a:prstGeom prst="rect">
            <a:avLst/>
          </a:prstGeom>
        </p:spPr>
      </p:pic>
      <p:sp>
        <p:nvSpPr>
          <p:cNvPr id="2" name="Otsikko 1"/>
          <p:cNvSpPr>
            <a:spLocks noGrp="1"/>
          </p:cNvSpPr>
          <p:nvPr>
            <p:ph type="ctrTitle"/>
          </p:nvPr>
        </p:nvSpPr>
        <p:spPr>
          <a:xfrm>
            <a:off x="1544320" y="1290003"/>
            <a:ext cx="9110400" cy="2387600"/>
          </a:xfrm>
          <a:noFill/>
        </p:spPr>
        <p:txBody>
          <a:bodyPr anchor="ctr">
            <a:noAutofit/>
          </a:bodyPr>
          <a:lstStyle>
            <a:lvl1pPr algn="ctr">
              <a:defRPr sz="3200"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810000"/>
            <a:ext cx="9110400" cy="1280160"/>
          </a:xfrm>
          <a:noFill/>
        </p:spPr>
        <p:txBody>
          <a:bodyPr anchor="ctr">
            <a:no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fi-FI" dirty="0"/>
              <a:t>Etunimi Sukunimi</a:t>
            </a:r>
          </a:p>
        </p:txBody>
      </p:sp>
      <p:pic>
        <p:nvPicPr>
          <p:cNvPr id="9" name="Kuva 7" descr="logo kalvolle.png"/>
          <p:cNvPicPr>
            <a:picLocks noChangeAspect="1"/>
          </p:cNvPicPr>
          <p:nvPr userDrawn="1"/>
        </p:nvPicPr>
        <p:blipFill>
          <a:blip r:embed="rId4"/>
          <a:srcRect/>
          <a:stretch>
            <a:fillRect/>
          </a:stretch>
        </p:blipFill>
        <p:spPr bwMode="auto">
          <a:xfrm>
            <a:off x="3898068" y="5724001"/>
            <a:ext cx="4246189" cy="5080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611554660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tsikko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fi-FI"/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i-FI" smtClean="0"/>
              <a:t>Muokkaa tekstin perustyylejä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 dirty="0"/>
          </a:p>
        </p:txBody>
      </p:sp>
      <p:sp>
        <p:nvSpPr>
          <p:cNvPr id="13" name="Rectangle 4"/>
          <p:cNvSpPr/>
          <p:nvPr userDrawn="1"/>
        </p:nvSpPr>
        <p:spPr>
          <a:xfrm>
            <a:off x="0" y="6408622"/>
            <a:ext cx="12192000" cy="455605"/>
          </a:xfrm>
          <a:prstGeom prst="rect">
            <a:avLst/>
          </a:prstGeom>
          <a:solidFill>
            <a:srgbClr val="02B7F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bg1"/>
              </a:solidFill>
            </a:endParaRPr>
          </a:p>
        </p:txBody>
      </p:sp>
      <p:sp>
        <p:nvSpPr>
          <p:cNvPr id="14" name="Dian numeron paikkamerkki 5"/>
          <p:cNvSpPr>
            <a:spLocks noGrp="1"/>
          </p:cNvSpPr>
          <p:nvPr>
            <p:ph type="sldNum" sz="quarter" idx="4"/>
          </p:nvPr>
        </p:nvSpPr>
        <p:spPr>
          <a:xfrm>
            <a:off x="9897577" y="6453860"/>
            <a:ext cx="1440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fld id="{AEF28B38-18CD-45F7-BC13-FDF411831B66}" type="slidenum">
              <a:rPr lang="fi-FI" smtClean="0"/>
              <a:pPr/>
              <a:t>‹#›</a:t>
            </a:fld>
            <a:endParaRPr lang="fi-FI" dirty="0"/>
          </a:p>
        </p:txBody>
      </p:sp>
      <p:pic>
        <p:nvPicPr>
          <p:cNvPr id="15" name="Kuva 14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607000" y="6490801"/>
            <a:ext cx="390177" cy="286537"/>
          </a:xfrm>
          <a:prstGeom prst="rect">
            <a:avLst/>
          </a:prstGeom>
        </p:spPr>
      </p:pic>
      <p:sp>
        <p:nvSpPr>
          <p:cNvPr id="16" name="Päivämäärän paikkamerkki 7"/>
          <p:cNvSpPr>
            <a:spLocks noGrp="1"/>
          </p:cNvSpPr>
          <p:nvPr>
            <p:ph type="dt" sz="half" idx="2"/>
          </p:nvPr>
        </p:nvSpPr>
        <p:spPr>
          <a:xfrm>
            <a:off x="7905947" y="6451506"/>
            <a:ext cx="189578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/>
              <a:t>01.01.2016</a:t>
            </a:r>
            <a:endParaRPr lang="fi-FI" dirty="0"/>
          </a:p>
        </p:txBody>
      </p:sp>
      <p:sp>
        <p:nvSpPr>
          <p:cNvPr id="17" name="Alatunnisteen paikkamerkki 8"/>
          <p:cNvSpPr>
            <a:spLocks noGrp="1"/>
          </p:cNvSpPr>
          <p:nvPr>
            <p:ph type="ftr" sz="quarter" idx="3"/>
          </p:nvPr>
        </p:nvSpPr>
        <p:spPr>
          <a:xfrm>
            <a:off x="812781" y="6448309"/>
            <a:ext cx="669492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Etunimi Sukunimi   </a:t>
            </a:r>
            <a:r>
              <a:rPr lang="fi-FI" sz="1300" dirty="0"/>
              <a:t>ELÄKETURVAKESKUS</a:t>
            </a:r>
          </a:p>
        </p:txBody>
      </p:sp>
    </p:spTree>
    <p:extLst>
      <p:ext uri="{BB962C8B-B14F-4D97-AF65-F5344CB8AC3E}">
        <p14:creationId xmlns:p14="http://schemas.microsoft.com/office/powerpoint/2010/main" val="411199226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300397181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älilehti_vaihtoehto_1">
    <p:bg>
      <p:bgPr>
        <a:solidFill>
          <a:srgbClr val="02B7F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sikko 1"/>
          <p:cNvSpPr>
            <a:spLocks noGrp="1"/>
          </p:cNvSpPr>
          <p:nvPr>
            <p:ph type="ctrTitle" hasCustomPrompt="1"/>
          </p:nvPr>
        </p:nvSpPr>
        <p:spPr>
          <a:xfrm>
            <a:off x="1303680" y="1290003"/>
            <a:ext cx="9585600" cy="2387600"/>
          </a:xfrm>
          <a:noFill/>
        </p:spPr>
        <p:txBody>
          <a:bodyPr anchor="ctr">
            <a:noAutofit/>
          </a:bodyPr>
          <a:lstStyle>
            <a:lvl1pPr algn="ctr">
              <a:defRPr sz="32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Väliotsikko</a:t>
            </a:r>
          </a:p>
        </p:txBody>
      </p:sp>
    </p:spTree>
    <p:extLst>
      <p:ext uri="{BB962C8B-B14F-4D97-AF65-F5344CB8AC3E}">
        <p14:creationId xmlns:p14="http://schemas.microsoft.com/office/powerpoint/2010/main" val="2341671080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älilehti_vaihtoehto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Kuva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"/>
            <a:ext cx="12288000" cy="6912000"/>
          </a:xfrm>
          <a:prstGeom prst="rect">
            <a:avLst/>
          </a:prstGeom>
          <a:ln>
            <a:noFill/>
          </a:ln>
        </p:spPr>
      </p:pic>
      <p:pic>
        <p:nvPicPr>
          <p:cNvPr id="8" name="Kuva 7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-531" y="1018799"/>
            <a:ext cx="12288000" cy="4337664"/>
          </a:xfrm>
          <a:prstGeom prst="rect">
            <a:avLst/>
          </a:prstGeom>
        </p:spPr>
      </p:pic>
      <p:pic>
        <p:nvPicPr>
          <p:cNvPr id="4" name="Kuva 3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1607000" y="6490801"/>
            <a:ext cx="390177" cy="286537"/>
          </a:xfrm>
          <a:prstGeom prst="rect">
            <a:avLst/>
          </a:prstGeom>
        </p:spPr>
      </p:pic>
      <p:sp>
        <p:nvSpPr>
          <p:cNvPr id="6" name="Otsikko 1"/>
          <p:cNvSpPr>
            <a:spLocks noGrp="1"/>
          </p:cNvSpPr>
          <p:nvPr>
            <p:ph type="ctrTitle" hasCustomPrompt="1"/>
          </p:nvPr>
        </p:nvSpPr>
        <p:spPr>
          <a:xfrm>
            <a:off x="1287637" y="1290003"/>
            <a:ext cx="9585600" cy="2387600"/>
          </a:xfrm>
          <a:noFill/>
        </p:spPr>
        <p:txBody>
          <a:bodyPr anchor="ctr">
            <a:noAutofit/>
          </a:bodyPr>
          <a:lstStyle>
            <a:lvl1pPr algn="ctr">
              <a:defRPr sz="32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Väliotsikko</a:t>
            </a:r>
          </a:p>
        </p:txBody>
      </p:sp>
    </p:spTree>
    <p:extLst>
      <p:ext uri="{BB962C8B-B14F-4D97-AF65-F5344CB8AC3E}">
        <p14:creationId xmlns:p14="http://schemas.microsoft.com/office/powerpoint/2010/main" val="105353105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Kaksi sisältökohdet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fi-FI" dirty="0"/>
          </a:p>
        </p:txBody>
      </p:sp>
      <p:sp>
        <p:nvSpPr>
          <p:cNvPr id="3" name="Sisällön paikkamerkki 2"/>
          <p:cNvSpPr>
            <a:spLocks noGrp="1"/>
          </p:cNvSpPr>
          <p:nvPr>
            <p:ph sz="half" idx="1"/>
          </p:nvPr>
        </p:nvSpPr>
        <p:spPr>
          <a:xfrm>
            <a:off x="838200" y="1630800"/>
            <a:ext cx="5181600" cy="4351338"/>
          </a:xfrm>
        </p:spPr>
        <p:txBody>
          <a:bodyPr/>
          <a:lstStyle/>
          <a:p>
            <a:pPr lvl="0"/>
            <a:r>
              <a:rPr lang="fi-FI" smtClean="0"/>
              <a:t>Muokkaa tekstin perustyylejä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/>
          </a:p>
        </p:txBody>
      </p:sp>
      <p:sp>
        <p:nvSpPr>
          <p:cNvPr id="4" name="Sisällön paikkamerkki 3"/>
          <p:cNvSpPr>
            <a:spLocks noGrp="1"/>
          </p:cNvSpPr>
          <p:nvPr>
            <p:ph sz="half" idx="2"/>
          </p:nvPr>
        </p:nvSpPr>
        <p:spPr>
          <a:xfrm>
            <a:off x="6172200" y="1630800"/>
            <a:ext cx="5181600" cy="4351338"/>
          </a:xfrm>
        </p:spPr>
        <p:txBody>
          <a:bodyPr/>
          <a:lstStyle/>
          <a:p>
            <a:pPr lvl="0"/>
            <a:r>
              <a:rPr lang="fi-FI" smtClean="0"/>
              <a:t>Muokkaa tekstin perustyylejä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fi-FI"/>
          </a:p>
        </p:txBody>
      </p:sp>
      <p:sp>
        <p:nvSpPr>
          <p:cNvPr id="14" name="Rectangle 4"/>
          <p:cNvSpPr/>
          <p:nvPr userDrawn="1"/>
        </p:nvSpPr>
        <p:spPr>
          <a:xfrm>
            <a:off x="0" y="6408622"/>
            <a:ext cx="12192000" cy="455605"/>
          </a:xfrm>
          <a:prstGeom prst="rect">
            <a:avLst/>
          </a:prstGeom>
          <a:solidFill>
            <a:srgbClr val="02B7F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bg1"/>
              </a:solidFill>
            </a:endParaRPr>
          </a:p>
        </p:txBody>
      </p:sp>
      <p:sp>
        <p:nvSpPr>
          <p:cNvPr id="15" name="Dian numeron paikkamerkki 5"/>
          <p:cNvSpPr>
            <a:spLocks noGrp="1"/>
          </p:cNvSpPr>
          <p:nvPr>
            <p:ph type="sldNum" sz="quarter" idx="4"/>
          </p:nvPr>
        </p:nvSpPr>
        <p:spPr>
          <a:xfrm>
            <a:off x="9897577" y="6453860"/>
            <a:ext cx="1440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fld id="{AEF28B38-18CD-45F7-BC13-FDF411831B66}" type="slidenum">
              <a:rPr lang="fi-FI" smtClean="0"/>
              <a:pPr/>
              <a:t>‹#›</a:t>
            </a:fld>
            <a:endParaRPr lang="fi-FI" dirty="0"/>
          </a:p>
        </p:txBody>
      </p:sp>
      <p:pic>
        <p:nvPicPr>
          <p:cNvPr id="16" name="Kuva 1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607000" y="6490801"/>
            <a:ext cx="390177" cy="286537"/>
          </a:xfrm>
          <a:prstGeom prst="rect">
            <a:avLst/>
          </a:prstGeom>
        </p:spPr>
      </p:pic>
      <p:sp>
        <p:nvSpPr>
          <p:cNvPr id="17" name="Päivämäärän paikkamerkki 7"/>
          <p:cNvSpPr>
            <a:spLocks noGrp="1"/>
          </p:cNvSpPr>
          <p:nvPr>
            <p:ph type="dt" sz="half" idx="10"/>
          </p:nvPr>
        </p:nvSpPr>
        <p:spPr>
          <a:xfrm>
            <a:off x="7905947" y="6451506"/>
            <a:ext cx="189578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/>
              <a:t>01.01.2016</a:t>
            </a:r>
            <a:endParaRPr lang="fi-FI" dirty="0"/>
          </a:p>
        </p:txBody>
      </p:sp>
      <p:sp>
        <p:nvSpPr>
          <p:cNvPr id="18" name="Alatunnisteen paikkamerkki 8"/>
          <p:cNvSpPr>
            <a:spLocks noGrp="1"/>
          </p:cNvSpPr>
          <p:nvPr>
            <p:ph type="ftr" sz="quarter" idx="3"/>
          </p:nvPr>
        </p:nvSpPr>
        <p:spPr>
          <a:xfrm>
            <a:off x="812781" y="6448309"/>
            <a:ext cx="669492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Etunimi Sukunimi   </a:t>
            </a:r>
            <a:r>
              <a:rPr lang="fi-FI" sz="1300" dirty="0"/>
              <a:t>ELÄKETURVAKESKUS</a:t>
            </a:r>
          </a:p>
        </p:txBody>
      </p:sp>
    </p:spTree>
    <p:extLst>
      <p:ext uri="{BB962C8B-B14F-4D97-AF65-F5344CB8AC3E}">
        <p14:creationId xmlns:p14="http://schemas.microsoft.com/office/powerpoint/2010/main" val="4163028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Vain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fi-FI"/>
          </a:p>
        </p:txBody>
      </p:sp>
      <p:sp>
        <p:nvSpPr>
          <p:cNvPr id="13" name="Rectangle 4"/>
          <p:cNvSpPr/>
          <p:nvPr userDrawn="1"/>
        </p:nvSpPr>
        <p:spPr>
          <a:xfrm>
            <a:off x="0" y="6408622"/>
            <a:ext cx="12192000" cy="455605"/>
          </a:xfrm>
          <a:prstGeom prst="rect">
            <a:avLst/>
          </a:prstGeom>
          <a:solidFill>
            <a:srgbClr val="02B7F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bg1"/>
              </a:solidFill>
            </a:endParaRPr>
          </a:p>
        </p:txBody>
      </p:sp>
      <p:sp>
        <p:nvSpPr>
          <p:cNvPr id="14" name="Dian numeron paikkamerkki 5"/>
          <p:cNvSpPr>
            <a:spLocks noGrp="1"/>
          </p:cNvSpPr>
          <p:nvPr>
            <p:ph type="sldNum" sz="quarter" idx="4"/>
          </p:nvPr>
        </p:nvSpPr>
        <p:spPr>
          <a:xfrm>
            <a:off x="9897577" y="6453860"/>
            <a:ext cx="1440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fld id="{AEF28B38-18CD-45F7-BC13-FDF411831B66}" type="slidenum">
              <a:rPr lang="fi-FI" smtClean="0"/>
              <a:pPr/>
              <a:t>‹#›</a:t>
            </a:fld>
            <a:endParaRPr lang="fi-FI" dirty="0"/>
          </a:p>
        </p:txBody>
      </p:sp>
      <p:pic>
        <p:nvPicPr>
          <p:cNvPr id="15" name="Kuva 14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607000" y="6490801"/>
            <a:ext cx="390177" cy="286537"/>
          </a:xfrm>
          <a:prstGeom prst="rect">
            <a:avLst/>
          </a:prstGeom>
        </p:spPr>
      </p:pic>
      <p:sp>
        <p:nvSpPr>
          <p:cNvPr id="16" name="Päivämäärän paikkamerkki 7"/>
          <p:cNvSpPr>
            <a:spLocks noGrp="1"/>
          </p:cNvSpPr>
          <p:nvPr>
            <p:ph type="dt" sz="half" idx="2"/>
          </p:nvPr>
        </p:nvSpPr>
        <p:spPr>
          <a:xfrm>
            <a:off x="7905947" y="6451506"/>
            <a:ext cx="189578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/>
              <a:t>01.01.2016</a:t>
            </a:r>
            <a:endParaRPr lang="fi-FI" dirty="0"/>
          </a:p>
        </p:txBody>
      </p:sp>
      <p:sp>
        <p:nvSpPr>
          <p:cNvPr id="17" name="Alatunnisteen paikkamerkki 8"/>
          <p:cNvSpPr>
            <a:spLocks noGrp="1"/>
          </p:cNvSpPr>
          <p:nvPr>
            <p:ph type="ftr" sz="quarter" idx="3"/>
          </p:nvPr>
        </p:nvSpPr>
        <p:spPr>
          <a:xfrm>
            <a:off x="812781" y="6448309"/>
            <a:ext cx="669492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Etunimi Sukunimi   </a:t>
            </a:r>
            <a:r>
              <a:rPr lang="fi-FI" sz="1300" dirty="0"/>
              <a:t>ELÄKETURVAKESKUS</a:t>
            </a:r>
          </a:p>
        </p:txBody>
      </p:sp>
    </p:spTree>
    <p:extLst>
      <p:ext uri="{BB962C8B-B14F-4D97-AF65-F5344CB8AC3E}">
        <p14:creationId xmlns:p14="http://schemas.microsoft.com/office/powerpoint/2010/main" val="4002372376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4"/>
          <p:cNvSpPr/>
          <p:nvPr userDrawn="1"/>
        </p:nvSpPr>
        <p:spPr>
          <a:xfrm>
            <a:off x="0" y="6408622"/>
            <a:ext cx="12192000" cy="455605"/>
          </a:xfrm>
          <a:prstGeom prst="rect">
            <a:avLst/>
          </a:prstGeom>
          <a:solidFill>
            <a:srgbClr val="02B7F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bg1"/>
              </a:solidFill>
            </a:endParaRPr>
          </a:p>
        </p:txBody>
      </p:sp>
      <p:sp>
        <p:nvSpPr>
          <p:cNvPr id="12" name="Dian numeron paikkamerkki 5"/>
          <p:cNvSpPr>
            <a:spLocks noGrp="1"/>
          </p:cNvSpPr>
          <p:nvPr>
            <p:ph type="sldNum" sz="quarter" idx="4"/>
          </p:nvPr>
        </p:nvSpPr>
        <p:spPr>
          <a:xfrm>
            <a:off x="9897577" y="6453860"/>
            <a:ext cx="1440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fld id="{AEF28B38-18CD-45F7-BC13-FDF411831B66}" type="slidenum">
              <a:rPr lang="fi-FI" smtClean="0"/>
              <a:pPr/>
              <a:t>‹#›</a:t>
            </a:fld>
            <a:endParaRPr lang="fi-FI" dirty="0"/>
          </a:p>
        </p:txBody>
      </p:sp>
      <p:pic>
        <p:nvPicPr>
          <p:cNvPr id="13" name="Kuva 1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607000" y="6490801"/>
            <a:ext cx="390177" cy="286537"/>
          </a:xfrm>
          <a:prstGeom prst="rect">
            <a:avLst/>
          </a:prstGeom>
        </p:spPr>
      </p:pic>
      <p:sp>
        <p:nvSpPr>
          <p:cNvPr id="14" name="Päivämäärän paikkamerkki 7"/>
          <p:cNvSpPr>
            <a:spLocks noGrp="1"/>
          </p:cNvSpPr>
          <p:nvPr>
            <p:ph type="dt" sz="half" idx="2"/>
          </p:nvPr>
        </p:nvSpPr>
        <p:spPr>
          <a:xfrm>
            <a:off x="7817963" y="6451506"/>
            <a:ext cx="19837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/>
              <a:t>01.01.2016</a:t>
            </a:r>
            <a:endParaRPr lang="fi-FI" dirty="0"/>
          </a:p>
        </p:txBody>
      </p:sp>
      <p:sp>
        <p:nvSpPr>
          <p:cNvPr id="15" name="Alatunnisteen paikkamerkki 8"/>
          <p:cNvSpPr>
            <a:spLocks noGrp="1"/>
          </p:cNvSpPr>
          <p:nvPr>
            <p:ph type="ftr" sz="quarter" idx="3"/>
          </p:nvPr>
        </p:nvSpPr>
        <p:spPr>
          <a:xfrm>
            <a:off x="812781" y="6448309"/>
            <a:ext cx="669492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Etunimi Sukunimi   </a:t>
            </a:r>
            <a:r>
              <a:rPr lang="fi-FI" sz="1300" dirty="0"/>
              <a:t>ELÄKETURVAKESKUS</a:t>
            </a:r>
          </a:p>
        </p:txBody>
      </p:sp>
    </p:spTree>
    <p:extLst>
      <p:ext uri="{BB962C8B-B14F-4D97-AF65-F5344CB8AC3E}">
        <p14:creationId xmlns:p14="http://schemas.microsoft.com/office/powerpoint/2010/main" val="2320903035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719667" y="692150"/>
            <a:ext cx="3141133" cy="719138"/>
          </a:xfrm>
          <a:custGeom>
            <a:avLst/>
            <a:gdLst>
              <a:gd name="T0" fmla="*/ 401090 w 4892"/>
              <a:gd name="T1" fmla="*/ 91967 h 1494"/>
              <a:gd name="T2" fmla="*/ 273011 w 4892"/>
              <a:gd name="T3" fmla="*/ 529169 h 1494"/>
              <a:gd name="T4" fmla="*/ 767993 w 4892"/>
              <a:gd name="T5" fmla="*/ 523391 h 1494"/>
              <a:gd name="T6" fmla="*/ 648581 w 4892"/>
              <a:gd name="T7" fmla="*/ 678434 h 1494"/>
              <a:gd name="T8" fmla="*/ 634617 w 4892"/>
              <a:gd name="T9" fmla="*/ 172377 h 1494"/>
              <a:gd name="T10" fmla="*/ 572985 w 4892"/>
              <a:gd name="T11" fmla="*/ 266751 h 1494"/>
              <a:gd name="T12" fmla="*/ 760289 w 4892"/>
              <a:gd name="T13" fmla="*/ 714065 h 1494"/>
              <a:gd name="T14" fmla="*/ 795438 w 4892"/>
              <a:gd name="T15" fmla="*/ 455018 h 1494"/>
              <a:gd name="T16" fmla="*/ 747288 w 4892"/>
              <a:gd name="T17" fmla="*/ 43335 h 1494"/>
              <a:gd name="T18" fmla="*/ 749696 w 4892"/>
              <a:gd name="T19" fmla="*/ 157451 h 1494"/>
              <a:gd name="T20" fmla="*/ 830588 w 4892"/>
              <a:gd name="T21" fmla="*/ 139635 h 1494"/>
              <a:gd name="T22" fmla="*/ 885960 w 4892"/>
              <a:gd name="T23" fmla="*/ 49113 h 1494"/>
              <a:gd name="T24" fmla="*/ 923036 w 4892"/>
              <a:gd name="T25" fmla="*/ 127598 h 1494"/>
              <a:gd name="T26" fmla="*/ 915813 w 4892"/>
              <a:gd name="T27" fmla="*/ 218120 h 1494"/>
              <a:gd name="T28" fmla="*/ 1002002 w 4892"/>
              <a:gd name="T29" fmla="*/ 145895 h 1494"/>
              <a:gd name="T30" fmla="*/ 980334 w 4892"/>
              <a:gd name="T31" fmla="*/ 251343 h 1494"/>
              <a:gd name="T32" fmla="*/ 414090 w 4892"/>
              <a:gd name="T33" fmla="*/ 429017 h 1494"/>
              <a:gd name="T34" fmla="*/ 448277 w 4892"/>
              <a:gd name="T35" fmla="*/ 311531 h 1494"/>
              <a:gd name="T36" fmla="*/ 534947 w 4892"/>
              <a:gd name="T37" fmla="*/ 419387 h 1494"/>
              <a:gd name="T38" fmla="*/ 1014521 w 4892"/>
              <a:gd name="T39" fmla="*/ 578282 h 1494"/>
              <a:gd name="T40" fmla="*/ 1120932 w 4892"/>
              <a:gd name="T41" fmla="*/ 492093 h 1494"/>
              <a:gd name="T42" fmla="*/ 1110821 w 4892"/>
              <a:gd name="T43" fmla="*/ 628358 h 1494"/>
              <a:gd name="T44" fmla="*/ 381830 w 4892"/>
              <a:gd name="T45" fmla="*/ 370274 h 1494"/>
              <a:gd name="T46" fmla="*/ 503168 w 4892"/>
              <a:gd name="T47" fmla="*/ 465611 h 1494"/>
              <a:gd name="T48" fmla="*/ 520020 w 4892"/>
              <a:gd name="T49" fmla="*/ 306716 h 1494"/>
              <a:gd name="T50" fmla="*/ 303827 w 4892"/>
              <a:gd name="T51" fmla="*/ 508464 h 1494"/>
              <a:gd name="T52" fmla="*/ 442499 w 4892"/>
              <a:gd name="T53" fmla="*/ 98226 h 1494"/>
              <a:gd name="T54" fmla="*/ 985631 w 4892"/>
              <a:gd name="T55" fmla="*/ 280233 h 1494"/>
              <a:gd name="T56" fmla="*/ 1015484 w 4892"/>
              <a:gd name="T57" fmla="*/ 124709 h 1494"/>
              <a:gd name="T58" fmla="*/ 936518 w 4892"/>
              <a:gd name="T59" fmla="*/ 208971 h 1494"/>
              <a:gd name="T60" fmla="*/ 930740 w 4892"/>
              <a:gd name="T61" fmla="*/ 111227 h 1494"/>
              <a:gd name="T62" fmla="*/ 862367 w 4892"/>
              <a:gd name="T63" fmla="*/ 46706 h 1494"/>
              <a:gd name="T64" fmla="*/ 816624 w 4892"/>
              <a:gd name="T65" fmla="*/ 147339 h 1494"/>
              <a:gd name="T66" fmla="*/ 782919 w 4892"/>
              <a:gd name="T67" fmla="*/ 102078 h 1494"/>
              <a:gd name="T68" fmla="*/ 1032818 w 4892"/>
              <a:gd name="T69" fmla="*/ 22631 h 1494"/>
              <a:gd name="T70" fmla="*/ 841662 w 4892"/>
              <a:gd name="T71" fmla="*/ 481019 h 1494"/>
              <a:gd name="T72" fmla="*/ 1170045 w 4892"/>
              <a:gd name="T73" fmla="*/ 266270 h 1494"/>
              <a:gd name="T74" fmla="*/ 660137 w 4892"/>
              <a:gd name="T75" fmla="*/ 224379 h 1494"/>
              <a:gd name="T76" fmla="*/ 529650 w 4892"/>
              <a:gd name="T77" fmla="*/ 194045 h 1494"/>
              <a:gd name="T78" fmla="*/ 1055930 w 4892"/>
              <a:gd name="T79" fmla="*/ 473796 h 1494"/>
              <a:gd name="T80" fmla="*/ 1026558 w 4892"/>
              <a:gd name="T81" fmla="*/ 625950 h 1494"/>
              <a:gd name="T82" fmla="*/ 1175823 w 4892"/>
              <a:gd name="T83" fmla="*/ 569615 h 1494"/>
              <a:gd name="T84" fmla="*/ 1047744 w 4892"/>
              <a:gd name="T85" fmla="*/ 415053 h 1494"/>
              <a:gd name="T86" fmla="*/ 1115636 w 4892"/>
              <a:gd name="T87" fmla="*/ 283604 h 1494"/>
              <a:gd name="T88" fmla="*/ 1173416 w 4892"/>
              <a:gd name="T89" fmla="*/ 94856 h 1494"/>
              <a:gd name="T90" fmla="*/ 1447389 w 4892"/>
              <a:gd name="T91" fmla="*/ 687582 h 1494"/>
              <a:gd name="T92" fmla="*/ 1355423 w 4892"/>
              <a:gd name="T93" fmla="*/ 573467 h 1494"/>
              <a:gd name="T94" fmla="*/ 1372757 w 4892"/>
              <a:gd name="T95" fmla="*/ 455018 h 1494"/>
              <a:gd name="T96" fmla="*/ 1425240 w 4892"/>
              <a:gd name="T97" fmla="*/ 477648 h 1494"/>
              <a:gd name="T98" fmla="*/ 1351571 w 4892"/>
              <a:gd name="T99" fmla="*/ 541206 h 1494"/>
              <a:gd name="T100" fmla="*/ 1479168 w 4892"/>
              <a:gd name="T101" fmla="*/ 685175 h 1494"/>
              <a:gd name="T102" fmla="*/ 1314495 w 4892"/>
              <a:gd name="T103" fmla="*/ 648581 h 1494"/>
              <a:gd name="T104" fmla="*/ 2251976 w 4892"/>
              <a:gd name="T105" fmla="*/ 714065 h 1494"/>
              <a:gd name="T106" fmla="*/ 2019411 w 4892"/>
              <a:gd name="T107" fmla="*/ 16371 h 1494"/>
              <a:gd name="T108" fmla="*/ 2059857 w 4892"/>
              <a:gd name="T109" fmla="*/ 188748 h 1494"/>
              <a:gd name="T110" fmla="*/ 2008337 w 4892"/>
              <a:gd name="T111" fmla="*/ 127598 h 1494"/>
              <a:gd name="T112" fmla="*/ 2188418 w 4892"/>
              <a:gd name="T113" fmla="*/ 116042 h 1494"/>
              <a:gd name="T114" fmla="*/ 2275569 w 4892"/>
              <a:gd name="T115" fmla="*/ 304308 h 1494"/>
              <a:gd name="T116" fmla="*/ 2182158 w 4892"/>
              <a:gd name="T117" fmla="*/ 377015 h 1494"/>
              <a:gd name="T118" fmla="*/ 2133045 w 4892"/>
              <a:gd name="T119" fmla="*/ 50076 h 1494"/>
              <a:gd name="T120" fmla="*/ 2331905 w 4892"/>
              <a:gd name="T121" fmla="*/ 40446 h 1494"/>
              <a:gd name="T122" fmla="*/ 2293866 w 4892"/>
              <a:gd name="T123" fmla="*/ 375089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19668" y="1557338"/>
            <a:ext cx="10752665" cy="1871662"/>
          </a:xfrm>
        </p:spPr>
        <p:txBody>
          <a:bodyPr/>
          <a:lstStyle>
            <a:lvl1pPr algn="l">
              <a:defRPr sz="4400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19668" y="3602038"/>
            <a:ext cx="10752665" cy="690562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accent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i-FI" smtClean="0"/>
              <a:t>Muokkaa alaotsikon perustyyliä napsautt.</a:t>
            </a:r>
            <a:endParaRPr lang="en-US" dirty="0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E5D769F7-C511-4F29-BB70-A10759DB220A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1189448094"/>
      </p:ext>
    </p:extLst>
  </p:cSld>
  <p:clrMapOvr>
    <a:masterClrMapping/>
  </p:clrMapOvr>
  <p:transition spd="slow">
    <p:push dir="u"/>
  </p:transition>
  <p:hf hdr="0" ftr="0"/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 Title Slide [green]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719667" y="692150"/>
            <a:ext cx="3141133" cy="719138"/>
          </a:xfrm>
          <a:custGeom>
            <a:avLst/>
            <a:gdLst>
              <a:gd name="T0" fmla="*/ 401090 w 4892"/>
              <a:gd name="T1" fmla="*/ 91967 h 1494"/>
              <a:gd name="T2" fmla="*/ 273011 w 4892"/>
              <a:gd name="T3" fmla="*/ 529169 h 1494"/>
              <a:gd name="T4" fmla="*/ 767993 w 4892"/>
              <a:gd name="T5" fmla="*/ 523391 h 1494"/>
              <a:gd name="T6" fmla="*/ 648581 w 4892"/>
              <a:gd name="T7" fmla="*/ 678434 h 1494"/>
              <a:gd name="T8" fmla="*/ 634617 w 4892"/>
              <a:gd name="T9" fmla="*/ 172377 h 1494"/>
              <a:gd name="T10" fmla="*/ 572985 w 4892"/>
              <a:gd name="T11" fmla="*/ 266751 h 1494"/>
              <a:gd name="T12" fmla="*/ 760289 w 4892"/>
              <a:gd name="T13" fmla="*/ 714065 h 1494"/>
              <a:gd name="T14" fmla="*/ 795438 w 4892"/>
              <a:gd name="T15" fmla="*/ 455018 h 1494"/>
              <a:gd name="T16" fmla="*/ 747288 w 4892"/>
              <a:gd name="T17" fmla="*/ 43335 h 1494"/>
              <a:gd name="T18" fmla="*/ 749696 w 4892"/>
              <a:gd name="T19" fmla="*/ 157451 h 1494"/>
              <a:gd name="T20" fmla="*/ 830588 w 4892"/>
              <a:gd name="T21" fmla="*/ 139635 h 1494"/>
              <a:gd name="T22" fmla="*/ 885960 w 4892"/>
              <a:gd name="T23" fmla="*/ 49113 h 1494"/>
              <a:gd name="T24" fmla="*/ 923036 w 4892"/>
              <a:gd name="T25" fmla="*/ 127598 h 1494"/>
              <a:gd name="T26" fmla="*/ 915813 w 4892"/>
              <a:gd name="T27" fmla="*/ 218120 h 1494"/>
              <a:gd name="T28" fmla="*/ 1002002 w 4892"/>
              <a:gd name="T29" fmla="*/ 145895 h 1494"/>
              <a:gd name="T30" fmla="*/ 980334 w 4892"/>
              <a:gd name="T31" fmla="*/ 251343 h 1494"/>
              <a:gd name="T32" fmla="*/ 414090 w 4892"/>
              <a:gd name="T33" fmla="*/ 429017 h 1494"/>
              <a:gd name="T34" fmla="*/ 448277 w 4892"/>
              <a:gd name="T35" fmla="*/ 311531 h 1494"/>
              <a:gd name="T36" fmla="*/ 534947 w 4892"/>
              <a:gd name="T37" fmla="*/ 419387 h 1494"/>
              <a:gd name="T38" fmla="*/ 1014521 w 4892"/>
              <a:gd name="T39" fmla="*/ 578282 h 1494"/>
              <a:gd name="T40" fmla="*/ 1120932 w 4892"/>
              <a:gd name="T41" fmla="*/ 492093 h 1494"/>
              <a:gd name="T42" fmla="*/ 1110821 w 4892"/>
              <a:gd name="T43" fmla="*/ 628358 h 1494"/>
              <a:gd name="T44" fmla="*/ 381830 w 4892"/>
              <a:gd name="T45" fmla="*/ 370274 h 1494"/>
              <a:gd name="T46" fmla="*/ 503168 w 4892"/>
              <a:gd name="T47" fmla="*/ 465611 h 1494"/>
              <a:gd name="T48" fmla="*/ 520020 w 4892"/>
              <a:gd name="T49" fmla="*/ 306716 h 1494"/>
              <a:gd name="T50" fmla="*/ 303827 w 4892"/>
              <a:gd name="T51" fmla="*/ 508464 h 1494"/>
              <a:gd name="T52" fmla="*/ 442499 w 4892"/>
              <a:gd name="T53" fmla="*/ 98226 h 1494"/>
              <a:gd name="T54" fmla="*/ 985631 w 4892"/>
              <a:gd name="T55" fmla="*/ 280233 h 1494"/>
              <a:gd name="T56" fmla="*/ 1015484 w 4892"/>
              <a:gd name="T57" fmla="*/ 124709 h 1494"/>
              <a:gd name="T58" fmla="*/ 936518 w 4892"/>
              <a:gd name="T59" fmla="*/ 208971 h 1494"/>
              <a:gd name="T60" fmla="*/ 930740 w 4892"/>
              <a:gd name="T61" fmla="*/ 111227 h 1494"/>
              <a:gd name="T62" fmla="*/ 862367 w 4892"/>
              <a:gd name="T63" fmla="*/ 46706 h 1494"/>
              <a:gd name="T64" fmla="*/ 816624 w 4892"/>
              <a:gd name="T65" fmla="*/ 147339 h 1494"/>
              <a:gd name="T66" fmla="*/ 782919 w 4892"/>
              <a:gd name="T67" fmla="*/ 102078 h 1494"/>
              <a:gd name="T68" fmla="*/ 1032818 w 4892"/>
              <a:gd name="T69" fmla="*/ 22631 h 1494"/>
              <a:gd name="T70" fmla="*/ 841662 w 4892"/>
              <a:gd name="T71" fmla="*/ 481019 h 1494"/>
              <a:gd name="T72" fmla="*/ 1170045 w 4892"/>
              <a:gd name="T73" fmla="*/ 266270 h 1494"/>
              <a:gd name="T74" fmla="*/ 660137 w 4892"/>
              <a:gd name="T75" fmla="*/ 224379 h 1494"/>
              <a:gd name="T76" fmla="*/ 529650 w 4892"/>
              <a:gd name="T77" fmla="*/ 194045 h 1494"/>
              <a:gd name="T78" fmla="*/ 1055930 w 4892"/>
              <a:gd name="T79" fmla="*/ 473796 h 1494"/>
              <a:gd name="T80" fmla="*/ 1026558 w 4892"/>
              <a:gd name="T81" fmla="*/ 625950 h 1494"/>
              <a:gd name="T82" fmla="*/ 1175823 w 4892"/>
              <a:gd name="T83" fmla="*/ 569615 h 1494"/>
              <a:gd name="T84" fmla="*/ 1047744 w 4892"/>
              <a:gd name="T85" fmla="*/ 415053 h 1494"/>
              <a:gd name="T86" fmla="*/ 1115636 w 4892"/>
              <a:gd name="T87" fmla="*/ 283604 h 1494"/>
              <a:gd name="T88" fmla="*/ 1173416 w 4892"/>
              <a:gd name="T89" fmla="*/ 94856 h 1494"/>
              <a:gd name="T90" fmla="*/ 1447389 w 4892"/>
              <a:gd name="T91" fmla="*/ 687582 h 1494"/>
              <a:gd name="T92" fmla="*/ 1355423 w 4892"/>
              <a:gd name="T93" fmla="*/ 573467 h 1494"/>
              <a:gd name="T94" fmla="*/ 1372757 w 4892"/>
              <a:gd name="T95" fmla="*/ 455018 h 1494"/>
              <a:gd name="T96" fmla="*/ 1425240 w 4892"/>
              <a:gd name="T97" fmla="*/ 477648 h 1494"/>
              <a:gd name="T98" fmla="*/ 1351571 w 4892"/>
              <a:gd name="T99" fmla="*/ 541206 h 1494"/>
              <a:gd name="T100" fmla="*/ 1479168 w 4892"/>
              <a:gd name="T101" fmla="*/ 685175 h 1494"/>
              <a:gd name="T102" fmla="*/ 1314495 w 4892"/>
              <a:gd name="T103" fmla="*/ 648581 h 1494"/>
              <a:gd name="T104" fmla="*/ 2251976 w 4892"/>
              <a:gd name="T105" fmla="*/ 714065 h 1494"/>
              <a:gd name="T106" fmla="*/ 2019411 w 4892"/>
              <a:gd name="T107" fmla="*/ 16371 h 1494"/>
              <a:gd name="T108" fmla="*/ 2059857 w 4892"/>
              <a:gd name="T109" fmla="*/ 188748 h 1494"/>
              <a:gd name="T110" fmla="*/ 2008337 w 4892"/>
              <a:gd name="T111" fmla="*/ 127598 h 1494"/>
              <a:gd name="T112" fmla="*/ 2188418 w 4892"/>
              <a:gd name="T113" fmla="*/ 116042 h 1494"/>
              <a:gd name="T114" fmla="*/ 2275569 w 4892"/>
              <a:gd name="T115" fmla="*/ 304308 h 1494"/>
              <a:gd name="T116" fmla="*/ 2182158 w 4892"/>
              <a:gd name="T117" fmla="*/ 377015 h 1494"/>
              <a:gd name="T118" fmla="*/ 2133045 w 4892"/>
              <a:gd name="T119" fmla="*/ 50076 h 1494"/>
              <a:gd name="T120" fmla="*/ 2331905 w 4892"/>
              <a:gd name="T121" fmla="*/ 40446 h 1494"/>
              <a:gd name="T122" fmla="*/ 2293866 w 4892"/>
              <a:gd name="T123" fmla="*/ 375089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19668" y="1557338"/>
            <a:ext cx="10752665" cy="1871662"/>
          </a:xfrm>
        </p:spPr>
        <p:txBody>
          <a:bodyPr/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19668" y="3602038"/>
            <a:ext cx="10752665" cy="690562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i-FI" smtClean="0"/>
              <a:t>Muokkaa alaotsikon perustyyliä napsautt.</a:t>
            </a:r>
            <a:endParaRPr lang="en-US" dirty="0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58FEF48F-8117-4B21-86F7-3C4A61A34715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1108497660"/>
      </p:ext>
    </p:extLst>
  </p:cSld>
  <p:clrMapOvr>
    <a:masterClrMapping/>
  </p:clrMapOvr>
  <p:transition spd="slow">
    <p:push dir="u"/>
  </p:transition>
  <p:hf hdr="0" ftr="0"/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[orange]">
    <p:bg>
      <p:bgPr>
        <a:solidFill>
          <a:srgbClr val="FF993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719667" y="692150"/>
            <a:ext cx="3141133" cy="719138"/>
          </a:xfrm>
          <a:custGeom>
            <a:avLst/>
            <a:gdLst>
              <a:gd name="T0" fmla="*/ 401090 w 4892"/>
              <a:gd name="T1" fmla="*/ 91967 h 1494"/>
              <a:gd name="T2" fmla="*/ 273011 w 4892"/>
              <a:gd name="T3" fmla="*/ 529169 h 1494"/>
              <a:gd name="T4" fmla="*/ 767993 w 4892"/>
              <a:gd name="T5" fmla="*/ 523391 h 1494"/>
              <a:gd name="T6" fmla="*/ 648581 w 4892"/>
              <a:gd name="T7" fmla="*/ 678434 h 1494"/>
              <a:gd name="T8" fmla="*/ 634617 w 4892"/>
              <a:gd name="T9" fmla="*/ 172377 h 1494"/>
              <a:gd name="T10" fmla="*/ 572985 w 4892"/>
              <a:gd name="T11" fmla="*/ 266751 h 1494"/>
              <a:gd name="T12" fmla="*/ 760289 w 4892"/>
              <a:gd name="T13" fmla="*/ 714065 h 1494"/>
              <a:gd name="T14" fmla="*/ 795438 w 4892"/>
              <a:gd name="T15" fmla="*/ 455018 h 1494"/>
              <a:gd name="T16" fmla="*/ 747288 w 4892"/>
              <a:gd name="T17" fmla="*/ 43335 h 1494"/>
              <a:gd name="T18" fmla="*/ 749696 w 4892"/>
              <a:gd name="T19" fmla="*/ 157451 h 1494"/>
              <a:gd name="T20" fmla="*/ 830588 w 4892"/>
              <a:gd name="T21" fmla="*/ 139635 h 1494"/>
              <a:gd name="T22" fmla="*/ 885960 w 4892"/>
              <a:gd name="T23" fmla="*/ 49113 h 1494"/>
              <a:gd name="T24" fmla="*/ 923036 w 4892"/>
              <a:gd name="T25" fmla="*/ 127598 h 1494"/>
              <a:gd name="T26" fmla="*/ 915813 w 4892"/>
              <a:gd name="T27" fmla="*/ 218120 h 1494"/>
              <a:gd name="T28" fmla="*/ 1002002 w 4892"/>
              <a:gd name="T29" fmla="*/ 145895 h 1494"/>
              <a:gd name="T30" fmla="*/ 980334 w 4892"/>
              <a:gd name="T31" fmla="*/ 251343 h 1494"/>
              <a:gd name="T32" fmla="*/ 414090 w 4892"/>
              <a:gd name="T33" fmla="*/ 429017 h 1494"/>
              <a:gd name="T34" fmla="*/ 448277 w 4892"/>
              <a:gd name="T35" fmla="*/ 311531 h 1494"/>
              <a:gd name="T36" fmla="*/ 534947 w 4892"/>
              <a:gd name="T37" fmla="*/ 419387 h 1494"/>
              <a:gd name="T38" fmla="*/ 1014521 w 4892"/>
              <a:gd name="T39" fmla="*/ 578282 h 1494"/>
              <a:gd name="T40" fmla="*/ 1120932 w 4892"/>
              <a:gd name="T41" fmla="*/ 492093 h 1494"/>
              <a:gd name="T42" fmla="*/ 1110821 w 4892"/>
              <a:gd name="T43" fmla="*/ 628358 h 1494"/>
              <a:gd name="T44" fmla="*/ 381830 w 4892"/>
              <a:gd name="T45" fmla="*/ 370274 h 1494"/>
              <a:gd name="T46" fmla="*/ 503168 w 4892"/>
              <a:gd name="T47" fmla="*/ 465611 h 1494"/>
              <a:gd name="T48" fmla="*/ 520020 w 4892"/>
              <a:gd name="T49" fmla="*/ 306716 h 1494"/>
              <a:gd name="T50" fmla="*/ 303827 w 4892"/>
              <a:gd name="T51" fmla="*/ 508464 h 1494"/>
              <a:gd name="T52" fmla="*/ 442499 w 4892"/>
              <a:gd name="T53" fmla="*/ 98226 h 1494"/>
              <a:gd name="T54" fmla="*/ 985631 w 4892"/>
              <a:gd name="T55" fmla="*/ 280233 h 1494"/>
              <a:gd name="T56" fmla="*/ 1015484 w 4892"/>
              <a:gd name="T57" fmla="*/ 124709 h 1494"/>
              <a:gd name="T58" fmla="*/ 936518 w 4892"/>
              <a:gd name="T59" fmla="*/ 208971 h 1494"/>
              <a:gd name="T60" fmla="*/ 930740 w 4892"/>
              <a:gd name="T61" fmla="*/ 111227 h 1494"/>
              <a:gd name="T62" fmla="*/ 862367 w 4892"/>
              <a:gd name="T63" fmla="*/ 46706 h 1494"/>
              <a:gd name="T64" fmla="*/ 816624 w 4892"/>
              <a:gd name="T65" fmla="*/ 147339 h 1494"/>
              <a:gd name="T66" fmla="*/ 782919 w 4892"/>
              <a:gd name="T67" fmla="*/ 102078 h 1494"/>
              <a:gd name="T68" fmla="*/ 1032818 w 4892"/>
              <a:gd name="T69" fmla="*/ 22631 h 1494"/>
              <a:gd name="T70" fmla="*/ 841662 w 4892"/>
              <a:gd name="T71" fmla="*/ 481019 h 1494"/>
              <a:gd name="T72" fmla="*/ 1170045 w 4892"/>
              <a:gd name="T73" fmla="*/ 266270 h 1494"/>
              <a:gd name="T74" fmla="*/ 660137 w 4892"/>
              <a:gd name="T75" fmla="*/ 224379 h 1494"/>
              <a:gd name="T76" fmla="*/ 529650 w 4892"/>
              <a:gd name="T77" fmla="*/ 194045 h 1494"/>
              <a:gd name="T78" fmla="*/ 1055930 w 4892"/>
              <a:gd name="T79" fmla="*/ 473796 h 1494"/>
              <a:gd name="T80" fmla="*/ 1026558 w 4892"/>
              <a:gd name="T81" fmla="*/ 625950 h 1494"/>
              <a:gd name="T82" fmla="*/ 1175823 w 4892"/>
              <a:gd name="T83" fmla="*/ 569615 h 1494"/>
              <a:gd name="T84" fmla="*/ 1047744 w 4892"/>
              <a:gd name="T85" fmla="*/ 415053 h 1494"/>
              <a:gd name="T86" fmla="*/ 1115636 w 4892"/>
              <a:gd name="T87" fmla="*/ 283604 h 1494"/>
              <a:gd name="T88" fmla="*/ 1173416 w 4892"/>
              <a:gd name="T89" fmla="*/ 94856 h 1494"/>
              <a:gd name="T90" fmla="*/ 1447389 w 4892"/>
              <a:gd name="T91" fmla="*/ 687582 h 1494"/>
              <a:gd name="T92" fmla="*/ 1355423 w 4892"/>
              <a:gd name="T93" fmla="*/ 573467 h 1494"/>
              <a:gd name="T94" fmla="*/ 1372757 w 4892"/>
              <a:gd name="T95" fmla="*/ 455018 h 1494"/>
              <a:gd name="T96" fmla="*/ 1425240 w 4892"/>
              <a:gd name="T97" fmla="*/ 477648 h 1494"/>
              <a:gd name="T98" fmla="*/ 1351571 w 4892"/>
              <a:gd name="T99" fmla="*/ 541206 h 1494"/>
              <a:gd name="T100" fmla="*/ 1479168 w 4892"/>
              <a:gd name="T101" fmla="*/ 685175 h 1494"/>
              <a:gd name="T102" fmla="*/ 1314495 w 4892"/>
              <a:gd name="T103" fmla="*/ 648581 h 1494"/>
              <a:gd name="T104" fmla="*/ 2251976 w 4892"/>
              <a:gd name="T105" fmla="*/ 714065 h 1494"/>
              <a:gd name="T106" fmla="*/ 2019411 w 4892"/>
              <a:gd name="T107" fmla="*/ 16371 h 1494"/>
              <a:gd name="T108" fmla="*/ 2059857 w 4892"/>
              <a:gd name="T109" fmla="*/ 188748 h 1494"/>
              <a:gd name="T110" fmla="*/ 2008337 w 4892"/>
              <a:gd name="T111" fmla="*/ 127598 h 1494"/>
              <a:gd name="T112" fmla="*/ 2188418 w 4892"/>
              <a:gd name="T113" fmla="*/ 116042 h 1494"/>
              <a:gd name="T114" fmla="*/ 2275569 w 4892"/>
              <a:gd name="T115" fmla="*/ 304308 h 1494"/>
              <a:gd name="T116" fmla="*/ 2182158 w 4892"/>
              <a:gd name="T117" fmla="*/ 377015 h 1494"/>
              <a:gd name="T118" fmla="*/ 2133045 w 4892"/>
              <a:gd name="T119" fmla="*/ 50076 h 1494"/>
              <a:gd name="T120" fmla="*/ 2331905 w 4892"/>
              <a:gd name="T121" fmla="*/ 40446 h 1494"/>
              <a:gd name="T122" fmla="*/ 2293866 w 4892"/>
              <a:gd name="T123" fmla="*/ 375089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19668" y="1557338"/>
            <a:ext cx="10752665" cy="1871662"/>
          </a:xfrm>
        </p:spPr>
        <p:txBody>
          <a:bodyPr/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19668" y="3602038"/>
            <a:ext cx="10752665" cy="690562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i-FI" smtClean="0"/>
              <a:t>Muokkaa alaotsikon perustyyliä napsautt.</a:t>
            </a:r>
            <a:endParaRPr lang="en-US" dirty="0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70E56D-4A7F-4F79-8B38-8C4E7518DD58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873526045"/>
      </p:ext>
    </p:extLst>
  </p:cSld>
  <p:clrMapOvr>
    <a:masterClrMapping/>
  </p:clrMapOvr>
  <p:transition spd="slow">
    <p:push dir="u"/>
  </p:transition>
  <p:hf hdr="0" ftr="0"/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Title Slide [picture]">
    <p:bg>
      <p:bgPr>
        <a:solidFill>
          <a:srgbClr val="CCCCC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2" y="0"/>
            <a:ext cx="12191999" cy="6858000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20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19668" y="1557338"/>
            <a:ext cx="10752665" cy="1871662"/>
          </a:xfrm>
        </p:spPr>
        <p:txBody>
          <a:bodyPr/>
          <a:lstStyle>
            <a:lvl1pPr algn="l">
              <a:defRPr sz="4400">
                <a:solidFill>
                  <a:schemeClr val="bg1"/>
                </a:solidFill>
                <a:effectLst>
                  <a:outerShdw blurRad="254000" algn="ctr" rotWithShape="0">
                    <a:prstClr val="black">
                      <a:alpha val="30000"/>
                    </a:prstClr>
                  </a:outerShdw>
                </a:effectLst>
              </a:defRPr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19668" y="3602038"/>
            <a:ext cx="10752665" cy="690562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  <a:effectLst>
                  <a:outerShdw blurRad="254000" algn="ctr" rotWithShape="0">
                    <a:prstClr val="black">
                      <a:alpha val="30000"/>
                    </a:prstClr>
                  </a:outerShdw>
                </a:effectLst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i-FI" smtClean="0"/>
              <a:t>Muokkaa alaotsikon perustyyliä napsautt.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719667" y="692052"/>
            <a:ext cx="3139200" cy="720725"/>
          </a:xfrm>
          <a:blipFill>
            <a:blip r:embed="rId2"/>
            <a:stretch>
              <a:fillRect/>
            </a:stretch>
          </a:blipFill>
          <a:effectLst>
            <a:outerShdw blurRad="190500" algn="ctr" rotWithShape="0">
              <a:prstClr val="black">
                <a:alpha val="20000"/>
              </a:prstClr>
            </a:outerShdw>
          </a:effectLst>
        </p:spPr>
        <p:txBody>
          <a:bodyPr/>
          <a:lstStyle>
            <a:lvl1pPr marL="0" indent="0">
              <a:buNone/>
              <a:defRPr sz="400">
                <a:noFill/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17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C586201D-24D0-46D5-BA4D-1DE0EED7D35E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680574885"/>
      </p:ext>
    </p:extLst>
  </p:cSld>
  <p:clrMapOvr>
    <a:masterClrMapping/>
  </p:clrMapOvr>
  <p:transition spd="slow">
    <p:push dir="u"/>
  </p:transition>
  <p:hf hdr="0" ftr="0"/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[illustration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20"/>
          <p:cNvGrpSpPr>
            <a:grpSpLocks/>
          </p:cNvGrpSpPr>
          <p:nvPr/>
        </p:nvGrpSpPr>
        <p:grpSpPr bwMode="auto">
          <a:xfrm>
            <a:off x="0" y="3741738"/>
            <a:ext cx="12192000" cy="3092450"/>
            <a:chOff x="0" y="1125538"/>
            <a:chExt cx="9140825" cy="3092451"/>
          </a:xfrm>
        </p:grpSpPr>
        <p:sp>
          <p:nvSpPr>
            <p:cNvPr id="5" name="Freeform 6"/>
            <p:cNvSpPr>
              <a:spLocks noEditPoints="1"/>
            </p:cNvSpPr>
            <p:nvPr userDrawn="1"/>
          </p:nvSpPr>
          <p:spPr bwMode="auto">
            <a:xfrm>
              <a:off x="0" y="1125538"/>
              <a:ext cx="9140825" cy="1722438"/>
            </a:xfrm>
            <a:custGeom>
              <a:avLst/>
              <a:gdLst>
                <a:gd name="T0" fmla="*/ 266700 w 11516"/>
                <a:gd name="T1" fmla="*/ 461382 h 2169"/>
                <a:gd name="T2" fmla="*/ 94456 w 11516"/>
                <a:gd name="T3" fmla="*/ 506646 h 2169"/>
                <a:gd name="T4" fmla="*/ 2941638 w 11516"/>
                <a:gd name="T5" fmla="*/ 1722438 h 2169"/>
                <a:gd name="T6" fmla="*/ 38894 w 11516"/>
                <a:gd name="T7" fmla="*/ 502676 h 2169"/>
                <a:gd name="T8" fmla="*/ 196850 w 11516"/>
                <a:gd name="T9" fmla="*/ 402617 h 2169"/>
                <a:gd name="T10" fmla="*/ 306388 w 11516"/>
                <a:gd name="T11" fmla="*/ 417705 h 2169"/>
                <a:gd name="T12" fmla="*/ 515144 w 11516"/>
                <a:gd name="T13" fmla="*/ 312088 h 2169"/>
                <a:gd name="T14" fmla="*/ 1100931 w 11516"/>
                <a:gd name="T15" fmla="*/ 530470 h 2169"/>
                <a:gd name="T16" fmla="*/ 1154906 w 11516"/>
                <a:gd name="T17" fmla="*/ 567793 h 2169"/>
                <a:gd name="T18" fmla="*/ 1844675 w 11516"/>
                <a:gd name="T19" fmla="*/ 639264 h 2169"/>
                <a:gd name="T20" fmla="*/ 1894681 w 11516"/>
                <a:gd name="T21" fmla="*/ 426440 h 2169"/>
                <a:gd name="T22" fmla="*/ 1924844 w 11516"/>
                <a:gd name="T23" fmla="*/ 229500 h 2169"/>
                <a:gd name="T24" fmla="*/ 1964531 w 11516"/>
                <a:gd name="T25" fmla="*/ 531264 h 2169"/>
                <a:gd name="T26" fmla="*/ 2494756 w 11516"/>
                <a:gd name="T27" fmla="*/ 453440 h 2169"/>
                <a:gd name="T28" fmla="*/ 3251200 w 11516"/>
                <a:gd name="T29" fmla="*/ 304146 h 2169"/>
                <a:gd name="T30" fmla="*/ 3663950 w 11516"/>
                <a:gd name="T31" fmla="*/ 496323 h 2169"/>
                <a:gd name="T32" fmla="*/ 3775075 w 11516"/>
                <a:gd name="T33" fmla="*/ 501087 h 2169"/>
                <a:gd name="T34" fmla="*/ 4284663 w 11516"/>
                <a:gd name="T35" fmla="*/ 534440 h 2169"/>
                <a:gd name="T36" fmla="*/ 4594225 w 11516"/>
                <a:gd name="T37" fmla="*/ 543175 h 2169"/>
                <a:gd name="T38" fmla="*/ 4937125 w 11516"/>
                <a:gd name="T39" fmla="*/ 524911 h 2169"/>
                <a:gd name="T40" fmla="*/ 4983163 w 11516"/>
                <a:gd name="T41" fmla="*/ 466146 h 2169"/>
                <a:gd name="T42" fmla="*/ 4948238 w 11516"/>
                <a:gd name="T43" fmla="*/ 408970 h 2169"/>
                <a:gd name="T44" fmla="*/ 4969669 w 11516"/>
                <a:gd name="T45" fmla="*/ 331146 h 2169"/>
                <a:gd name="T46" fmla="*/ 4986338 w 11516"/>
                <a:gd name="T47" fmla="*/ 258882 h 2169"/>
                <a:gd name="T48" fmla="*/ 5024438 w 11516"/>
                <a:gd name="T49" fmla="*/ 258088 h 2169"/>
                <a:gd name="T50" fmla="*/ 5014119 w 11516"/>
                <a:gd name="T51" fmla="*/ 300176 h 2169"/>
                <a:gd name="T52" fmla="*/ 5033963 w 11516"/>
                <a:gd name="T53" fmla="*/ 355764 h 2169"/>
                <a:gd name="T54" fmla="*/ 5026025 w 11516"/>
                <a:gd name="T55" fmla="*/ 398646 h 2169"/>
                <a:gd name="T56" fmla="*/ 5056188 w 11516"/>
                <a:gd name="T57" fmla="*/ 473293 h 2169"/>
                <a:gd name="T58" fmla="*/ 5476875 w 11516"/>
                <a:gd name="T59" fmla="*/ 466940 h 2169"/>
                <a:gd name="T60" fmla="*/ 5681663 w 11516"/>
                <a:gd name="T61" fmla="*/ 306529 h 2169"/>
                <a:gd name="T62" fmla="*/ 5957094 w 11516"/>
                <a:gd name="T63" fmla="*/ 333529 h 2169"/>
                <a:gd name="T64" fmla="*/ 6239669 w 11516"/>
                <a:gd name="T65" fmla="*/ 251735 h 2169"/>
                <a:gd name="T66" fmla="*/ 6321425 w 11516"/>
                <a:gd name="T67" fmla="*/ 221558 h 2169"/>
                <a:gd name="T68" fmla="*/ 6405563 w 11516"/>
                <a:gd name="T69" fmla="*/ 95294 h 2169"/>
                <a:gd name="T70" fmla="*/ 6565900 w 11516"/>
                <a:gd name="T71" fmla="*/ 77029 h 2169"/>
                <a:gd name="T72" fmla="*/ 6671469 w 11516"/>
                <a:gd name="T73" fmla="*/ 212029 h 2169"/>
                <a:gd name="T74" fmla="*/ 6740525 w 11516"/>
                <a:gd name="T75" fmla="*/ 251735 h 2169"/>
                <a:gd name="T76" fmla="*/ 7127081 w 11516"/>
                <a:gd name="T77" fmla="*/ 401823 h 2169"/>
                <a:gd name="T78" fmla="*/ 7402513 w 11516"/>
                <a:gd name="T79" fmla="*/ 534440 h 2169"/>
                <a:gd name="T80" fmla="*/ 7598569 w 11516"/>
                <a:gd name="T81" fmla="*/ 343058 h 2169"/>
                <a:gd name="T82" fmla="*/ 7608094 w 11516"/>
                <a:gd name="T83" fmla="*/ 289058 h 2169"/>
                <a:gd name="T84" fmla="*/ 7598569 w 11516"/>
                <a:gd name="T85" fmla="*/ 236647 h 2169"/>
                <a:gd name="T86" fmla="*/ 7814469 w 11516"/>
                <a:gd name="T87" fmla="*/ 407382 h 2169"/>
                <a:gd name="T88" fmla="*/ 7829550 w 11516"/>
                <a:gd name="T89" fmla="*/ 327970 h 2169"/>
                <a:gd name="T90" fmla="*/ 7814469 w 11516"/>
                <a:gd name="T91" fmla="*/ 251735 h 2169"/>
                <a:gd name="T92" fmla="*/ 7829550 w 11516"/>
                <a:gd name="T93" fmla="*/ 172323 h 2169"/>
                <a:gd name="T94" fmla="*/ 7942263 w 11516"/>
                <a:gd name="T95" fmla="*/ 193764 h 2169"/>
                <a:gd name="T96" fmla="*/ 8179594 w 11516"/>
                <a:gd name="T97" fmla="*/ 212823 h 2169"/>
                <a:gd name="T98" fmla="*/ 8257381 w 11516"/>
                <a:gd name="T99" fmla="*/ 390705 h 2169"/>
                <a:gd name="T100" fmla="*/ 8267700 w 11516"/>
                <a:gd name="T101" fmla="*/ 503470 h 2169"/>
                <a:gd name="T102" fmla="*/ 8620919 w 11516"/>
                <a:gd name="T103" fmla="*/ 524911 h 2169"/>
                <a:gd name="T104" fmla="*/ 8963819 w 11516"/>
                <a:gd name="T105" fmla="*/ 150882 h 2169"/>
                <a:gd name="T106" fmla="*/ 9080500 w 11516"/>
                <a:gd name="T107" fmla="*/ 404205 h 2169"/>
                <a:gd name="T108" fmla="*/ 4955381 w 11516"/>
                <a:gd name="T109" fmla="*/ 539205 h 2169"/>
                <a:gd name="T110" fmla="*/ 5029200 w 11516"/>
                <a:gd name="T111" fmla="*/ 481234 h 2169"/>
                <a:gd name="T112" fmla="*/ 4986338 w 11516"/>
                <a:gd name="T113" fmla="*/ 504264 h 2169"/>
                <a:gd name="T114" fmla="*/ 8536781 w 11516"/>
                <a:gd name="T115" fmla="*/ 439146 h 2169"/>
                <a:gd name="T116" fmla="*/ 8537575 w 11516"/>
                <a:gd name="T117" fmla="*/ 537617 h 2169"/>
                <a:gd name="T118" fmla="*/ 8593138 w 11516"/>
                <a:gd name="T119" fmla="*/ 476470 h 2169"/>
                <a:gd name="T120" fmla="*/ 8828088 w 11516"/>
                <a:gd name="T121" fmla="*/ 392293 h 2169"/>
                <a:gd name="T122" fmla="*/ 8868569 w 11516"/>
                <a:gd name="T123" fmla="*/ 503470 h 2169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0" t="0" r="r" b="b"/>
              <a:pathLst>
                <a:path w="11516" h="2169">
                  <a:moveTo>
                    <a:pt x="1190" y="720"/>
                  </a:moveTo>
                  <a:lnTo>
                    <a:pt x="1308" y="723"/>
                  </a:lnTo>
                  <a:lnTo>
                    <a:pt x="1418" y="728"/>
                  </a:lnTo>
                  <a:lnTo>
                    <a:pt x="1410" y="719"/>
                  </a:lnTo>
                  <a:lnTo>
                    <a:pt x="1406" y="708"/>
                  </a:lnTo>
                  <a:lnTo>
                    <a:pt x="1387" y="708"/>
                  </a:lnTo>
                  <a:lnTo>
                    <a:pt x="1373" y="708"/>
                  </a:lnTo>
                  <a:lnTo>
                    <a:pt x="1161" y="708"/>
                  </a:lnTo>
                  <a:lnTo>
                    <a:pt x="1157" y="719"/>
                  </a:lnTo>
                  <a:lnTo>
                    <a:pt x="1190" y="720"/>
                  </a:lnTo>
                  <a:close/>
                  <a:moveTo>
                    <a:pt x="355" y="604"/>
                  </a:moveTo>
                  <a:lnTo>
                    <a:pt x="355" y="575"/>
                  </a:lnTo>
                  <a:lnTo>
                    <a:pt x="335" y="575"/>
                  </a:lnTo>
                  <a:lnTo>
                    <a:pt x="336" y="581"/>
                  </a:lnTo>
                  <a:lnTo>
                    <a:pt x="309" y="591"/>
                  </a:lnTo>
                  <a:lnTo>
                    <a:pt x="309" y="595"/>
                  </a:lnTo>
                  <a:lnTo>
                    <a:pt x="340" y="600"/>
                  </a:lnTo>
                  <a:lnTo>
                    <a:pt x="340" y="604"/>
                  </a:lnTo>
                  <a:lnTo>
                    <a:pt x="355" y="604"/>
                  </a:lnTo>
                  <a:close/>
                  <a:moveTo>
                    <a:pt x="243" y="615"/>
                  </a:moveTo>
                  <a:lnTo>
                    <a:pt x="248" y="592"/>
                  </a:lnTo>
                  <a:lnTo>
                    <a:pt x="227" y="592"/>
                  </a:lnTo>
                  <a:lnTo>
                    <a:pt x="227" y="618"/>
                  </a:lnTo>
                  <a:lnTo>
                    <a:pt x="243" y="615"/>
                  </a:lnTo>
                  <a:close/>
                  <a:moveTo>
                    <a:pt x="119" y="638"/>
                  </a:moveTo>
                  <a:lnTo>
                    <a:pt x="148" y="633"/>
                  </a:lnTo>
                  <a:lnTo>
                    <a:pt x="119" y="633"/>
                  </a:lnTo>
                  <a:lnTo>
                    <a:pt x="119" y="638"/>
                  </a:lnTo>
                  <a:close/>
                  <a:moveTo>
                    <a:pt x="11516" y="2169"/>
                  </a:moveTo>
                  <a:lnTo>
                    <a:pt x="10914" y="2169"/>
                  </a:lnTo>
                  <a:lnTo>
                    <a:pt x="10313" y="2169"/>
                  </a:lnTo>
                  <a:lnTo>
                    <a:pt x="9713" y="2169"/>
                  </a:lnTo>
                  <a:lnTo>
                    <a:pt x="9112" y="2169"/>
                  </a:lnTo>
                  <a:lnTo>
                    <a:pt x="8512" y="2169"/>
                  </a:lnTo>
                  <a:lnTo>
                    <a:pt x="7911" y="2169"/>
                  </a:lnTo>
                  <a:lnTo>
                    <a:pt x="7311" y="2169"/>
                  </a:lnTo>
                  <a:lnTo>
                    <a:pt x="6710" y="2169"/>
                  </a:lnTo>
                  <a:lnTo>
                    <a:pt x="6108" y="2169"/>
                  </a:lnTo>
                  <a:lnTo>
                    <a:pt x="5508" y="2169"/>
                  </a:lnTo>
                  <a:lnTo>
                    <a:pt x="4907" y="2169"/>
                  </a:lnTo>
                  <a:lnTo>
                    <a:pt x="4307" y="2169"/>
                  </a:lnTo>
                  <a:lnTo>
                    <a:pt x="3706" y="2169"/>
                  </a:lnTo>
                  <a:lnTo>
                    <a:pt x="3105" y="2169"/>
                  </a:lnTo>
                  <a:lnTo>
                    <a:pt x="2505" y="2169"/>
                  </a:lnTo>
                  <a:lnTo>
                    <a:pt x="1904" y="2169"/>
                  </a:lnTo>
                  <a:lnTo>
                    <a:pt x="1898" y="2169"/>
                  </a:lnTo>
                  <a:lnTo>
                    <a:pt x="949" y="2169"/>
                  </a:lnTo>
                  <a:lnTo>
                    <a:pt x="0" y="2169"/>
                  </a:lnTo>
                  <a:lnTo>
                    <a:pt x="0" y="1421"/>
                  </a:lnTo>
                  <a:lnTo>
                    <a:pt x="0" y="673"/>
                  </a:lnTo>
                  <a:lnTo>
                    <a:pt x="16" y="665"/>
                  </a:lnTo>
                  <a:lnTo>
                    <a:pt x="35" y="657"/>
                  </a:lnTo>
                  <a:lnTo>
                    <a:pt x="58" y="650"/>
                  </a:lnTo>
                  <a:lnTo>
                    <a:pt x="86" y="645"/>
                  </a:lnTo>
                  <a:lnTo>
                    <a:pt x="86" y="633"/>
                  </a:lnTo>
                  <a:lnTo>
                    <a:pt x="49" y="633"/>
                  </a:lnTo>
                  <a:lnTo>
                    <a:pt x="103" y="351"/>
                  </a:lnTo>
                  <a:lnTo>
                    <a:pt x="140" y="548"/>
                  </a:lnTo>
                  <a:lnTo>
                    <a:pt x="123" y="557"/>
                  </a:lnTo>
                  <a:lnTo>
                    <a:pt x="143" y="560"/>
                  </a:lnTo>
                  <a:lnTo>
                    <a:pt x="146" y="573"/>
                  </a:lnTo>
                  <a:lnTo>
                    <a:pt x="119" y="583"/>
                  </a:lnTo>
                  <a:lnTo>
                    <a:pt x="119" y="587"/>
                  </a:lnTo>
                  <a:lnTo>
                    <a:pt x="148" y="592"/>
                  </a:lnTo>
                  <a:lnTo>
                    <a:pt x="157" y="630"/>
                  </a:lnTo>
                  <a:lnTo>
                    <a:pt x="196" y="623"/>
                  </a:lnTo>
                  <a:lnTo>
                    <a:pt x="196" y="592"/>
                  </a:lnTo>
                  <a:lnTo>
                    <a:pt x="157" y="592"/>
                  </a:lnTo>
                  <a:lnTo>
                    <a:pt x="211" y="310"/>
                  </a:lnTo>
                  <a:lnTo>
                    <a:pt x="248" y="507"/>
                  </a:lnTo>
                  <a:lnTo>
                    <a:pt x="231" y="517"/>
                  </a:lnTo>
                  <a:lnTo>
                    <a:pt x="251" y="519"/>
                  </a:lnTo>
                  <a:lnTo>
                    <a:pt x="254" y="533"/>
                  </a:lnTo>
                  <a:lnTo>
                    <a:pt x="227" y="542"/>
                  </a:lnTo>
                  <a:lnTo>
                    <a:pt x="227" y="546"/>
                  </a:lnTo>
                  <a:lnTo>
                    <a:pt x="255" y="552"/>
                  </a:lnTo>
                  <a:lnTo>
                    <a:pt x="293" y="359"/>
                  </a:lnTo>
                  <a:lnTo>
                    <a:pt x="325" y="527"/>
                  </a:lnTo>
                  <a:lnTo>
                    <a:pt x="371" y="294"/>
                  </a:lnTo>
                  <a:lnTo>
                    <a:pt x="409" y="491"/>
                  </a:lnTo>
                  <a:lnTo>
                    <a:pt x="390" y="499"/>
                  </a:lnTo>
                  <a:lnTo>
                    <a:pt x="412" y="503"/>
                  </a:lnTo>
                  <a:lnTo>
                    <a:pt x="413" y="515"/>
                  </a:lnTo>
                  <a:lnTo>
                    <a:pt x="386" y="526"/>
                  </a:lnTo>
                  <a:lnTo>
                    <a:pt x="386" y="530"/>
                  </a:lnTo>
                  <a:lnTo>
                    <a:pt x="417" y="536"/>
                  </a:lnTo>
                  <a:lnTo>
                    <a:pt x="425" y="575"/>
                  </a:lnTo>
                  <a:lnTo>
                    <a:pt x="386" y="575"/>
                  </a:lnTo>
                  <a:lnTo>
                    <a:pt x="386" y="602"/>
                  </a:lnTo>
                  <a:lnTo>
                    <a:pt x="479" y="600"/>
                  </a:lnTo>
                  <a:lnTo>
                    <a:pt x="495" y="600"/>
                  </a:lnTo>
                  <a:lnTo>
                    <a:pt x="526" y="393"/>
                  </a:lnTo>
                  <a:lnTo>
                    <a:pt x="548" y="513"/>
                  </a:lnTo>
                  <a:lnTo>
                    <a:pt x="567" y="393"/>
                  </a:lnTo>
                  <a:lnTo>
                    <a:pt x="590" y="521"/>
                  </a:lnTo>
                  <a:lnTo>
                    <a:pt x="609" y="393"/>
                  </a:lnTo>
                  <a:lnTo>
                    <a:pt x="630" y="515"/>
                  </a:lnTo>
                  <a:lnTo>
                    <a:pt x="649" y="393"/>
                  </a:lnTo>
                  <a:lnTo>
                    <a:pt x="690" y="617"/>
                  </a:lnTo>
                  <a:lnTo>
                    <a:pt x="715" y="626"/>
                  </a:lnTo>
                  <a:lnTo>
                    <a:pt x="740" y="465"/>
                  </a:lnTo>
                  <a:lnTo>
                    <a:pt x="761" y="587"/>
                  </a:lnTo>
                  <a:lnTo>
                    <a:pt x="779" y="465"/>
                  </a:lnTo>
                  <a:lnTo>
                    <a:pt x="802" y="595"/>
                  </a:lnTo>
                  <a:lnTo>
                    <a:pt x="822" y="465"/>
                  </a:lnTo>
                  <a:lnTo>
                    <a:pt x="843" y="590"/>
                  </a:lnTo>
                  <a:lnTo>
                    <a:pt x="862" y="465"/>
                  </a:lnTo>
                  <a:lnTo>
                    <a:pt x="900" y="681"/>
                  </a:lnTo>
                  <a:lnTo>
                    <a:pt x="964" y="697"/>
                  </a:lnTo>
                  <a:lnTo>
                    <a:pt x="964" y="554"/>
                  </a:lnTo>
                  <a:lnTo>
                    <a:pt x="1387" y="554"/>
                  </a:lnTo>
                  <a:lnTo>
                    <a:pt x="1387" y="668"/>
                  </a:lnTo>
                  <a:lnTo>
                    <a:pt x="1404" y="668"/>
                  </a:lnTo>
                  <a:lnTo>
                    <a:pt x="1404" y="631"/>
                  </a:lnTo>
                  <a:lnTo>
                    <a:pt x="1404" y="625"/>
                  </a:lnTo>
                  <a:lnTo>
                    <a:pt x="1404" y="581"/>
                  </a:lnTo>
                  <a:lnTo>
                    <a:pt x="1444" y="581"/>
                  </a:lnTo>
                  <a:lnTo>
                    <a:pt x="1467" y="625"/>
                  </a:lnTo>
                  <a:lnTo>
                    <a:pt x="1499" y="625"/>
                  </a:lnTo>
                  <a:lnTo>
                    <a:pt x="1499" y="675"/>
                  </a:lnTo>
                  <a:lnTo>
                    <a:pt x="1506" y="675"/>
                  </a:lnTo>
                  <a:lnTo>
                    <a:pt x="1506" y="700"/>
                  </a:lnTo>
                  <a:lnTo>
                    <a:pt x="1476" y="700"/>
                  </a:lnTo>
                  <a:lnTo>
                    <a:pt x="1476" y="708"/>
                  </a:lnTo>
                  <a:lnTo>
                    <a:pt x="1456" y="708"/>
                  </a:lnTo>
                  <a:lnTo>
                    <a:pt x="1455" y="715"/>
                  </a:lnTo>
                  <a:lnTo>
                    <a:pt x="1452" y="720"/>
                  </a:lnTo>
                  <a:lnTo>
                    <a:pt x="1448" y="726"/>
                  </a:lnTo>
                  <a:lnTo>
                    <a:pt x="1443" y="728"/>
                  </a:lnTo>
                  <a:lnTo>
                    <a:pt x="1518" y="731"/>
                  </a:lnTo>
                  <a:lnTo>
                    <a:pt x="1597" y="733"/>
                  </a:lnTo>
                  <a:lnTo>
                    <a:pt x="1765" y="733"/>
                  </a:lnTo>
                  <a:lnTo>
                    <a:pt x="1823" y="734"/>
                  </a:lnTo>
                  <a:lnTo>
                    <a:pt x="1879" y="734"/>
                  </a:lnTo>
                  <a:lnTo>
                    <a:pt x="1879" y="603"/>
                  </a:lnTo>
                  <a:lnTo>
                    <a:pt x="1898" y="603"/>
                  </a:lnTo>
                  <a:lnTo>
                    <a:pt x="1898" y="569"/>
                  </a:lnTo>
                  <a:lnTo>
                    <a:pt x="2154" y="479"/>
                  </a:lnTo>
                  <a:lnTo>
                    <a:pt x="2300" y="499"/>
                  </a:lnTo>
                  <a:lnTo>
                    <a:pt x="2324" y="805"/>
                  </a:lnTo>
                  <a:lnTo>
                    <a:pt x="2386" y="807"/>
                  </a:lnTo>
                  <a:lnTo>
                    <a:pt x="2387" y="742"/>
                  </a:lnTo>
                  <a:lnTo>
                    <a:pt x="2425" y="742"/>
                  </a:lnTo>
                  <a:lnTo>
                    <a:pt x="2425" y="707"/>
                  </a:lnTo>
                  <a:lnTo>
                    <a:pt x="2387" y="707"/>
                  </a:lnTo>
                  <a:lnTo>
                    <a:pt x="2387" y="673"/>
                  </a:lnTo>
                  <a:lnTo>
                    <a:pt x="2425" y="673"/>
                  </a:lnTo>
                  <a:lnTo>
                    <a:pt x="2425" y="638"/>
                  </a:lnTo>
                  <a:lnTo>
                    <a:pt x="2387" y="638"/>
                  </a:lnTo>
                  <a:lnTo>
                    <a:pt x="2387" y="606"/>
                  </a:lnTo>
                  <a:lnTo>
                    <a:pt x="2425" y="606"/>
                  </a:lnTo>
                  <a:lnTo>
                    <a:pt x="2425" y="569"/>
                  </a:lnTo>
                  <a:lnTo>
                    <a:pt x="2387" y="569"/>
                  </a:lnTo>
                  <a:lnTo>
                    <a:pt x="2387" y="537"/>
                  </a:lnTo>
                  <a:lnTo>
                    <a:pt x="2425" y="537"/>
                  </a:lnTo>
                  <a:lnTo>
                    <a:pt x="2425" y="498"/>
                  </a:lnTo>
                  <a:lnTo>
                    <a:pt x="2387" y="498"/>
                  </a:lnTo>
                  <a:lnTo>
                    <a:pt x="2387" y="464"/>
                  </a:lnTo>
                  <a:lnTo>
                    <a:pt x="2425" y="464"/>
                  </a:lnTo>
                  <a:lnTo>
                    <a:pt x="2425" y="429"/>
                  </a:lnTo>
                  <a:lnTo>
                    <a:pt x="2387" y="429"/>
                  </a:lnTo>
                  <a:lnTo>
                    <a:pt x="2387" y="397"/>
                  </a:lnTo>
                  <a:lnTo>
                    <a:pt x="2425" y="397"/>
                  </a:lnTo>
                  <a:lnTo>
                    <a:pt x="2425" y="356"/>
                  </a:lnTo>
                  <a:lnTo>
                    <a:pt x="2387" y="356"/>
                  </a:lnTo>
                  <a:lnTo>
                    <a:pt x="2387" y="324"/>
                  </a:lnTo>
                  <a:lnTo>
                    <a:pt x="2425" y="324"/>
                  </a:lnTo>
                  <a:lnTo>
                    <a:pt x="2425" y="289"/>
                  </a:lnTo>
                  <a:lnTo>
                    <a:pt x="2387" y="289"/>
                  </a:lnTo>
                  <a:lnTo>
                    <a:pt x="2387" y="255"/>
                  </a:lnTo>
                  <a:lnTo>
                    <a:pt x="2425" y="255"/>
                  </a:lnTo>
                  <a:lnTo>
                    <a:pt x="2425" y="216"/>
                  </a:lnTo>
                  <a:lnTo>
                    <a:pt x="2387" y="216"/>
                  </a:lnTo>
                  <a:lnTo>
                    <a:pt x="2387" y="183"/>
                  </a:lnTo>
                  <a:lnTo>
                    <a:pt x="2425" y="183"/>
                  </a:lnTo>
                  <a:lnTo>
                    <a:pt x="2425" y="147"/>
                  </a:lnTo>
                  <a:lnTo>
                    <a:pt x="2387" y="147"/>
                  </a:lnTo>
                  <a:lnTo>
                    <a:pt x="2387" y="115"/>
                  </a:lnTo>
                  <a:lnTo>
                    <a:pt x="2425" y="115"/>
                  </a:lnTo>
                  <a:lnTo>
                    <a:pt x="2425" y="77"/>
                  </a:lnTo>
                  <a:lnTo>
                    <a:pt x="2475" y="77"/>
                  </a:lnTo>
                  <a:lnTo>
                    <a:pt x="2475" y="669"/>
                  </a:lnTo>
                  <a:lnTo>
                    <a:pt x="2508" y="669"/>
                  </a:lnTo>
                  <a:lnTo>
                    <a:pt x="2514" y="657"/>
                  </a:lnTo>
                  <a:lnTo>
                    <a:pt x="2526" y="645"/>
                  </a:lnTo>
                  <a:lnTo>
                    <a:pt x="2540" y="634"/>
                  </a:lnTo>
                  <a:lnTo>
                    <a:pt x="2556" y="623"/>
                  </a:lnTo>
                  <a:lnTo>
                    <a:pt x="2599" y="604"/>
                  </a:lnTo>
                  <a:lnTo>
                    <a:pt x="2651" y="587"/>
                  </a:lnTo>
                  <a:lnTo>
                    <a:pt x="2711" y="573"/>
                  </a:lnTo>
                  <a:lnTo>
                    <a:pt x="2780" y="563"/>
                  </a:lnTo>
                  <a:lnTo>
                    <a:pt x="2854" y="556"/>
                  </a:lnTo>
                  <a:lnTo>
                    <a:pt x="2933" y="553"/>
                  </a:lnTo>
                  <a:lnTo>
                    <a:pt x="3008" y="556"/>
                  </a:lnTo>
                  <a:lnTo>
                    <a:pt x="3078" y="561"/>
                  </a:lnTo>
                  <a:lnTo>
                    <a:pt x="3143" y="571"/>
                  </a:lnTo>
                  <a:lnTo>
                    <a:pt x="3203" y="583"/>
                  </a:lnTo>
                  <a:lnTo>
                    <a:pt x="3254" y="599"/>
                  </a:lnTo>
                  <a:lnTo>
                    <a:pt x="3297" y="617"/>
                  </a:lnTo>
                  <a:lnTo>
                    <a:pt x="3329" y="637"/>
                  </a:lnTo>
                  <a:lnTo>
                    <a:pt x="3343" y="648"/>
                  </a:lnTo>
                  <a:lnTo>
                    <a:pt x="3352" y="658"/>
                  </a:lnTo>
                  <a:lnTo>
                    <a:pt x="3521" y="658"/>
                  </a:lnTo>
                  <a:lnTo>
                    <a:pt x="3521" y="594"/>
                  </a:lnTo>
                  <a:lnTo>
                    <a:pt x="3701" y="594"/>
                  </a:lnTo>
                  <a:lnTo>
                    <a:pt x="3701" y="658"/>
                  </a:lnTo>
                  <a:lnTo>
                    <a:pt x="3814" y="658"/>
                  </a:lnTo>
                  <a:lnTo>
                    <a:pt x="3814" y="527"/>
                  </a:lnTo>
                  <a:lnTo>
                    <a:pt x="4096" y="527"/>
                  </a:lnTo>
                  <a:lnTo>
                    <a:pt x="4096" y="383"/>
                  </a:lnTo>
                  <a:lnTo>
                    <a:pt x="4161" y="148"/>
                  </a:lnTo>
                  <a:lnTo>
                    <a:pt x="4223" y="387"/>
                  </a:lnTo>
                  <a:lnTo>
                    <a:pt x="4223" y="594"/>
                  </a:lnTo>
                  <a:lnTo>
                    <a:pt x="4404" y="594"/>
                  </a:lnTo>
                  <a:lnTo>
                    <a:pt x="4404" y="658"/>
                  </a:lnTo>
                  <a:lnTo>
                    <a:pt x="4404" y="680"/>
                  </a:lnTo>
                  <a:lnTo>
                    <a:pt x="4504" y="684"/>
                  </a:lnTo>
                  <a:lnTo>
                    <a:pt x="4520" y="687"/>
                  </a:lnTo>
                  <a:lnTo>
                    <a:pt x="4521" y="639"/>
                  </a:lnTo>
                  <a:lnTo>
                    <a:pt x="4513" y="639"/>
                  </a:lnTo>
                  <a:lnTo>
                    <a:pt x="4513" y="631"/>
                  </a:lnTo>
                  <a:lnTo>
                    <a:pt x="4536" y="630"/>
                  </a:lnTo>
                  <a:lnTo>
                    <a:pt x="4537" y="627"/>
                  </a:lnTo>
                  <a:lnTo>
                    <a:pt x="4616" y="625"/>
                  </a:lnTo>
                  <a:lnTo>
                    <a:pt x="4637" y="622"/>
                  </a:lnTo>
                  <a:lnTo>
                    <a:pt x="4651" y="621"/>
                  </a:lnTo>
                  <a:lnTo>
                    <a:pt x="4657" y="618"/>
                  </a:lnTo>
                  <a:lnTo>
                    <a:pt x="4660" y="615"/>
                  </a:lnTo>
                  <a:lnTo>
                    <a:pt x="4660" y="612"/>
                  </a:lnTo>
                  <a:lnTo>
                    <a:pt x="4671" y="532"/>
                  </a:lnTo>
                  <a:lnTo>
                    <a:pt x="4679" y="612"/>
                  </a:lnTo>
                  <a:lnTo>
                    <a:pt x="4680" y="615"/>
                  </a:lnTo>
                  <a:lnTo>
                    <a:pt x="4683" y="618"/>
                  </a:lnTo>
                  <a:lnTo>
                    <a:pt x="4692" y="622"/>
                  </a:lnTo>
                  <a:lnTo>
                    <a:pt x="4703" y="625"/>
                  </a:lnTo>
                  <a:lnTo>
                    <a:pt x="4717" y="626"/>
                  </a:lnTo>
                  <a:lnTo>
                    <a:pt x="4753" y="627"/>
                  </a:lnTo>
                  <a:lnTo>
                    <a:pt x="4756" y="631"/>
                  </a:lnTo>
                  <a:lnTo>
                    <a:pt x="4759" y="634"/>
                  </a:lnTo>
                  <a:lnTo>
                    <a:pt x="4768" y="638"/>
                  </a:lnTo>
                  <a:lnTo>
                    <a:pt x="4782" y="637"/>
                  </a:lnTo>
                  <a:lnTo>
                    <a:pt x="4782" y="642"/>
                  </a:lnTo>
                  <a:lnTo>
                    <a:pt x="4779" y="645"/>
                  </a:lnTo>
                  <a:lnTo>
                    <a:pt x="4772" y="646"/>
                  </a:lnTo>
                  <a:lnTo>
                    <a:pt x="4773" y="781"/>
                  </a:lnTo>
                  <a:lnTo>
                    <a:pt x="4876" y="781"/>
                  </a:lnTo>
                  <a:lnTo>
                    <a:pt x="4879" y="747"/>
                  </a:lnTo>
                  <a:lnTo>
                    <a:pt x="5026" y="747"/>
                  </a:lnTo>
                  <a:lnTo>
                    <a:pt x="5027" y="722"/>
                  </a:lnTo>
                  <a:lnTo>
                    <a:pt x="5161" y="722"/>
                  </a:lnTo>
                  <a:lnTo>
                    <a:pt x="5161" y="675"/>
                  </a:lnTo>
                  <a:lnTo>
                    <a:pt x="5398" y="673"/>
                  </a:lnTo>
                  <a:lnTo>
                    <a:pt x="5398" y="772"/>
                  </a:lnTo>
                  <a:lnTo>
                    <a:pt x="5436" y="772"/>
                  </a:lnTo>
                  <a:lnTo>
                    <a:pt x="5436" y="673"/>
                  </a:lnTo>
                  <a:lnTo>
                    <a:pt x="5455" y="677"/>
                  </a:lnTo>
                  <a:lnTo>
                    <a:pt x="5482" y="688"/>
                  </a:lnTo>
                  <a:lnTo>
                    <a:pt x="5541" y="715"/>
                  </a:lnTo>
                  <a:lnTo>
                    <a:pt x="5586" y="738"/>
                  </a:lnTo>
                  <a:lnTo>
                    <a:pt x="5590" y="742"/>
                  </a:lnTo>
                  <a:lnTo>
                    <a:pt x="5591" y="743"/>
                  </a:lnTo>
                  <a:lnTo>
                    <a:pt x="5582" y="742"/>
                  </a:lnTo>
                  <a:lnTo>
                    <a:pt x="5582" y="799"/>
                  </a:lnTo>
                  <a:lnTo>
                    <a:pt x="5732" y="799"/>
                  </a:lnTo>
                  <a:lnTo>
                    <a:pt x="5732" y="680"/>
                  </a:lnTo>
                  <a:lnTo>
                    <a:pt x="5788" y="684"/>
                  </a:lnTo>
                  <a:lnTo>
                    <a:pt x="5819" y="689"/>
                  </a:lnTo>
                  <a:lnTo>
                    <a:pt x="5834" y="693"/>
                  </a:lnTo>
                  <a:lnTo>
                    <a:pt x="5838" y="696"/>
                  </a:lnTo>
                  <a:lnTo>
                    <a:pt x="5840" y="799"/>
                  </a:lnTo>
                  <a:lnTo>
                    <a:pt x="5914" y="799"/>
                  </a:lnTo>
                  <a:lnTo>
                    <a:pt x="5914" y="750"/>
                  </a:lnTo>
                  <a:lnTo>
                    <a:pt x="6035" y="750"/>
                  </a:lnTo>
                  <a:lnTo>
                    <a:pt x="6035" y="730"/>
                  </a:lnTo>
                  <a:lnTo>
                    <a:pt x="6103" y="730"/>
                  </a:lnTo>
                  <a:lnTo>
                    <a:pt x="6103" y="679"/>
                  </a:lnTo>
                  <a:lnTo>
                    <a:pt x="6203" y="679"/>
                  </a:lnTo>
                  <a:lnTo>
                    <a:pt x="6205" y="675"/>
                  </a:lnTo>
                  <a:lnTo>
                    <a:pt x="6212" y="668"/>
                  </a:lnTo>
                  <a:lnTo>
                    <a:pt x="6220" y="661"/>
                  </a:lnTo>
                  <a:lnTo>
                    <a:pt x="6226" y="656"/>
                  </a:lnTo>
                  <a:lnTo>
                    <a:pt x="6235" y="643"/>
                  </a:lnTo>
                  <a:lnTo>
                    <a:pt x="6251" y="626"/>
                  </a:lnTo>
                  <a:lnTo>
                    <a:pt x="6254" y="622"/>
                  </a:lnTo>
                  <a:lnTo>
                    <a:pt x="6258" y="618"/>
                  </a:lnTo>
                  <a:lnTo>
                    <a:pt x="6265" y="614"/>
                  </a:lnTo>
                  <a:lnTo>
                    <a:pt x="6269" y="611"/>
                  </a:lnTo>
                  <a:lnTo>
                    <a:pt x="6269" y="608"/>
                  </a:lnTo>
                  <a:lnTo>
                    <a:pt x="6270" y="606"/>
                  </a:lnTo>
                  <a:lnTo>
                    <a:pt x="6276" y="603"/>
                  </a:lnTo>
                  <a:lnTo>
                    <a:pt x="6274" y="596"/>
                  </a:lnTo>
                  <a:lnTo>
                    <a:pt x="6276" y="594"/>
                  </a:lnTo>
                  <a:lnTo>
                    <a:pt x="6278" y="591"/>
                  </a:lnTo>
                  <a:lnTo>
                    <a:pt x="6278" y="587"/>
                  </a:lnTo>
                  <a:lnTo>
                    <a:pt x="6278" y="568"/>
                  </a:lnTo>
                  <a:lnTo>
                    <a:pt x="6276" y="564"/>
                  </a:lnTo>
                  <a:lnTo>
                    <a:pt x="6277" y="561"/>
                  </a:lnTo>
                  <a:lnTo>
                    <a:pt x="6278" y="546"/>
                  </a:lnTo>
                  <a:lnTo>
                    <a:pt x="6274" y="542"/>
                  </a:lnTo>
                  <a:lnTo>
                    <a:pt x="6273" y="538"/>
                  </a:lnTo>
                  <a:lnTo>
                    <a:pt x="6271" y="534"/>
                  </a:lnTo>
                  <a:lnTo>
                    <a:pt x="6267" y="532"/>
                  </a:lnTo>
                  <a:lnTo>
                    <a:pt x="6263" y="532"/>
                  </a:lnTo>
                  <a:lnTo>
                    <a:pt x="6262" y="529"/>
                  </a:lnTo>
                  <a:lnTo>
                    <a:pt x="6255" y="525"/>
                  </a:lnTo>
                  <a:lnTo>
                    <a:pt x="6244" y="521"/>
                  </a:lnTo>
                  <a:lnTo>
                    <a:pt x="6242" y="519"/>
                  </a:lnTo>
                  <a:lnTo>
                    <a:pt x="6234" y="515"/>
                  </a:lnTo>
                  <a:lnTo>
                    <a:pt x="6230" y="498"/>
                  </a:lnTo>
                  <a:lnTo>
                    <a:pt x="6227" y="490"/>
                  </a:lnTo>
                  <a:lnTo>
                    <a:pt x="6226" y="482"/>
                  </a:lnTo>
                  <a:lnTo>
                    <a:pt x="6224" y="472"/>
                  </a:lnTo>
                  <a:lnTo>
                    <a:pt x="6223" y="469"/>
                  </a:lnTo>
                  <a:lnTo>
                    <a:pt x="6223" y="465"/>
                  </a:lnTo>
                  <a:lnTo>
                    <a:pt x="6234" y="456"/>
                  </a:lnTo>
                  <a:lnTo>
                    <a:pt x="6243" y="444"/>
                  </a:lnTo>
                  <a:lnTo>
                    <a:pt x="6247" y="438"/>
                  </a:lnTo>
                  <a:lnTo>
                    <a:pt x="6253" y="430"/>
                  </a:lnTo>
                  <a:lnTo>
                    <a:pt x="6258" y="428"/>
                  </a:lnTo>
                  <a:lnTo>
                    <a:pt x="6261" y="429"/>
                  </a:lnTo>
                  <a:lnTo>
                    <a:pt x="6261" y="426"/>
                  </a:lnTo>
                  <a:lnTo>
                    <a:pt x="6261" y="417"/>
                  </a:lnTo>
                  <a:lnTo>
                    <a:pt x="6261" y="401"/>
                  </a:lnTo>
                  <a:lnTo>
                    <a:pt x="6265" y="382"/>
                  </a:lnTo>
                  <a:lnTo>
                    <a:pt x="6271" y="370"/>
                  </a:lnTo>
                  <a:lnTo>
                    <a:pt x="6276" y="366"/>
                  </a:lnTo>
                  <a:lnTo>
                    <a:pt x="6281" y="362"/>
                  </a:lnTo>
                  <a:lnTo>
                    <a:pt x="6277" y="359"/>
                  </a:lnTo>
                  <a:lnTo>
                    <a:pt x="6281" y="359"/>
                  </a:lnTo>
                  <a:lnTo>
                    <a:pt x="6281" y="357"/>
                  </a:lnTo>
                  <a:lnTo>
                    <a:pt x="6282" y="356"/>
                  </a:lnTo>
                  <a:lnTo>
                    <a:pt x="6285" y="352"/>
                  </a:lnTo>
                  <a:lnTo>
                    <a:pt x="6282" y="347"/>
                  </a:lnTo>
                  <a:lnTo>
                    <a:pt x="6282" y="336"/>
                  </a:lnTo>
                  <a:lnTo>
                    <a:pt x="6282" y="332"/>
                  </a:lnTo>
                  <a:lnTo>
                    <a:pt x="6282" y="326"/>
                  </a:lnTo>
                  <a:lnTo>
                    <a:pt x="6285" y="309"/>
                  </a:lnTo>
                  <a:lnTo>
                    <a:pt x="6289" y="304"/>
                  </a:lnTo>
                  <a:lnTo>
                    <a:pt x="6293" y="299"/>
                  </a:lnTo>
                  <a:lnTo>
                    <a:pt x="6305" y="295"/>
                  </a:lnTo>
                  <a:lnTo>
                    <a:pt x="6315" y="297"/>
                  </a:lnTo>
                  <a:lnTo>
                    <a:pt x="6320" y="297"/>
                  </a:lnTo>
                  <a:lnTo>
                    <a:pt x="6324" y="301"/>
                  </a:lnTo>
                  <a:lnTo>
                    <a:pt x="6324" y="305"/>
                  </a:lnTo>
                  <a:lnTo>
                    <a:pt x="6327" y="308"/>
                  </a:lnTo>
                  <a:lnTo>
                    <a:pt x="6330" y="313"/>
                  </a:lnTo>
                  <a:lnTo>
                    <a:pt x="6332" y="318"/>
                  </a:lnTo>
                  <a:lnTo>
                    <a:pt x="6331" y="321"/>
                  </a:lnTo>
                  <a:lnTo>
                    <a:pt x="6332" y="322"/>
                  </a:lnTo>
                  <a:lnTo>
                    <a:pt x="6330" y="325"/>
                  </a:lnTo>
                  <a:lnTo>
                    <a:pt x="6331" y="326"/>
                  </a:lnTo>
                  <a:lnTo>
                    <a:pt x="6331" y="332"/>
                  </a:lnTo>
                  <a:lnTo>
                    <a:pt x="6331" y="337"/>
                  </a:lnTo>
                  <a:lnTo>
                    <a:pt x="6330" y="343"/>
                  </a:lnTo>
                  <a:lnTo>
                    <a:pt x="6330" y="348"/>
                  </a:lnTo>
                  <a:lnTo>
                    <a:pt x="6328" y="351"/>
                  </a:lnTo>
                  <a:lnTo>
                    <a:pt x="6325" y="351"/>
                  </a:lnTo>
                  <a:lnTo>
                    <a:pt x="6320" y="352"/>
                  </a:lnTo>
                  <a:lnTo>
                    <a:pt x="6320" y="356"/>
                  </a:lnTo>
                  <a:lnTo>
                    <a:pt x="6317" y="363"/>
                  </a:lnTo>
                  <a:lnTo>
                    <a:pt x="6313" y="368"/>
                  </a:lnTo>
                  <a:lnTo>
                    <a:pt x="6312" y="372"/>
                  </a:lnTo>
                  <a:lnTo>
                    <a:pt x="6315" y="375"/>
                  </a:lnTo>
                  <a:lnTo>
                    <a:pt x="6317" y="378"/>
                  </a:lnTo>
                  <a:lnTo>
                    <a:pt x="6319" y="387"/>
                  </a:lnTo>
                  <a:lnTo>
                    <a:pt x="6321" y="395"/>
                  </a:lnTo>
                  <a:lnTo>
                    <a:pt x="6324" y="405"/>
                  </a:lnTo>
                  <a:lnTo>
                    <a:pt x="6327" y="420"/>
                  </a:lnTo>
                  <a:lnTo>
                    <a:pt x="6327" y="428"/>
                  </a:lnTo>
                  <a:lnTo>
                    <a:pt x="6327" y="432"/>
                  </a:lnTo>
                  <a:lnTo>
                    <a:pt x="6327" y="436"/>
                  </a:lnTo>
                  <a:lnTo>
                    <a:pt x="6328" y="438"/>
                  </a:lnTo>
                  <a:lnTo>
                    <a:pt x="6328" y="441"/>
                  </a:lnTo>
                  <a:lnTo>
                    <a:pt x="6328" y="444"/>
                  </a:lnTo>
                  <a:lnTo>
                    <a:pt x="6331" y="444"/>
                  </a:lnTo>
                  <a:lnTo>
                    <a:pt x="6340" y="442"/>
                  </a:lnTo>
                  <a:lnTo>
                    <a:pt x="6344" y="445"/>
                  </a:lnTo>
                  <a:lnTo>
                    <a:pt x="6342" y="448"/>
                  </a:lnTo>
                  <a:lnTo>
                    <a:pt x="6343" y="451"/>
                  </a:lnTo>
                  <a:lnTo>
                    <a:pt x="6343" y="452"/>
                  </a:lnTo>
                  <a:lnTo>
                    <a:pt x="6342" y="453"/>
                  </a:lnTo>
                  <a:lnTo>
                    <a:pt x="6343" y="456"/>
                  </a:lnTo>
                  <a:lnTo>
                    <a:pt x="6342" y="459"/>
                  </a:lnTo>
                  <a:lnTo>
                    <a:pt x="6342" y="461"/>
                  </a:lnTo>
                  <a:lnTo>
                    <a:pt x="6339" y="465"/>
                  </a:lnTo>
                  <a:lnTo>
                    <a:pt x="6335" y="465"/>
                  </a:lnTo>
                  <a:lnTo>
                    <a:pt x="6332" y="467"/>
                  </a:lnTo>
                  <a:lnTo>
                    <a:pt x="6328" y="465"/>
                  </a:lnTo>
                  <a:lnTo>
                    <a:pt x="6328" y="479"/>
                  </a:lnTo>
                  <a:lnTo>
                    <a:pt x="6332" y="490"/>
                  </a:lnTo>
                  <a:lnTo>
                    <a:pt x="6331" y="499"/>
                  </a:lnTo>
                  <a:lnTo>
                    <a:pt x="6332" y="502"/>
                  </a:lnTo>
                  <a:lnTo>
                    <a:pt x="6334" y="505"/>
                  </a:lnTo>
                  <a:lnTo>
                    <a:pt x="6335" y="507"/>
                  </a:lnTo>
                  <a:lnTo>
                    <a:pt x="6338" y="510"/>
                  </a:lnTo>
                  <a:lnTo>
                    <a:pt x="6342" y="513"/>
                  </a:lnTo>
                  <a:lnTo>
                    <a:pt x="6346" y="514"/>
                  </a:lnTo>
                  <a:lnTo>
                    <a:pt x="6348" y="523"/>
                  </a:lnTo>
                  <a:lnTo>
                    <a:pt x="6348" y="525"/>
                  </a:lnTo>
                  <a:lnTo>
                    <a:pt x="6347" y="534"/>
                  </a:lnTo>
                  <a:lnTo>
                    <a:pt x="6350" y="538"/>
                  </a:lnTo>
                  <a:lnTo>
                    <a:pt x="6352" y="544"/>
                  </a:lnTo>
                  <a:lnTo>
                    <a:pt x="6355" y="550"/>
                  </a:lnTo>
                  <a:lnTo>
                    <a:pt x="6362" y="572"/>
                  </a:lnTo>
                  <a:lnTo>
                    <a:pt x="6369" y="590"/>
                  </a:lnTo>
                  <a:lnTo>
                    <a:pt x="6370" y="596"/>
                  </a:lnTo>
                  <a:lnTo>
                    <a:pt x="6371" y="603"/>
                  </a:lnTo>
                  <a:lnTo>
                    <a:pt x="6371" y="612"/>
                  </a:lnTo>
                  <a:lnTo>
                    <a:pt x="6374" y="621"/>
                  </a:lnTo>
                  <a:lnTo>
                    <a:pt x="6377" y="639"/>
                  </a:lnTo>
                  <a:lnTo>
                    <a:pt x="6379" y="660"/>
                  </a:lnTo>
                  <a:lnTo>
                    <a:pt x="6379" y="673"/>
                  </a:lnTo>
                  <a:lnTo>
                    <a:pt x="6384" y="677"/>
                  </a:lnTo>
                  <a:lnTo>
                    <a:pt x="6603" y="679"/>
                  </a:lnTo>
                  <a:lnTo>
                    <a:pt x="6603" y="588"/>
                  </a:lnTo>
                  <a:lnTo>
                    <a:pt x="6716" y="588"/>
                  </a:lnTo>
                  <a:lnTo>
                    <a:pt x="6716" y="500"/>
                  </a:lnTo>
                  <a:lnTo>
                    <a:pt x="6807" y="407"/>
                  </a:lnTo>
                  <a:lnTo>
                    <a:pt x="6900" y="500"/>
                  </a:lnTo>
                  <a:lnTo>
                    <a:pt x="6900" y="588"/>
                  </a:lnTo>
                  <a:lnTo>
                    <a:pt x="6983" y="588"/>
                  </a:lnTo>
                  <a:lnTo>
                    <a:pt x="6983" y="518"/>
                  </a:lnTo>
                  <a:lnTo>
                    <a:pt x="7015" y="518"/>
                  </a:lnTo>
                  <a:lnTo>
                    <a:pt x="7015" y="432"/>
                  </a:lnTo>
                  <a:lnTo>
                    <a:pt x="7018" y="432"/>
                  </a:lnTo>
                  <a:lnTo>
                    <a:pt x="7018" y="386"/>
                  </a:lnTo>
                  <a:lnTo>
                    <a:pt x="7030" y="386"/>
                  </a:lnTo>
                  <a:lnTo>
                    <a:pt x="7041" y="363"/>
                  </a:lnTo>
                  <a:lnTo>
                    <a:pt x="7052" y="363"/>
                  </a:lnTo>
                  <a:lnTo>
                    <a:pt x="7062" y="341"/>
                  </a:lnTo>
                  <a:lnTo>
                    <a:pt x="7124" y="341"/>
                  </a:lnTo>
                  <a:lnTo>
                    <a:pt x="7135" y="363"/>
                  </a:lnTo>
                  <a:lnTo>
                    <a:pt x="7146" y="363"/>
                  </a:lnTo>
                  <a:lnTo>
                    <a:pt x="7158" y="386"/>
                  </a:lnTo>
                  <a:lnTo>
                    <a:pt x="7169" y="386"/>
                  </a:lnTo>
                  <a:lnTo>
                    <a:pt x="7169" y="432"/>
                  </a:lnTo>
                  <a:lnTo>
                    <a:pt x="7305" y="432"/>
                  </a:lnTo>
                  <a:lnTo>
                    <a:pt x="7305" y="275"/>
                  </a:lnTo>
                  <a:lnTo>
                    <a:pt x="7305" y="274"/>
                  </a:lnTo>
                  <a:lnTo>
                    <a:pt x="7308" y="274"/>
                  </a:lnTo>
                  <a:lnTo>
                    <a:pt x="7369" y="212"/>
                  </a:lnTo>
                  <a:lnTo>
                    <a:pt x="7431" y="274"/>
                  </a:lnTo>
                  <a:lnTo>
                    <a:pt x="7432" y="274"/>
                  </a:lnTo>
                  <a:lnTo>
                    <a:pt x="7432" y="500"/>
                  </a:lnTo>
                  <a:lnTo>
                    <a:pt x="7485" y="500"/>
                  </a:lnTo>
                  <a:lnTo>
                    <a:pt x="7485" y="442"/>
                  </a:lnTo>
                  <a:lnTo>
                    <a:pt x="7494" y="442"/>
                  </a:lnTo>
                  <a:lnTo>
                    <a:pt x="7505" y="420"/>
                  </a:lnTo>
                  <a:lnTo>
                    <a:pt x="7514" y="420"/>
                  </a:lnTo>
                  <a:lnTo>
                    <a:pt x="7524" y="398"/>
                  </a:lnTo>
                  <a:lnTo>
                    <a:pt x="7581" y="398"/>
                  </a:lnTo>
                  <a:lnTo>
                    <a:pt x="7591" y="420"/>
                  </a:lnTo>
                  <a:lnTo>
                    <a:pt x="7601" y="420"/>
                  </a:lnTo>
                  <a:lnTo>
                    <a:pt x="7610" y="442"/>
                  </a:lnTo>
                  <a:lnTo>
                    <a:pt x="7621" y="442"/>
                  </a:lnTo>
                  <a:lnTo>
                    <a:pt x="7621" y="500"/>
                  </a:lnTo>
                  <a:lnTo>
                    <a:pt x="7621" y="507"/>
                  </a:lnTo>
                  <a:lnTo>
                    <a:pt x="7621" y="596"/>
                  </a:lnTo>
                  <a:lnTo>
                    <a:pt x="7680" y="596"/>
                  </a:lnTo>
                  <a:lnTo>
                    <a:pt x="7680" y="560"/>
                  </a:lnTo>
                  <a:lnTo>
                    <a:pt x="7861" y="560"/>
                  </a:lnTo>
                  <a:lnTo>
                    <a:pt x="7861" y="317"/>
                  </a:lnTo>
                  <a:lnTo>
                    <a:pt x="7864" y="306"/>
                  </a:lnTo>
                  <a:lnTo>
                    <a:pt x="7868" y="295"/>
                  </a:lnTo>
                  <a:lnTo>
                    <a:pt x="7873" y="287"/>
                  </a:lnTo>
                  <a:lnTo>
                    <a:pt x="7880" y="279"/>
                  </a:lnTo>
                  <a:lnTo>
                    <a:pt x="7888" y="273"/>
                  </a:lnTo>
                  <a:lnTo>
                    <a:pt x="7898" y="267"/>
                  </a:lnTo>
                  <a:lnTo>
                    <a:pt x="7907" y="263"/>
                  </a:lnTo>
                  <a:lnTo>
                    <a:pt x="7918" y="262"/>
                  </a:lnTo>
                  <a:lnTo>
                    <a:pt x="7918" y="227"/>
                  </a:lnTo>
                  <a:lnTo>
                    <a:pt x="7927" y="227"/>
                  </a:lnTo>
                  <a:lnTo>
                    <a:pt x="7927" y="262"/>
                  </a:lnTo>
                  <a:lnTo>
                    <a:pt x="7948" y="267"/>
                  </a:lnTo>
                  <a:lnTo>
                    <a:pt x="7956" y="273"/>
                  </a:lnTo>
                  <a:lnTo>
                    <a:pt x="7964" y="279"/>
                  </a:lnTo>
                  <a:lnTo>
                    <a:pt x="7971" y="287"/>
                  </a:lnTo>
                  <a:lnTo>
                    <a:pt x="7976" y="297"/>
                  </a:lnTo>
                  <a:lnTo>
                    <a:pt x="7980" y="306"/>
                  </a:lnTo>
                  <a:lnTo>
                    <a:pt x="7981" y="317"/>
                  </a:lnTo>
                  <a:lnTo>
                    <a:pt x="7984" y="317"/>
                  </a:lnTo>
                  <a:lnTo>
                    <a:pt x="7984" y="402"/>
                  </a:lnTo>
                  <a:lnTo>
                    <a:pt x="8058" y="405"/>
                  </a:lnTo>
                  <a:lnTo>
                    <a:pt x="8058" y="190"/>
                  </a:lnTo>
                  <a:lnTo>
                    <a:pt x="8058" y="186"/>
                  </a:lnTo>
                  <a:lnTo>
                    <a:pt x="8058" y="182"/>
                  </a:lnTo>
                  <a:lnTo>
                    <a:pt x="8058" y="173"/>
                  </a:lnTo>
                  <a:lnTo>
                    <a:pt x="8062" y="146"/>
                  </a:lnTo>
                  <a:lnTo>
                    <a:pt x="8066" y="132"/>
                  </a:lnTo>
                  <a:lnTo>
                    <a:pt x="8070" y="120"/>
                  </a:lnTo>
                  <a:lnTo>
                    <a:pt x="8081" y="97"/>
                  </a:lnTo>
                  <a:lnTo>
                    <a:pt x="8095" y="77"/>
                  </a:lnTo>
                  <a:lnTo>
                    <a:pt x="8111" y="59"/>
                  </a:lnTo>
                  <a:lnTo>
                    <a:pt x="8130" y="46"/>
                  </a:lnTo>
                  <a:lnTo>
                    <a:pt x="8150" y="38"/>
                  </a:lnTo>
                  <a:lnTo>
                    <a:pt x="8172" y="34"/>
                  </a:lnTo>
                  <a:lnTo>
                    <a:pt x="8172" y="0"/>
                  </a:lnTo>
                  <a:lnTo>
                    <a:pt x="8181" y="0"/>
                  </a:lnTo>
                  <a:lnTo>
                    <a:pt x="8181" y="34"/>
                  </a:lnTo>
                  <a:lnTo>
                    <a:pt x="8203" y="38"/>
                  </a:lnTo>
                  <a:lnTo>
                    <a:pt x="8223" y="46"/>
                  </a:lnTo>
                  <a:lnTo>
                    <a:pt x="8242" y="59"/>
                  </a:lnTo>
                  <a:lnTo>
                    <a:pt x="8258" y="77"/>
                  </a:lnTo>
                  <a:lnTo>
                    <a:pt x="8272" y="97"/>
                  </a:lnTo>
                  <a:lnTo>
                    <a:pt x="8282" y="120"/>
                  </a:lnTo>
                  <a:lnTo>
                    <a:pt x="8290" y="146"/>
                  </a:lnTo>
                  <a:lnTo>
                    <a:pt x="8295" y="173"/>
                  </a:lnTo>
                  <a:lnTo>
                    <a:pt x="8295" y="179"/>
                  </a:lnTo>
                  <a:lnTo>
                    <a:pt x="8295" y="186"/>
                  </a:lnTo>
                  <a:lnTo>
                    <a:pt x="8295" y="190"/>
                  </a:lnTo>
                  <a:lnTo>
                    <a:pt x="8295" y="405"/>
                  </a:lnTo>
                  <a:lnTo>
                    <a:pt x="8369" y="402"/>
                  </a:lnTo>
                  <a:lnTo>
                    <a:pt x="8369" y="317"/>
                  </a:lnTo>
                  <a:lnTo>
                    <a:pt x="8370" y="317"/>
                  </a:lnTo>
                  <a:lnTo>
                    <a:pt x="8375" y="297"/>
                  </a:lnTo>
                  <a:lnTo>
                    <a:pt x="8381" y="287"/>
                  </a:lnTo>
                  <a:lnTo>
                    <a:pt x="8388" y="279"/>
                  </a:lnTo>
                  <a:lnTo>
                    <a:pt x="8405" y="267"/>
                  </a:lnTo>
                  <a:lnTo>
                    <a:pt x="8415" y="263"/>
                  </a:lnTo>
                  <a:lnTo>
                    <a:pt x="8425" y="262"/>
                  </a:lnTo>
                  <a:lnTo>
                    <a:pt x="8425" y="227"/>
                  </a:lnTo>
                  <a:lnTo>
                    <a:pt x="8435" y="227"/>
                  </a:lnTo>
                  <a:lnTo>
                    <a:pt x="8435" y="262"/>
                  </a:lnTo>
                  <a:lnTo>
                    <a:pt x="8446" y="263"/>
                  </a:lnTo>
                  <a:lnTo>
                    <a:pt x="8455" y="267"/>
                  </a:lnTo>
                  <a:lnTo>
                    <a:pt x="8465" y="273"/>
                  </a:lnTo>
                  <a:lnTo>
                    <a:pt x="8471" y="279"/>
                  </a:lnTo>
                  <a:lnTo>
                    <a:pt x="8478" y="287"/>
                  </a:lnTo>
                  <a:lnTo>
                    <a:pt x="8483" y="297"/>
                  </a:lnTo>
                  <a:lnTo>
                    <a:pt x="8487" y="306"/>
                  </a:lnTo>
                  <a:lnTo>
                    <a:pt x="8490" y="317"/>
                  </a:lnTo>
                  <a:lnTo>
                    <a:pt x="8492" y="317"/>
                  </a:lnTo>
                  <a:lnTo>
                    <a:pt x="8492" y="527"/>
                  </a:lnTo>
                  <a:lnTo>
                    <a:pt x="8606" y="527"/>
                  </a:lnTo>
                  <a:lnTo>
                    <a:pt x="8606" y="560"/>
                  </a:lnTo>
                  <a:lnTo>
                    <a:pt x="8672" y="560"/>
                  </a:lnTo>
                  <a:lnTo>
                    <a:pt x="8672" y="596"/>
                  </a:lnTo>
                  <a:lnTo>
                    <a:pt x="8747" y="596"/>
                  </a:lnTo>
                  <a:lnTo>
                    <a:pt x="8747" y="621"/>
                  </a:lnTo>
                  <a:lnTo>
                    <a:pt x="8813" y="621"/>
                  </a:lnTo>
                  <a:lnTo>
                    <a:pt x="8813" y="649"/>
                  </a:lnTo>
                  <a:lnTo>
                    <a:pt x="8884" y="649"/>
                  </a:lnTo>
                  <a:lnTo>
                    <a:pt x="8884" y="621"/>
                  </a:lnTo>
                  <a:lnTo>
                    <a:pt x="8948" y="621"/>
                  </a:lnTo>
                  <a:lnTo>
                    <a:pt x="8948" y="541"/>
                  </a:lnTo>
                  <a:lnTo>
                    <a:pt x="8979" y="506"/>
                  </a:lnTo>
                  <a:lnTo>
                    <a:pt x="9010" y="541"/>
                  </a:lnTo>
                  <a:lnTo>
                    <a:pt x="9041" y="506"/>
                  </a:lnTo>
                  <a:lnTo>
                    <a:pt x="9072" y="541"/>
                  </a:lnTo>
                  <a:lnTo>
                    <a:pt x="9103" y="506"/>
                  </a:lnTo>
                  <a:lnTo>
                    <a:pt x="9134" y="541"/>
                  </a:lnTo>
                  <a:lnTo>
                    <a:pt x="9134" y="621"/>
                  </a:lnTo>
                  <a:lnTo>
                    <a:pt x="9135" y="673"/>
                  </a:lnTo>
                  <a:lnTo>
                    <a:pt x="9172" y="673"/>
                  </a:lnTo>
                  <a:lnTo>
                    <a:pt x="9172" y="599"/>
                  </a:lnTo>
                  <a:lnTo>
                    <a:pt x="9187" y="599"/>
                  </a:lnTo>
                  <a:lnTo>
                    <a:pt x="9249" y="521"/>
                  </a:lnTo>
                  <a:lnTo>
                    <a:pt x="9311" y="599"/>
                  </a:lnTo>
                  <a:lnTo>
                    <a:pt x="9326" y="599"/>
                  </a:lnTo>
                  <a:lnTo>
                    <a:pt x="9326" y="673"/>
                  </a:lnTo>
                  <a:lnTo>
                    <a:pt x="9346" y="673"/>
                  </a:lnTo>
                  <a:lnTo>
                    <a:pt x="9346" y="648"/>
                  </a:lnTo>
                  <a:lnTo>
                    <a:pt x="9416" y="648"/>
                  </a:lnTo>
                  <a:lnTo>
                    <a:pt x="9416" y="576"/>
                  </a:lnTo>
                  <a:lnTo>
                    <a:pt x="9434" y="576"/>
                  </a:lnTo>
                  <a:lnTo>
                    <a:pt x="9434" y="549"/>
                  </a:lnTo>
                  <a:lnTo>
                    <a:pt x="9466" y="549"/>
                  </a:lnTo>
                  <a:lnTo>
                    <a:pt x="9466" y="576"/>
                  </a:lnTo>
                  <a:lnTo>
                    <a:pt x="9477" y="576"/>
                  </a:lnTo>
                  <a:lnTo>
                    <a:pt x="9477" y="476"/>
                  </a:lnTo>
                  <a:lnTo>
                    <a:pt x="9585" y="444"/>
                  </a:lnTo>
                  <a:lnTo>
                    <a:pt x="9585" y="440"/>
                  </a:lnTo>
                  <a:lnTo>
                    <a:pt x="9573" y="440"/>
                  </a:lnTo>
                  <a:lnTo>
                    <a:pt x="9573" y="432"/>
                  </a:lnTo>
                  <a:lnTo>
                    <a:pt x="9585" y="432"/>
                  </a:lnTo>
                  <a:lnTo>
                    <a:pt x="9585" y="421"/>
                  </a:lnTo>
                  <a:lnTo>
                    <a:pt x="9573" y="421"/>
                  </a:lnTo>
                  <a:lnTo>
                    <a:pt x="9573" y="413"/>
                  </a:lnTo>
                  <a:lnTo>
                    <a:pt x="9585" y="413"/>
                  </a:lnTo>
                  <a:lnTo>
                    <a:pt x="9585" y="402"/>
                  </a:lnTo>
                  <a:lnTo>
                    <a:pt x="9573" y="402"/>
                  </a:lnTo>
                  <a:lnTo>
                    <a:pt x="9573" y="394"/>
                  </a:lnTo>
                  <a:lnTo>
                    <a:pt x="9585" y="394"/>
                  </a:lnTo>
                  <a:lnTo>
                    <a:pt x="9585" y="383"/>
                  </a:lnTo>
                  <a:lnTo>
                    <a:pt x="9573" y="383"/>
                  </a:lnTo>
                  <a:lnTo>
                    <a:pt x="9573" y="374"/>
                  </a:lnTo>
                  <a:lnTo>
                    <a:pt x="9585" y="374"/>
                  </a:lnTo>
                  <a:lnTo>
                    <a:pt x="9585" y="364"/>
                  </a:lnTo>
                  <a:lnTo>
                    <a:pt x="9573" y="364"/>
                  </a:lnTo>
                  <a:lnTo>
                    <a:pt x="9573" y="355"/>
                  </a:lnTo>
                  <a:lnTo>
                    <a:pt x="9585" y="355"/>
                  </a:lnTo>
                  <a:lnTo>
                    <a:pt x="9585" y="345"/>
                  </a:lnTo>
                  <a:lnTo>
                    <a:pt x="9573" y="345"/>
                  </a:lnTo>
                  <a:lnTo>
                    <a:pt x="9573" y="336"/>
                  </a:lnTo>
                  <a:lnTo>
                    <a:pt x="9585" y="336"/>
                  </a:lnTo>
                  <a:lnTo>
                    <a:pt x="9585" y="325"/>
                  </a:lnTo>
                  <a:lnTo>
                    <a:pt x="9573" y="325"/>
                  </a:lnTo>
                  <a:lnTo>
                    <a:pt x="9573" y="317"/>
                  </a:lnTo>
                  <a:lnTo>
                    <a:pt x="9585" y="317"/>
                  </a:lnTo>
                  <a:lnTo>
                    <a:pt x="9585" y="306"/>
                  </a:lnTo>
                  <a:lnTo>
                    <a:pt x="9573" y="306"/>
                  </a:lnTo>
                  <a:lnTo>
                    <a:pt x="9573" y="298"/>
                  </a:lnTo>
                  <a:lnTo>
                    <a:pt x="9585" y="298"/>
                  </a:lnTo>
                  <a:lnTo>
                    <a:pt x="9585" y="287"/>
                  </a:lnTo>
                  <a:lnTo>
                    <a:pt x="9670" y="264"/>
                  </a:lnTo>
                  <a:lnTo>
                    <a:pt x="9795" y="332"/>
                  </a:lnTo>
                  <a:lnTo>
                    <a:pt x="9795" y="552"/>
                  </a:lnTo>
                  <a:lnTo>
                    <a:pt x="9830" y="568"/>
                  </a:lnTo>
                  <a:lnTo>
                    <a:pt x="9864" y="558"/>
                  </a:lnTo>
                  <a:lnTo>
                    <a:pt x="9864" y="552"/>
                  </a:lnTo>
                  <a:lnTo>
                    <a:pt x="9845" y="552"/>
                  </a:lnTo>
                  <a:lnTo>
                    <a:pt x="9845" y="541"/>
                  </a:lnTo>
                  <a:lnTo>
                    <a:pt x="9864" y="530"/>
                  </a:lnTo>
                  <a:lnTo>
                    <a:pt x="9864" y="525"/>
                  </a:lnTo>
                  <a:lnTo>
                    <a:pt x="9845" y="525"/>
                  </a:lnTo>
                  <a:lnTo>
                    <a:pt x="9845" y="513"/>
                  </a:lnTo>
                  <a:lnTo>
                    <a:pt x="9864" y="502"/>
                  </a:lnTo>
                  <a:lnTo>
                    <a:pt x="9864" y="496"/>
                  </a:lnTo>
                  <a:lnTo>
                    <a:pt x="9845" y="496"/>
                  </a:lnTo>
                  <a:lnTo>
                    <a:pt x="9845" y="484"/>
                  </a:lnTo>
                  <a:lnTo>
                    <a:pt x="9864" y="475"/>
                  </a:lnTo>
                  <a:lnTo>
                    <a:pt x="9864" y="468"/>
                  </a:lnTo>
                  <a:lnTo>
                    <a:pt x="9845" y="468"/>
                  </a:lnTo>
                  <a:lnTo>
                    <a:pt x="9845" y="456"/>
                  </a:lnTo>
                  <a:lnTo>
                    <a:pt x="9864" y="447"/>
                  </a:lnTo>
                  <a:lnTo>
                    <a:pt x="9864" y="440"/>
                  </a:lnTo>
                  <a:lnTo>
                    <a:pt x="9845" y="440"/>
                  </a:lnTo>
                  <a:lnTo>
                    <a:pt x="9845" y="429"/>
                  </a:lnTo>
                  <a:lnTo>
                    <a:pt x="9864" y="418"/>
                  </a:lnTo>
                  <a:lnTo>
                    <a:pt x="9864" y="413"/>
                  </a:lnTo>
                  <a:lnTo>
                    <a:pt x="9845" y="413"/>
                  </a:lnTo>
                  <a:lnTo>
                    <a:pt x="9845" y="401"/>
                  </a:lnTo>
                  <a:lnTo>
                    <a:pt x="9864" y="391"/>
                  </a:lnTo>
                  <a:lnTo>
                    <a:pt x="9864" y="384"/>
                  </a:lnTo>
                  <a:lnTo>
                    <a:pt x="9845" y="384"/>
                  </a:lnTo>
                  <a:lnTo>
                    <a:pt x="9845" y="372"/>
                  </a:lnTo>
                  <a:lnTo>
                    <a:pt x="9864" y="363"/>
                  </a:lnTo>
                  <a:lnTo>
                    <a:pt x="9864" y="356"/>
                  </a:lnTo>
                  <a:lnTo>
                    <a:pt x="9845" y="356"/>
                  </a:lnTo>
                  <a:lnTo>
                    <a:pt x="9845" y="345"/>
                  </a:lnTo>
                  <a:lnTo>
                    <a:pt x="9864" y="335"/>
                  </a:lnTo>
                  <a:lnTo>
                    <a:pt x="9864" y="329"/>
                  </a:lnTo>
                  <a:lnTo>
                    <a:pt x="9845" y="329"/>
                  </a:lnTo>
                  <a:lnTo>
                    <a:pt x="9845" y="317"/>
                  </a:lnTo>
                  <a:lnTo>
                    <a:pt x="9864" y="306"/>
                  </a:lnTo>
                  <a:lnTo>
                    <a:pt x="9864" y="301"/>
                  </a:lnTo>
                  <a:lnTo>
                    <a:pt x="9845" y="301"/>
                  </a:lnTo>
                  <a:lnTo>
                    <a:pt x="9845" y="289"/>
                  </a:lnTo>
                  <a:lnTo>
                    <a:pt x="9864" y="279"/>
                  </a:lnTo>
                  <a:lnTo>
                    <a:pt x="9864" y="273"/>
                  </a:lnTo>
                  <a:lnTo>
                    <a:pt x="9845" y="273"/>
                  </a:lnTo>
                  <a:lnTo>
                    <a:pt x="9845" y="260"/>
                  </a:lnTo>
                  <a:lnTo>
                    <a:pt x="9864" y="251"/>
                  </a:lnTo>
                  <a:lnTo>
                    <a:pt x="9864" y="244"/>
                  </a:lnTo>
                  <a:lnTo>
                    <a:pt x="9845" y="244"/>
                  </a:lnTo>
                  <a:lnTo>
                    <a:pt x="9845" y="233"/>
                  </a:lnTo>
                  <a:lnTo>
                    <a:pt x="9864" y="223"/>
                  </a:lnTo>
                  <a:lnTo>
                    <a:pt x="9864" y="217"/>
                  </a:lnTo>
                  <a:lnTo>
                    <a:pt x="9845" y="217"/>
                  </a:lnTo>
                  <a:lnTo>
                    <a:pt x="9845" y="205"/>
                  </a:lnTo>
                  <a:lnTo>
                    <a:pt x="9864" y="196"/>
                  </a:lnTo>
                  <a:lnTo>
                    <a:pt x="9864" y="174"/>
                  </a:lnTo>
                  <a:lnTo>
                    <a:pt x="9940" y="123"/>
                  </a:lnTo>
                  <a:lnTo>
                    <a:pt x="10006" y="173"/>
                  </a:lnTo>
                  <a:lnTo>
                    <a:pt x="10006" y="201"/>
                  </a:lnTo>
                  <a:lnTo>
                    <a:pt x="10014" y="205"/>
                  </a:lnTo>
                  <a:lnTo>
                    <a:pt x="10014" y="217"/>
                  </a:lnTo>
                  <a:lnTo>
                    <a:pt x="10006" y="217"/>
                  </a:lnTo>
                  <a:lnTo>
                    <a:pt x="10006" y="228"/>
                  </a:lnTo>
                  <a:lnTo>
                    <a:pt x="10014" y="233"/>
                  </a:lnTo>
                  <a:lnTo>
                    <a:pt x="10014" y="244"/>
                  </a:lnTo>
                  <a:lnTo>
                    <a:pt x="10006" y="244"/>
                  </a:lnTo>
                  <a:lnTo>
                    <a:pt x="10006" y="256"/>
                  </a:lnTo>
                  <a:lnTo>
                    <a:pt x="10014" y="260"/>
                  </a:lnTo>
                  <a:lnTo>
                    <a:pt x="10014" y="273"/>
                  </a:lnTo>
                  <a:lnTo>
                    <a:pt x="10006" y="273"/>
                  </a:lnTo>
                  <a:lnTo>
                    <a:pt x="10006" y="579"/>
                  </a:lnTo>
                  <a:lnTo>
                    <a:pt x="10023" y="579"/>
                  </a:lnTo>
                  <a:lnTo>
                    <a:pt x="10023" y="447"/>
                  </a:lnTo>
                  <a:lnTo>
                    <a:pt x="10045" y="437"/>
                  </a:lnTo>
                  <a:lnTo>
                    <a:pt x="10045" y="413"/>
                  </a:lnTo>
                  <a:lnTo>
                    <a:pt x="10106" y="413"/>
                  </a:lnTo>
                  <a:lnTo>
                    <a:pt x="10145" y="398"/>
                  </a:lnTo>
                  <a:lnTo>
                    <a:pt x="10247" y="448"/>
                  </a:lnTo>
                  <a:lnTo>
                    <a:pt x="10247" y="297"/>
                  </a:lnTo>
                  <a:lnTo>
                    <a:pt x="10305" y="268"/>
                  </a:lnTo>
                  <a:lnTo>
                    <a:pt x="10403" y="289"/>
                  </a:lnTo>
                  <a:lnTo>
                    <a:pt x="10403" y="370"/>
                  </a:lnTo>
                  <a:lnTo>
                    <a:pt x="10416" y="370"/>
                  </a:lnTo>
                  <a:lnTo>
                    <a:pt x="10416" y="389"/>
                  </a:lnTo>
                  <a:lnTo>
                    <a:pt x="10403" y="389"/>
                  </a:lnTo>
                  <a:lnTo>
                    <a:pt x="10403" y="410"/>
                  </a:lnTo>
                  <a:lnTo>
                    <a:pt x="10416" y="410"/>
                  </a:lnTo>
                  <a:lnTo>
                    <a:pt x="10416" y="430"/>
                  </a:lnTo>
                  <a:lnTo>
                    <a:pt x="10403" y="430"/>
                  </a:lnTo>
                  <a:lnTo>
                    <a:pt x="10403" y="452"/>
                  </a:lnTo>
                  <a:lnTo>
                    <a:pt x="10416" y="452"/>
                  </a:lnTo>
                  <a:lnTo>
                    <a:pt x="10416" y="471"/>
                  </a:lnTo>
                  <a:lnTo>
                    <a:pt x="10403" y="471"/>
                  </a:lnTo>
                  <a:lnTo>
                    <a:pt x="10403" y="492"/>
                  </a:lnTo>
                  <a:lnTo>
                    <a:pt x="10416" y="492"/>
                  </a:lnTo>
                  <a:lnTo>
                    <a:pt x="10416" y="511"/>
                  </a:lnTo>
                  <a:lnTo>
                    <a:pt x="10403" y="511"/>
                  </a:lnTo>
                  <a:lnTo>
                    <a:pt x="10403" y="534"/>
                  </a:lnTo>
                  <a:lnTo>
                    <a:pt x="10416" y="534"/>
                  </a:lnTo>
                  <a:lnTo>
                    <a:pt x="10416" y="553"/>
                  </a:lnTo>
                  <a:lnTo>
                    <a:pt x="10403" y="553"/>
                  </a:lnTo>
                  <a:lnTo>
                    <a:pt x="10403" y="575"/>
                  </a:lnTo>
                  <a:lnTo>
                    <a:pt x="10416" y="575"/>
                  </a:lnTo>
                  <a:lnTo>
                    <a:pt x="10416" y="594"/>
                  </a:lnTo>
                  <a:lnTo>
                    <a:pt x="10403" y="594"/>
                  </a:lnTo>
                  <a:lnTo>
                    <a:pt x="10403" y="617"/>
                  </a:lnTo>
                  <a:lnTo>
                    <a:pt x="10416" y="617"/>
                  </a:lnTo>
                  <a:lnTo>
                    <a:pt x="10416" y="634"/>
                  </a:lnTo>
                  <a:lnTo>
                    <a:pt x="10403" y="634"/>
                  </a:lnTo>
                  <a:lnTo>
                    <a:pt x="10403" y="646"/>
                  </a:lnTo>
                  <a:lnTo>
                    <a:pt x="10462" y="646"/>
                  </a:lnTo>
                  <a:lnTo>
                    <a:pt x="10462" y="627"/>
                  </a:lnTo>
                  <a:lnTo>
                    <a:pt x="10486" y="627"/>
                  </a:lnTo>
                  <a:lnTo>
                    <a:pt x="10486" y="583"/>
                  </a:lnTo>
                  <a:lnTo>
                    <a:pt x="10552" y="583"/>
                  </a:lnTo>
                  <a:lnTo>
                    <a:pt x="10552" y="618"/>
                  </a:lnTo>
                  <a:lnTo>
                    <a:pt x="10655" y="617"/>
                  </a:lnTo>
                  <a:lnTo>
                    <a:pt x="10655" y="564"/>
                  </a:lnTo>
                  <a:lnTo>
                    <a:pt x="10722" y="564"/>
                  </a:lnTo>
                  <a:lnTo>
                    <a:pt x="10720" y="406"/>
                  </a:lnTo>
                  <a:lnTo>
                    <a:pt x="10857" y="405"/>
                  </a:lnTo>
                  <a:lnTo>
                    <a:pt x="10861" y="661"/>
                  </a:lnTo>
                  <a:lnTo>
                    <a:pt x="10969" y="660"/>
                  </a:lnTo>
                  <a:lnTo>
                    <a:pt x="10968" y="577"/>
                  </a:lnTo>
                  <a:lnTo>
                    <a:pt x="11052" y="576"/>
                  </a:lnTo>
                  <a:lnTo>
                    <a:pt x="11050" y="468"/>
                  </a:lnTo>
                  <a:lnTo>
                    <a:pt x="11231" y="467"/>
                  </a:lnTo>
                  <a:lnTo>
                    <a:pt x="11230" y="399"/>
                  </a:lnTo>
                  <a:lnTo>
                    <a:pt x="11247" y="399"/>
                  </a:lnTo>
                  <a:lnTo>
                    <a:pt x="11246" y="260"/>
                  </a:lnTo>
                  <a:lnTo>
                    <a:pt x="11261" y="260"/>
                  </a:lnTo>
                  <a:lnTo>
                    <a:pt x="11261" y="239"/>
                  </a:lnTo>
                  <a:lnTo>
                    <a:pt x="11270" y="239"/>
                  </a:lnTo>
                  <a:lnTo>
                    <a:pt x="11270" y="231"/>
                  </a:lnTo>
                  <a:lnTo>
                    <a:pt x="11295" y="231"/>
                  </a:lnTo>
                  <a:lnTo>
                    <a:pt x="11293" y="190"/>
                  </a:lnTo>
                  <a:lnTo>
                    <a:pt x="11300" y="190"/>
                  </a:lnTo>
                  <a:lnTo>
                    <a:pt x="11301" y="231"/>
                  </a:lnTo>
                  <a:lnTo>
                    <a:pt x="11324" y="229"/>
                  </a:lnTo>
                  <a:lnTo>
                    <a:pt x="11324" y="237"/>
                  </a:lnTo>
                  <a:lnTo>
                    <a:pt x="11335" y="237"/>
                  </a:lnTo>
                  <a:lnTo>
                    <a:pt x="11335" y="259"/>
                  </a:lnTo>
                  <a:lnTo>
                    <a:pt x="11350" y="259"/>
                  </a:lnTo>
                  <a:lnTo>
                    <a:pt x="11353" y="398"/>
                  </a:lnTo>
                  <a:lnTo>
                    <a:pt x="11367" y="398"/>
                  </a:lnTo>
                  <a:lnTo>
                    <a:pt x="11370" y="554"/>
                  </a:lnTo>
                  <a:lnTo>
                    <a:pt x="11424" y="554"/>
                  </a:lnTo>
                  <a:lnTo>
                    <a:pt x="11424" y="530"/>
                  </a:lnTo>
                  <a:lnTo>
                    <a:pt x="11440" y="530"/>
                  </a:lnTo>
                  <a:lnTo>
                    <a:pt x="11440" y="509"/>
                  </a:lnTo>
                  <a:lnTo>
                    <a:pt x="11450" y="509"/>
                  </a:lnTo>
                  <a:lnTo>
                    <a:pt x="11450" y="500"/>
                  </a:lnTo>
                  <a:lnTo>
                    <a:pt x="11474" y="500"/>
                  </a:lnTo>
                  <a:lnTo>
                    <a:pt x="11473" y="460"/>
                  </a:lnTo>
                  <a:lnTo>
                    <a:pt x="11480" y="460"/>
                  </a:lnTo>
                  <a:lnTo>
                    <a:pt x="11480" y="500"/>
                  </a:lnTo>
                  <a:lnTo>
                    <a:pt x="11504" y="499"/>
                  </a:lnTo>
                  <a:lnTo>
                    <a:pt x="11504" y="507"/>
                  </a:lnTo>
                  <a:lnTo>
                    <a:pt x="11513" y="507"/>
                  </a:lnTo>
                  <a:lnTo>
                    <a:pt x="11515" y="529"/>
                  </a:lnTo>
                  <a:lnTo>
                    <a:pt x="11516" y="529"/>
                  </a:lnTo>
                  <a:lnTo>
                    <a:pt x="11516" y="1349"/>
                  </a:lnTo>
                  <a:lnTo>
                    <a:pt x="11516" y="2169"/>
                  </a:lnTo>
                  <a:close/>
                  <a:moveTo>
                    <a:pt x="6243" y="679"/>
                  </a:moveTo>
                  <a:lnTo>
                    <a:pt x="6352" y="679"/>
                  </a:lnTo>
                  <a:lnTo>
                    <a:pt x="6350" y="669"/>
                  </a:lnTo>
                  <a:lnTo>
                    <a:pt x="6347" y="650"/>
                  </a:lnTo>
                  <a:lnTo>
                    <a:pt x="6344" y="641"/>
                  </a:lnTo>
                  <a:lnTo>
                    <a:pt x="6344" y="638"/>
                  </a:lnTo>
                  <a:lnTo>
                    <a:pt x="6342" y="631"/>
                  </a:lnTo>
                  <a:lnTo>
                    <a:pt x="6342" y="627"/>
                  </a:lnTo>
                  <a:lnTo>
                    <a:pt x="6340" y="625"/>
                  </a:lnTo>
                  <a:lnTo>
                    <a:pt x="6339" y="622"/>
                  </a:lnTo>
                  <a:lnTo>
                    <a:pt x="6339" y="619"/>
                  </a:lnTo>
                  <a:lnTo>
                    <a:pt x="6338" y="615"/>
                  </a:lnTo>
                  <a:lnTo>
                    <a:pt x="6338" y="612"/>
                  </a:lnTo>
                  <a:lnTo>
                    <a:pt x="6335" y="607"/>
                  </a:lnTo>
                  <a:lnTo>
                    <a:pt x="6336" y="606"/>
                  </a:lnTo>
                  <a:lnTo>
                    <a:pt x="6339" y="603"/>
                  </a:lnTo>
                  <a:lnTo>
                    <a:pt x="6339" y="602"/>
                  </a:lnTo>
                  <a:lnTo>
                    <a:pt x="6338" y="600"/>
                  </a:lnTo>
                  <a:lnTo>
                    <a:pt x="6334" y="598"/>
                  </a:lnTo>
                  <a:lnTo>
                    <a:pt x="6328" y="591"/>
                  </a:lnTo>
                  <a:lnTo>
                    <a:pt x="6327" y="587"/>
                  </a:lnTo>
                  <a:lnTo>
                    <a:pt x="6323" y="579"/>
                  </a:lnTo>
                  <a:lnTo>
                    <a:pt x="6320" y="587"/>
                  </a:lnTo>
                  <a:lnTo>
                    <a:pt x="6315" y="599"/>
                  </a:lnTo>
                  <a:lnTo>
                    <a:pt x="6309" y="611"/>
                  </a:lnTo>
                  <a:lnTo>
                    <a:pt x="6304" y="619"/>
                  </a:lnTo>
                  <a:lnTo>
                    <a:pt x="6301" y="623"/>
                  </a:lnTo>
                  <a:lnTo>
                    <a:pt x="6292" y="629"/>
                  </a:lnTo>
                  <a:lnTo>
                    <a:pt x="6282" y="635"/>
                  </a:lnTo>
                  <a:lnTo>
                    <a:pt x="6277" y="641"/>
                  </a:lnTo>
                  <a:lnTo>
                    <a:pt x="6247" y="669"/>
                  </a:lnTo>
                  <a:lnTo>
                    <a:pt x="6243" y="679"/>
                  </a:lnTo>
                  <a:close/>
                  <a:moveTo>
                    <a:pt x="10753" y="457"/>
                  </a:moveTo>
                  <a:lnTo>
                    <a:pt x="10753" y="484"/>
                  </a:lnTo>
                  <a:lnTo>
                    <a:pt x="10776" y="484"/>
                  </a:lnTo>
                  <a:lnTo>
                    <a:pt x="10775" y="456"/>
                  </a:lnTo>
                  <a:lnTo>
                    <a:pt x="10753" y="457"/>
                  </a:lnTo>
                  <a:close/>
                  <a:moveTo>
                    <a:pt x="10753" y="505"/>
                  </a:moveTo>
                  <a:lnTo>
                    <a:pt x="10755" y="533"/>
                  </a:lnTo>
                  <a:lnTo>
                    <a:pt x="10776" y="533"/>
                  </a:lnTo>
                  <a:lnTo>
                    <a:pt x="10776" y="505"/>
                  </a:lnTo>
                  <a:lnTo>
                    <a:pt x="10753" y="505"/>
                  </a:lnTo>
                  <a:close/>
                  <a:moveTo>
                    <a:pt x="10755" y="553"/>
                  </a:moveTo>
                  <a:lnTo>
                    <a:pt x="10755" y="581"/>
                  </a:lnTo>
                  <a:lnTo>
                    <a:pt x="10776" y="580"/>
                  </a:lnTo>
                  <a:lnTo>
                    <a:pt x="10776" y="553"/>
                  </a:lnTo>
                  <a:lnTo>
                    <a:pt x="10755" y="553"/>
                  </a:lnTo>
                  <a:close/>
                  <a:moveTo>
                    <a:pt x="10755" y="600"/>
                  </a:moveTo>
                  <a:lnTo>
                    <a:pt x="10756" y="629"/>
                  </a:lnTo>
                  <a:lnTo>
                    <a:pt x="10778" y="629"/>
                  </a:lnTo>
                  <a:lnTo>
                    <a:pt x="10778" y="600"/>
                  </a:lnTo>
                  <a:lnTo>
                    <a:pt x="10755" y="600"/>
                  </a:lnTo>
                  <a:close/>
                  <a:moveTo>
                    <a:pt x="10756" y="677"/>
                  </a:moveTo>
                  <a:lnTo>
                    <a:pt x="10778" y="677"/>
                  </a:lnTo>
                  <a:lnTo>
                    <a:pt x="10778" y="649"/>
                  </a:lnTo>
                  <a:lnTo>
                    <a:pt x="10756" y="649"/>
                  </a:lnTo>
                  <a:lnTo>
                    <a:pt x="10756" y="677"/>
                  </a:lnTo>
                  <a:close/>
                  <a:moveTo>
                    <a:pt x="10803" y="505"/>
                  </a:moveTo>
                  <a:lnTo>
                    <a:pt x="10803" y="533"/>
                  </a:lnTo>
                  <a:lnTo>
                    <a:pt x="10826" y="532"/>
                  </a:lnTo>
                  <a:lnTo>
                    <a:pt x="10825" y="503"/>
                  </a:lnTo>
                  <a:lnTo>
                    <a:pt x="10803" y="505"/>
                  </a:lnTo>
                  <a:close/>
                  <a:moveTo>
                    <a:pt x="10805" y="552"/>
                  </a:moveTo>
                  <a:lnTo>
                    <a:pt x="10805" y="580"/>
                  </a:lnTo>
                  <a:lnTo>
                    <a:pt x="10826" y="580"/>
                  </a:lnTo>
                  <a:lnTo>
                    <a:pt x="10826" y="552"/>
                  </a:lnTo>
                  <a:lnTo>
                    <a:pt x="10805" y="552"/>
                  </a:lnTo>
                  <a:close/>
                  <a:moveTo>
                    <a:pt x="10805" y="600"/>
                  </a:moveTo>
                  <a:lnTo>
                    <a:pt x="10805" y="629"/>
                  </a:lnTo>
                  <a:lnTo>
                    <a:pt x="10826" y="629"/>
                  </a:lnTo>
                  <a:lnTo>
                    <a:pt x="10826" y="600"/>
                  </a:lnTo>
                  <a:lnTo>
                    <a:pt x="10805" y="600"/>
                  </a:lnTo>
                  <a:close/>
                  <a:moveTo>
                    <a:pt x="10806" y="676"/>
                  </a:moveTo>
                  <a:lnTo>
                    <a:pt x="10828" y="676"/>
                  </a:lnTo>
                  <a:lnTo>
                    <a:pt x="10828" y="648"/>
                  </a:lnTo>
                  <a:lnTo>
                    <a:pt x="10805" y="648"/>
                  </a:lnTo>
                  <a:lnTo>
                    <a:pt x="10806" y="676"/>
                  </a:lnTo>
                  <a:close/>
                  <a:moveTo>
                    <a:pt x="10986" y="617"/>
                  </a:moveTo>
                  <a:lnTo>
                    <a:pt x="11009" y="617"/>
                  </a:lnTo>
                  <a:lnTo>
                    <a:pt x="11007" y="588"/>
                  </a:lnTo>
                  <a:lnTo>
                    <a:pt x="10986" y="588"/>
                  </a:lnTo>
                  <a:lnTo>
                    <a:pt x="10986" y="617"/>
                  </a:lnTo>
                  <a:close/>
                  <a:moveTo>
                    <a:pt x="11100" y="523"/>
                  </a:moveTo>
                  <a:lnTo>
                    <a:pt x="11122" y="522"/>
                  </a:lnTo>
                  <a:lnTo>
                    <a:pt x="11122" y="494"/>
                  </a:lnTo>
                  <a:lnTo>
                    <a:pt x="11099" y="495"/>
                  </a:lnTo>
                  <a:lnTo>
                    <a:pt x="11100" y="523"/>
                  </a:lnTo>
                  <a:close/>
                  <a:moveTo>
                    <a:pt x="11149" y="496"/>
                  </a:moveTo>
                  <a:lnTo>
                    <a:pt x="11149" y="523"/>
                  </a:lnTo>
                  <a:lnTo>
                    <a:pt x="11172" y="523"/>
                  </a:lnTo>
                  <a:lnTo>
                    <a:pt x="11170" y="495"/>
                  </a:lnTo>
                  <a:lnTo>
                    <a:pt x="11149" y="496"/>
                  </a:lnTo>
                  <a:close/>
                  <a:moveTo>
                    <a:pt x="11150" y="552"/>
                  </a:moveTo>
                  <a:lnTo>
                    <a:pt x="11150" y="580"/>
                  </a:lnTo>
                  <a:lnTo>
                    <a:pt x="11172" y="579"/>
                  </a:lnTo>
                  <a:lnTo>
                    <a:pt x="11172" y="550"/>
                  </a:lnTo>
                  <a:lnTo>
                    <a:pt x="11150" y="552"/>
                  </a:lnTo>
                  <a:close/>
                  <a:moveTo>
                    <a:pt x="11150" y="635"/>
                  </a:moveTo>
                  <a:lnTo>
                    <a:pt x="11173" y="634"/>
                  </a:lnTo>
                  <a:lnTo>
                    <a:pt x="11172" y="607"/>
                  </a:lnTo>
                  <a:lnTo>
                    <a:pt x="11150" y="607"/>
                  </a:lnTo>
                  <a:lnTo>
                    <a:pt x="11150" y="635"/>
                  </a:lnTo>
                  <a:close/>
                  <a:moveTo>
                    <a:pt x="11316" y="448"/>
                  </a:moveTo>
                  <a:lnTo>
                    <a:pt x="11338" y="448"/>
                  </a:lnTo>
                  <a:lnTo>
                    <a:pt x="11338" y="420"/>
                  </a:lnTo>
                  <a:lnTo>
                    <a:pt x="11315" y="420"/>
                  </a:lnTo>
                  <a:lnTo>
                    <a:pt x="11316" y="448"/>
                  </a:lnTo>
                  <a:close/>
                </a:path>
              </a:pathLst>
            </a:custGeom>
            <a:solidFill>
              <a:srgbClr val="E5EFE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fi-FI" sz="1800"/>
            </a:p>
          </p:txBody>
        </p:sp>
        <p:sp>
          <p:nvSpPr>
            <p:cNvPr id="6" name="Freeform 7"/>
            <p:cNvSpPr>
              <a:spLocks noEditPoints="1"/>
            </p:cNvSpPr>
            <p:nvPr userDrawn="1"/>
          </p:nvSpPr>
          <p:spPr bwMode="auto">
            <a:xfrm>
              <a:off x="0" y="1968501"/>
              <a:ext cx="9140825" cy="2249488"/>
            </a:xfrm>
            <a:custGeom>
              <a:avLst/>
              <a:gdLst>
                <a:gd name="T0" fmla="*/ 1166813 w 11516"/>
                <a:gd name="T1" fmla="*/ 2074069 h 2834"/>
                <a:gd name="T2" fmla="*/ 1253331 w 11516"/>
                <a:gd name="T3" fmla="*/ 1929607 h 2834"/>
                <a:gd name="T4" fmla="*/ 2543175 w 11516"/>
                <a:gd name="T5" fmla="*/ 465931 h 2834"/>
                <a:gd name="T6" fmla="*/ 3363913 w 11516"/>
                <a:gd name="T7" fmla="*/ 449263 h 2834"/>
                <a:gd name="T8" fmla="*/ 3521869 w 11516"/>
                <a:gd name="T9" fmla="*/ 402431 h 2834"/>
                <a:gd name="T10" fmla="*/ 3836988 w 11516"/>
                <a:gd name="T11" fmla="*/ 415131 h 2834"/>
                <a:gd name="T12" fmla="*/ 3748088 w 11516"/>
                <a:gd name="T13" fmla="*/ 470694 h 2834"/>
                <a:gd name="T14" fmla="*/ 3790950 w 11516"/>
                <a:gd name="T15" fmla="*/ 495300 h 2834"/>
                <a:gd name="T16" fmla="*/ 5246688 w 11516"/>
                <a:gd name="T17" fmla="*/ 542925 h 2834"/>
                <a:gd name="T18" fmla="*/ 6731794 w 11516"/>
                <a:gd name="T19" fmla="*/ 1755775 h 2834"/>
                <a:gd name="T20" fmla="*/ 6371431 w 11516"/>
                <a:gd name="T21" fmla="*/ 1761332 h 2834"/>
                <a:gd name="T22" fmla="*/ 5899944 w 11516"/>
                <a:gd name="T23" fmla="*/ 1816894 h 2834"/>
                <a:gd name="T24" fmla="*/ 6503194 w 11516"/>
                <a:gd name="T25" fmla="*/ 788194 h 2834"/>
                <a:gd name="T26" fmla="*/ 7028656 w 11516"/>
                <a:gd name="T27" fmla="*/ 792163 h 2834"/>
                <a:gd name="T28" fmla="*/ 7007225 w 11516"/>
                <a:gd name="T29" fmla="*/ 1808163 h 2834"/>
                <a:gd name="T30" fmla="*/ 7454900 w 11516"/>
                <a:gd name="T31" fmla="*/ 1814513 h 2834"/>
                <a:gd name="T32" fmla="*/ 7927975 w 11516"/>
                <a:gd name="T33" fmla="*/ 466725 h 2834"/>
                <a:gd name="T34" fmla="*/ 7859713 w 11516"/>
                <a:gd name="T35" fmla="*/ 642938 h 2834"/>
                <a:gd name="T36" fmla="*/ 8028781 w 11516"/>
                <a:gd name="T37" fmla="*/ 1951038 h 2834"/>
                <a:gd name="T38" fmla="*/ 7857331 w 11516"/>
                <a:gd name="T39" fmla="*/ 1731963 h 2834"/>
                <a:gd name="T40" fmla="*/ 8174831 w 11516"/>
                <a:gd name="T41" fmla="*/ 1785938 h 2834"/>
                <a:gd name="T42" fmla="*/ 8476456 w 11516"/>
                <a:gd name="T43" fmla="*/ 684213 h 2834"/>
                <a:gd name="T44" fmla="*/ 8866188 w 11516"/>
                <a:gd name="T45" fmla="*/ 1491457 h 2834"/>
                <a:gd name="T46" fmla="*/ 8479631 w 11516"/>
                <a:gd name="T47" fmla="*/ 1431132 h 2834"/>
                <a:gd name="T48" fmla="*/ 8317706 w 11516"/>
                <a:gd name="T49" fmla="*/ 1858963 h 2834"/>
                <a:gd name="T50" fmla="*/ 8083550 w 11516"/>
                <a:gd name="T51" fmla="*/ 2021682 h 2834"/>
                <a:gd name="T52" fmla="*/ 7496175 w 11516"/>
                <a:gd name="T53" fmla="*/ 1947863 h 2834"/>
                <a:gd name="T54" fmla="*/ 6938169 w 11516"/>
                <a:gd name="T55" fmla="*/ 1700213 h 2834"/>
                <a:gd name="T56" fmla="*/ 6496844 w 11516"/>
                <a:gd name="T57" fmla="*/ 1472407 h 2834"/>
                <a:gd name="T58" fmla="*/ 6768306 w 11516"/>
                <a:gd name="T59" fmla="*/ 1926432 h 2834"/>
                <a:gd name="T60" fmla="*/ 5870575 w 11516"/>
                <a:gd name="T61" fmla="*/ 1937544 h 2834"/>
                <a:gd name="T62" fmla="*/ 5393531 w 11516"/>
                <a:gd name="T63" fmla="*/ 1447800 h 2834"/>
                <a:gd name="T64" fmla="*/ 5243513 w 11516"/>
                <a:gd name="T65" fmla="*/ 1273175 h 2834"/>
                <a:gd name="T66" fmla="*/ 4903788 w 11516"/>
                <a:gd name="T67" fmla="*/ 1458119 h 2834"/>
                <a:gd name="T68" fmla="*/ 4732338 w 11516"/>
                <a:gd name="T69" fmla="*/ 1273969 h 2834"/>
                <a:gd name="T70" fmla="*/ 4645819 w 11516"/>
                <a:gd name="T71" fmla="*/ 1416050 h 2834"/>
                <a:gd name="T72" fmla="*/ 3739356 w 11516"/>
                <a:gd name="T73" fmla="*/ 1835150 h 2834"/>
                <a:gd name="T74" fmla="*/ 3318669 w 11516"/>
                <a:gd name="T75" fmla="*/ 1393825 h 2834"/>
                <a:gd name="T76" fmla="*/ 3208338 w 11516"/>
                <a:gd name="T77" fmla="*/ 1199357 h 2834"/>
                <a:gd name="T78" fmla="*/ 3003550 w 11516"/>
                <a:gd name="T79" fmla="*/ 1338263 h 2834"/>
                <a:gd name="T80" fmla="*/ 2923381 w 11516"/>
                <a:gd name="T81" fmla="*/ 1538288 h 2834"/>
                <a:gd name="T82" fmla="*/ 2778919 w 11516"/>
                <a:gd name="T83" fmla="*/ 1179513 h 2834"/>
                <a:gd name="T84" fmla="*/ 2740025 w 11516"/>
                <a:gd name="T85" fmla="*/ 1543844 h 2834"/>
                <a:gd name="T86" fmla="*/ 1787525 w 11516"/>
                <a:gd name="T87" fmla="*/ 1326357 h 2834"/>
                <a:gd name="T88" fmla="*/ 1331913 w 11516"/>
                <a:gd name="T89" fmla="*/ 1442244 h 2834"/>
                <a:gd name="T90" fmla="*/ 1434306 w 11516"/>
                <a:gd name="T91" fmla="*/ 1926432 h 2834"/>
                <a:gd name="T92" fmla="*/ 1219994 w 11516"/>
                <a:gd name="T93" fmla="*/ 2018507 h 2834"/>
                <a:gd name="T94" fmla="*/ 906463 w 11516"/>
                <a:gd name="T95" fmla="*/ 1921669 h 2834"/>
                <a:gd name="T96" fmla="*/ 169069 w 11516"/>
                <a:gd name="T97" fmla="*/ 1797844 h 2834"/>
                <a:gd name="T98" fmla="*/ 607219 w 11516"/>
                <a:gd name="T99" fmla="*/ 196850 h 2834"/>
                <a:gd name="T100" fmla="*/ 1474788 w 11516"/>
                <a:gd name="T101" fmla="*/ 280988 h 2834"/>
                <a:gd name="T102" fmla="*/ 1694656 w 11516"/>
                <a:gd name="T103" fmla="*/ 205581 h 2834"/>
                <a:gd name="T104" fmla="*/ 2112169 w 11516"/>
                <a:gd name="T105" fmla="*/ 478631 h 2834"/>
                <a:gd name="T106" fmla="*/ 3239294 w 11516"/>
                <a:gd name="T107" fmla="*/ 435769 h 2834"/>
                <a:gd name="T108" fmla="*/ 3493294 w 11516"/>
                <a:gd name="T109" fmla="*/ 234950 h 2834"/>
                <a:gd name="T110" fmla="*/ 3676650 w 11516"/>
                <a:gd name="T111" fmla="*/ 450850 h 2834"/>
                <a:gd name="T112" fmla="*/ 3849688 w 11516"/>
                <a:gd name="T113" fmla="*/ 338931 h 2834"/>
                <a:gd name="T114" fmla="*/ 3839369 w 11516"/>
                <a:gd name="T115" fmla="*/ 427038 h 2834"/>
                <a:gd name="T116" fmla="*/ 4682331 w 11516"/>
                <a:gd name="T117" fmla="*/ 369888 h 2834"/>
                <a:gd name="T118" fmla="*/ 6019006 w 11516"/>
                <a:gd name="T119" fmla="*/ 417513 h 2834"/>
                <a:gd name="T120" fmla="*/ 6954044 w 11516"/>
                <a:gd name="T121" fmla="*/ 438944 h 2834"/>
                <a:gd name="T122" fmla="*/ 7723188 w 11516"/>
                <a:gd name="T123" fmla="*/ 268288 h 2834"/>
                <a:gd name="T124" fmla="*/ 8886825 w 11516"/>
                <a:gd name="T125" fmla="*/ 550863 h 2834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0" t="0" r="r" b="b"/>
              <a:pathLst>
                <a:path w="11516" h="2834">
                  <a:moveTo>
                    <a:pt x="11516" y="619"/>
                  </a:moveTo>
                  <a:lnTo>
                    <a:pt x="11516" y="738"/>
                  </a:lnTo>
                  <a:lnTo>
                    <a:pt x="11511" y="719"/>
                  </a:lnTo>
                  <a:lnTo>
                    <a:pt x="11504" y="684"/>
                  </a:lnTo>
                  <a:lnTo>
                    <a:pt x="11507" y="661"/>
                  </a:lnTo>
                  <a:lnTo>
                    <a:pt x="11516" y="619"/>
                  </a:lnTo>
                  <a:close/>
                  <a:moveTo>
                    <a:pt x="1277" y="2642"/>
                  </a:moveTo>
                  <a:lnTo>
                    <a:pt x="1281" y="2632"/>
                  </a:lnTo>
                  <a:lnTo>
                    <a:pt x="1279" y="2535"/>
                  </a:lnTo>
                  <a:lnTo>
                    <a:pt x="1259" y="2541"/>
                  </a:lnTo>
                  <a:lnTo>
                    <a:pt x="1259" y="2633"/>
                  </a:lnTo>
                  <a:lnTo>
                    <a:pt x="1265" y="2634"/>
                  </a:lnTo>
                  <a:lnTo>
                    <a:pt x="1271" y="2637"/>
                  </a:lnTo>
                  <a:lnTo>
                    <a:pt x="1277" y="2641"/>
                  </a:lnTo>
                  <a:lnTo>
                    <a:pt x="1277" y="2642"/>
                  </a:lnTo>
                  <a:close/>
                  <a:moveTo>
                    <a:pt x="1327" y="2588"/>
                  </a:moveTo>
                  <a:lnTo>
                    <a:pt x="1327" y="2502"/>
                  </a:lnTo>
                  <a:lnTo>
                    <a:pt x="1316" y="2489"/>
                  </a:lnTo>
                  <a:lnTo>
                    <a:pt x="1310" y="2501"/>
                  </a:lnTo>
                  <a:lnTo>
                    <a:pt x="1304" y="2513"/>
                  </a:lnTo>
                  <a:lnTo>
                    <a:pt x="1304" y="2601"/>
                  </a:lnTo>
                  <a:lnTo>
                    <a:pt x="1314" y="2594"/>
                  </a:lnTo>
                  <a:lnTo>
                    <a:pt x="1327" y="2588"/>
                  </a:lnTo>
                  <a:close/>
                  <a:moveTo>
                    <a:pt x="1343" y="2401"/>
                  </a:moveTo>
                  <a:lnTo>
                    <a:pt x="1343" y="2340"/>
                  </a:lnTo>
                  <a:lnTo>
                    <a:pt x="1341" y="2338"/>
                  </a:lnTo>
                  <a:lnTo>
                    <a:pt x="1325" y="2336"/>
                  </a:lnTo>
                  <a:lnTo>
                    <a:pt x="1325" y="2413"/>
                  </a:lnTo>
                  <a:lnTo>
                    <a:pt x="1333" y="2406"/>
                  </a:lnTo>
                  <a:lnTo>
                    <a:pt x="1343" y="2401"/>
                  </a:lnTo>
                  <a:close/>
                  <a:moveTo>
                    <a:pt x="1367" y="2359"/>
                  </a:moveTo>
                  <a:lnTo>
                    <a:pt x="1367" y="2398"/>
                  </a:lnTo>
                  <a:lnTo>
                    <a:pt x="1377" y="2401"/>
                  </a:lnTo>
                  <a:lnTo>
                    <a:pt x="1385" y="2405"/>
                  </a:lnTo>
                  <a:lnTo>
                    <a:pt x="1385" y="2365"/>
                  </a:lnTo>
                  <a:lnTo>
                    <a:pt x="1375" y="2362"/>
                  </a:lnTo>
                  <a:lnTo>
                    <a:pt x="1367" y="2359"/>
                  </a:lnTo>
                  <a:close/>
                  <a:moveTo>
                    <a:pt x="1386" y="2598"/>
                  </a:moveTo>
                  <a:lnTo>
                    <a:pt x="1386" y="2525"/>
                  </a:lnTo>
                  <a:lnTo>
                    <a:pt x="1381" y="2524"/>
                  </a:lnTo>
                  <a:lnTo>
                    <a:pt x="1374" y="2521"/>
                  </a:lnTo>
                  <a:lnTo>
                    <a:pt x="1367" y="2516"/>
                  </a:lnTo>
                  <a:lnTo>
                    <a:pt x="1360" y="2517"/>
                  </a:lnTo>
                  <a:lnTo>
                    <a:pt x="1350" y="2516"/>
                  </a:lnTo>
                  <a:lnTo>
                    <a:pt x="1350" y="2584"/>
                  </a:lnTo>
                  <a:lnTo>
                    <a:pt x="1370" y="2588"/>
                  </a:lnTo>
                  <a:lnTo>
                    <a:pt x="1386" y="2598"/>
                  </a:lnTo>
                  <a:close/>
                  <a:moveTo>
                    <a:pt x="1428" y="2625"/>
                  </a:moveTo>
                  <a:lnTo>
                    <a:pt x="1428" y="2547"/>
                  </a:lnTo>
                  <a:lnTo>
                    <a:pt x="1418" y="2533"/>
                  </a:lnTo>
                  <a:lnTo>
                    <a:pt x="1412" y="2516"/>
                  </a:lnTo>
                  <a:lnTo>
                    <a:pt x="1410" y="2626"/>
                  </a:lnTo>
                  <a:lnTo>
                    <a:pt x="1416" y="2640"/>
                  </a:lnTo>
                  <a:lnTo>
                    <a:pt x="1421" y="2632"/>
                  </a:lnTo>
                  <a:lnTo>
                    <a:pt x="1428" y="2625"/>
                  </a:lnTo>
                  <a:close/>
                  <a:moveTo>
                    <a:pt x="1429" y="2425"/>
                  </a:moveTo>
                  <a:lnTo>
                    <a:pt x="1429" y="2356"/>
                  </a:lnTo>
                  <a:lnTo>
                    <a:pt x="1409" y="2365"/>
                  </a:lnTo>
                  <a:lnTo>
                    <a:pt x="1409" y="2436"/>
                  </a:lnTo>
                  <a:lnTo>
                    <a:pt x="1410" y="2445"/>
                  </a:lnTo>
                  <a:lnTo>
                    <a:pt x="1412" y="2455"/>
                  </a:lnTo>
                  <a:lnTo>
                    <a:pt x="1420" y="2439"/>
                  </a:lnTo>
                  <a:lnTo>
                    <a:pt x="1429" y="2425"/>
                  </a:lnTo>
                  <a:close/>
                  <a:moveTo>
                    <a:pt x="1470" y="2613"/>
                  </a:moveTo>
                  <a:lnTo>
                    <a:pt x="1470" y="2572"/>
                  </a:lnTo>
                  <a:lnTo>
                    <a:pt x="1460" y="2570"/>
                  </a:lnTo>
                  <a:lnTo>
                    <a:pt x="1452" y="2566"/>
                  </a:lnTo>
                  <a:lnTo>
                    <a:pt x="1451" y="2613"/>
                  </a:lnTo>
                  <a:lnTo>
                    <a:pt x="1460" y="2611"/>
                  </a:lnTo>
                  <a:lnTo>
                    <a:pt x="1470" y="2613"/>
                  </a:lnTo>
                  <a:close/>
                  <a:moveTo>
                    <a:pt x="1476" y="2402"/>
                  </a:moveTo>
                  <a:lnTo>
                    <a:pt x="1476" y="2325"/>
                  </a:lnTo>
                  <a:lnTo>
                    <a:pt x="1466" y="2312"/>
                  </a:lnTo>
                  <a:lnTo>
                    <a:pt x="1453" y="2335"/>
                  </a:lnTo>
                  <a:lnTo>
                    <a:pt x="1453" y="2408"/>
                  </a:lnTo>
                  <a:lnTo>
                    <a:pt x="1464" y="2404"/>
                  </a:lnTo>
                  <a:lnTo>
                    <a:pt x="1476" y="2402"/>
                  </a:lnTo>
                  <a:close/>
                  <a:moveTo>
                    <a:pt x="1707" y="2243"/>
                  </a:moveTo>
                  <a:lnTo>
                    <a:pt x="1707" y="2296"/>
                  </a:lnTo>
                  <a:lnTo>
                    <a:pt x="1721" y="2305"/>
                  </a:lnTo>
                  <a:lnTo>
                    <a:pt x="1721" y="2219"/>
                  </a:lnTo>
                  <a:lnTo>
                    <a:pt x="1707" y="2243"/>
                  </a:lnTo>
                  <a:close/>
                  <a:moveTo>
                    <a:pt x="1686" y="2456"/>
                  </a:moveTo>
                  <a:lnTo>
                    <a:pt x="1686" y="2495"/>
                  </a:lnTo>
                  <a:lnTo>
                    <a:pt x="1707" y="2482"/>
                  </a:lnTo>
                  <a:lnTo>
                    <a:pt x="1707" y="2450"/>
                  </a:lnTo>
                  <a:lnTo>
                    <a:pt x="1686" y="2456"/>
                  </a:lnTo>
                  <a:close/>
                  <a:moveTo>
                    <a:pt x="1663" y="2273"/>
                  </a:moveTo>
                  <a:lnTo>
                    <a:pt x="1663" y="2288"/>
                  </a:lnTo>
                  <a:lnTo>
                    <a:pt x="1673" y="2286"/>
                  </a:lnTo>
                  <a:lnTo>
                    <a:pt x="1684" y="2288"/>
                  </a:lnTo>
                  <a:lnTo>
                    <a:pt x="1684" y="2265"/>
                  </a:lnTo>
                  <a:lnTo>
                    <a:pt x="1663" y="2273"/>
                  </a:lnTo>
                  <a:close/>
                  <a:moveTo>
                    <a:pt x="1644" y="2502"/>
                  </a:moveTo>
                  <a:lnTo>
                    <a:pt x="1644" y="2524"/>
                  </a:lnTo>
                  <a:lnTo>
                    <a:pt x="1649" y="2525"/>
                  </a:lnTo>
                  <a:lnTo>
                    <a:pt x="1661" y="2532"/>
                  </a:lnTo>
                  <a:lnTo>
                    <a:pt x="1663" y="2456"/>
                  </a:lnTo>
                  <a:lnTo>
                    <a:pt x="1653" y="2455"/>
                  </a:lnTo>
                  <a:lnTo>
                    <a:pt x="1645" y="2451"/>
                  </a:lnTo>
                  <a:lnTo>
                    <a:pt x="1644" y="2472"/>
                  </a:lnTo>
                  <a:lnTo>
                    <a:pt x="1646" y="2486"/>
                  </a:lnTo>
                  <a:lnTo>
                    <a:pt x="1646" y="2489"/>
                  </a:lnTo>
                  <a:lnTo>
                    <a:pt x="1644" y="2502"/>
                  </a:lnTo>
                  <a:close/>
                  <a:moveTo>
                    <a:pt x="1621" y="2266"/>
                  </a:moveTo>
                  <a:lnTo>
                    <a:pt x="1621" y="2311"/>
                  </a:lnTo>
                  <a:lnTo>
                    <a:pt x="1640" y="2296"/>
                  </a:lnTo>
                  <a:lnTo>
                    <a:pt x="1640" y="2273"/>
                  </a:lnTo>
                  <a:lnTo>
                    <a:pt x="1630" y="2270"/>
                  </a:lnTo>
                  <a:lnTo>
                    <a:pt x="1622" y="2267"/>
                  </a:lnTo>
                  <a:lnTo>
                    <a:pt x="1621" y="2266"/>
                  </a:lnTo>
                  <a:close/>
                  <a:moveTo>
                    <a:pt x="1580" y="2217"/>
                  </a:moveTo>
                  <a:lnTo>
                    <a:pt x="1580" y="2334"/>
                  </a:lnTo>
                  <a:lnTo>
                    <a:pt x="1590" y="2335"/>
                  </a:lnTo>
                  <a:lnTo>
                    <a:pt x="1598" y="2339"/>
                  </a:lnTo>
                  <a:lnTo>
                    <a:pt x="1598" y="2247"/>
                  </a:lnTo>
                  <a:lnTo>
                    <a:pt x="1588" y="2234"/>
                  </a:lnTo>
                  <a:lnTo>
                    <a:pt x="1582" y="2216"/>
                  </a:lnTo>
                  <a:lnTo>
                    <a:pt x="1580" y="2217"/>
                  </a:lnTo>
                  <a:close/>
                  <a:moveTo>
                    <a:pt x="1510" y="2339"/>
                  </a:moveTo>
                  <a:lnTo>
                    <a:pt x="1499" y="2339"/>
                  </a:lnTo>
                  <a:lnTo>
                    <a:pt x="1499" y="2404"/>
                  </a:lnTo>
                  <a:lnTo>
                    <a:pt x="1516" y="2412"/>
                  </a:lnTo>
                  <a:lnTo>
                    <a:pt x="1530" y="2424"/>
                  </a:lnTo>
                  <a:lnTo>
                    <a:pt x="1541" y="2439"/>
                  </a:lnTo>
                  <a:lnTo>
                    <a:pt x="1549" y="2456"/>
                  </a:lnTo>
                  <a:lnTo>
                    <a:pt x="1563" y="2440"/>
                  </a:lnTo>
                  <a:lnTo>
                    <a:pt x="1579" y="2431"/>
                  </a:lnTo>
                  <a:lnTo>
                    <a:pt x="1579" y="2410"/>
                  </a:lnTo>
                  <a:lnTo>
                    <a:pt x="1574" y="2409"/>
                  </a:lnTo>
                  <a:lnTo>
                    <a:pt x="1563" y="2404"/>
                  </a:lnTo>
                  <a:lnTo>
                    <a:pt x="1556" y="2396"/>
                  </a:lnTo>
                  <a:lnTo>
                    <a:pt x="1551" y="2386"/>
                  </a:lnTo>
                  <a:lnTo>
                    <a:pt x="1548" y="2374"/>
                  </a:lnTo>
                  <a:lnTo>
                    <a:pt x="1548" y="2371"/>
                  </a:lnTo>
                  <a:lnTo>
                    <a:pt x="1551" y="2358"/>
                  </a:lnTo>
                  <a:lnTo>
                    <a:pt x="1556" y="2347"/>
                  </a:lnTo>
                  <a:lnTo>
                    <a:pt x="1556" y="2307"/>
                  </a:lnTo>
                  <a:lnTo>
                    <a:pt x="1548" y="2320"/>
                  </a:lnTo>
                  <a:lnTo>
                    <a:pt x="1537" y="2331"/>
                  </a:lnTo>
                  <a:lnTo>
                    <a:pt x="1525" y="2338"/>
                  </a:lnTo>
                  <a:lnTo>
                    <a:pt x="1510" y="2339"/>
                  </a:lnTo>
                  <a:close/>
                  <a:moveTo>
                    <a:pt x="2983" y="434"/>
                  </a:moveTo>
                  <a:lnTo>
                    <a:pt x="2983" y="460"/>
                  </a:lnTo>
                  <a:lnTo>
                    <a:pt x="3004" y="460"/>
                  </a:lnTo>
                  <a:lnTo>
                    <a:pt x="3003" y="433"/>
                  </a:lnTo>
                  <a:lnTo>
                    <a:pt x="2983" y="434"/>
                  </a:lnTo>
                  <a:close/>
                  <a:moveTo>
                    <a:pt x="2983" y="479"/>
                  </a:moveTo>
                  <a:lnTo>
                    <a:pt x="2983" y="506"/>
                  </a:lnTo>
                  <a:lnTo>
                    <a:pt x="3004" y="506"/>
                  </a:lnTo>
                  <a:lnTo>
                    <a:pt x="3004" y="479"/>
                  </a:lnTo>
                  <a:lnTo>
                    <a:pt x="2983" y="479"/>
                  </a:lnTo>
                  <a:close/>
                  <a:moveTo>
                    <a:pt x="2984" y="524"/>
                  </a:moveTo>
                  <a:lnTo>
                    <a:pt x="2984" y="551"/>
                  </a:lnTo>
                  <a:lnTo>
                    <a:pt x="3004" y="551"/>
                  </a:lnTo>
                  <a:lnTo>
                    <a:pt x="3004" y="524"/>
                  </a:lnTo>
                  <a:lnTo>
                    <a:pt x="2984" y="524"/>
                  </a:lnTo>
                  <a:close/>
                  <a:moveTo>
                    <a:pt x="2984" y="570"/>
                  </a:moveTo>
                  <a:lnTo>
                    <a:pt x="2984" y="597"/>
                  </a:lnTo>
                  <a:lnTo>
                    <a:pt x="3006" y="597"/>
                  </a:lnTo>
                  <a:lnTo>
                    <a:pt x="3006" y="570"/>
                  </a:lnTo>
                  <a:lnTo>
                    <a:pt x="2984" y="570"/>
                  </a:lnTo>
                  <a:close/>
                  <a:moveTo>
                    <a:pt x="2985" y="643"/>
                  </a:moveTo>
                  <a:lnTo>
                    <a:pt x="3006" y="643"/>
                  </a:lnTo>
                  <a:lnTo>
                    <a:pt x="3006" y="616"/>
                  </a:lnTo>
                  <a:lnTo>
                    <a:pt x="2985" y="616"/>
                  </a:lnTo>
                  <a:lnTo>
                    <a:pt x="2985" y="643"/>
                  </a:lnTo>
                  <a:close/>
                  <a:moveTo>
                    <a:pt x="3030" y="479"/>
                  </a:moveTo>
                  <a:lnTo>
                    <a:pt x="3030" y="506"/>
                  </a:lnTo>
                  <a:lnTo>
                    <a:pt x="3051" y="506"/>
                  </a:lnTo>
                  <a:lnTo>
                    <a:pt x="3051" y="479"/>
                  </a:lnTo>
                  <a:lnTo>
                    <a:pt x="3030" y="479"/>
                  </a:lnTo>
                  <a:close/>
                  <a:moveTo>
                    <a:pt x="3031" y="524"/>
                  </a:moveTo>
                  <a:lnTo>
                    <a:pt x="3031" y="551"/>
                  </a:lnTo>
                  <a:lnTo>
                    <a:pt x="3051" y="551"/>
                  </a:lnTo>
                  <a:lnTo>
                    <a:pt x="3051" y="524"/>
                  </a:lnTo>
                  <a:lnTo>
                    <a:pt x="3031" y="524"/>
                  </a:lnTo>
                  <a:close/>
                  <a:moveTo>
                    <a:pt x="3031" y="570"/>
                  </a:moveTo>
                  <a:lnTo>
                    <a:pt x="3031" y="597"/>
                  </a:lnTo>
                  <a:lnTo>
                    <a:pt x="3053" y="597"/>
                  </a:lnTo>
                  <a:lnTo>
                    <a:pt x="3051" y="570"/>
                  </a:lnTo>
                  <a:lnTo>
                    <a:pt x="3031" y="570"/>
                  </a:lnTo>
                  <a:close/>
                  <a:moveTo>
                    <a:pt x="3033" y="643"/>
                  </a:moveTo>
                  <a:lnTo>
                    <a:pt x="3053" y="642"/>
                  </a:lnTo>
                  <a:lnTo>
                    <a:pt x="3053" y="616"/>
                  </a:lnTo>
                  <a:lnTo>
                    <a:pt x="3031" y="616"/>
                  </a:lnTo>
                  <a:lnTo>
                    <a:pt x="3033" y="643"/>
                  </a:lnTo>
                  <a:close/>
                  <a:moveTo>
                    <a:pt x="3204" y="587"/>
                  </a:moveTo>
                  <a:lnTo>
                    <a:pt x="3224" y="585"/>
                  </a:lnTo>
                  <a:lnTo>
                    <a:pt x="3224" y="558"/>
                  </a:lnTo>
                  <a:lnTo>
                    <a:pt x="3204" y="560"/>
                  </a:lnTo>
                  <a:lnTo>
                    <a:pt x="3204" y="587"/>
                  </a:lnTo>
                  <a:close/>
                  <a:moveTo>
                    <a:pt x="3312" y="496"/>
                  </a:moveTo>
                  <a:lnTo>
                    <a:pt x="3333" y="496"/>
                  </a:lnTo>
                  <a:lnTo>
                    <a:pt x="3333" y="469"/>
                  </a:lnTo>
                  <a:lnTo>
                    <a:pt x="3312" y="469"/>
                  </a:lnTo>
                  <a:lnTo>
                    <a:pt x="3312" y="496"/>
                  </a:lnTo>
                  <a:close/>
                  <a:moveTo>
                    <a:pt x="3359" y="470"/>
                  </a:moveTo>
                  <a:lnTo>
                    <a:pt x="3359" y="497"/>
                  </a:lnTo>
                  <a:lnTo>
                    <a:pt x="3381" y="497"/>
                  </a:lnTo>
                  <a:lnTo>
                    <a:pt x="3379" y="470"/>
                  </a:lnTo>
                  <a:lnTo>
                    <a:pt x="3359" y="470"/>
                  </a:lnTo>
                  <a:close/>
                  <a:moveTo>
                    <a:pt x="3359" y="523"/>
                  </a:moveTo>
                  <a:lnTo>
                    <a:pt x="3360" y="550"/>
                  </a:lnTo>
                  <a:lnTo>
                    <a:pt x="3381" y="550"/>
                  </a:lnTo>
                  <a:lnTo>
                    <a:pt x="3381" y="523"/>
                  </a:lnTo>
                  <a:lnTo>
                    <a:pt x="3359" y="523"/>
                  </a:lnTo>
                  <a:close/>
                  <a:moveTo>
                    <a:pt x="3360" y="603"/>
                  </a:moveTo>
                  <a:lnTo>
                    <a:pt x="3382" y="603"/>
                  </a:lnTo>
                  <a:lnTo>
                    <a:pt x="3381" y="576"/>
                  </a:lnTo>
                  <a:lnTo>
                    <a:pt x="3360" y="576"/>
                  </a:lnTo>
                  <a:lnTo>
                    <a:pt x="3360" y="603"/>
                  </a:lnTo>
                  <a:close/>
                  <a:moveTo>
                    <a:pt x="3518" y="425"/>
                  </a:moveTo>
                  <a:lnTo>
                    <a:pt x="3539" y="425"/>
                  </a:lnTo>
                  <a:lnTo>
                    <a:pt x="3539" y="398"/>
                  </a:lnTo>
                  <a:lnTo>
                    <a:pt x="3517" y="398"/>
                  </a:lnTo>
                  <a:lnTo>
                    <a:pt x="3518" y="425"/>
                  </a:lnTo>
                  <a:close/>
                  <a:moveTo>
                    <a:pt x="4122" y="612"/>
                  </a:moveTo>
                  <a:lnTo>
                    <a:pt x="4122" y="568"/>
                  </a:lnTo>
                  <a:lnTo>
                    <a:pt x="4114" y="557"/>
                  </a:lnTo>
                  <a:lnTo>
                    <a:pt x="4108" y="545"/>
                  </a:lnTo>
                  <a:lnTo>
                    <a:pt x="4108" y="615"/>
                  </a:lnTo>
                  <a:lnTo>
                    <a:pt x="4122" y="612"/>
                  </a:lnTo>
                  <a:close/>
                  <a:moveTo>
                    <a:pt x="4151" y="607"/>
                  </a:moveTo>
                  <a:lnTo>
                    <a:pt x="4151" y="585"/>
                  </a:lnTo>
                  <a:lnTo>
                    <a:pt x="4139" y="581"/>
                  </a:lnTo>
                  <a:lnTo>
                    <a:pt x="4139" y="609"/>
                  </a:lnTo>
                  <a:lnTo>
                    <a:pt x="4151" y="607"/>
                  </a:lnTo>
                  <a:close/>
                  <a:moveTo>
                    <a:pt x="4185" y="603"/>
                  </a:moveTo>
                  <a:lnTo>
                    <a:pt x="4185" y="580"/>
                  </a:lnTo>
                  <a:lnTo>
                    <a:pt x="4170" y="585"/>
                  </a:lnTo>
                  <a:lnTo>
                    <a:pt x="4170" y="605"/>
                  </a:lnTo>
                  <a:lnTo>
                    <a:pt x="4185" y="603"/>
                  </a:lnTo>
                  <a:close/>
                  <a:moveTo>
                    <a:pt x="4220" y="600"/>
                  </a:moveTo>
                  <a:lnTo>
                    <a:pt x="4220" y="557"/>
                  </a:lnTo>
                  <a:lnTo>
                    <a:pt x="4212" y="546"/>
                  </a:lnTo>
                  <a:lnTo>
                    <a:pt x="4203" y="564"/>
                  </a:lnTo>
                  <a:lnTo>
                    <a:pt x="4203" y="601"/>
                  </a:lnTo>
                  <a:lnTo>
                    <a:pt x="4220" y="600"/>
                  </a:lnTo>
                  <a:close/>
                  <a:moveTo>
                    <a:pt x="4232" y="481"/>
                  </a:moveTo>
                  <a:lnTo>
                    <a:pt x="4232" y="435"/>
                  </a:lnTo>
                  <a:lnTo>
                    <a:pt x="4226" y="425"/>
                  </a:lnTo>
                  <a:lnTo>
                    <a:pt x="4220" y="412"/>
                  </a:lnTo>
                  <a:lnTo>
                    <a:pt x="4219" y="491"/>
                  </a:lnTo>
                  <a:lnTo>
                    <a:pt x="4232" y="481"/>
                  </a:lnTo>
                  <a:close/>
                  <a:moveTo>
                    <a:pt x="4250" y="450"/>
                  </a:moveTo>
                  <a:lnTo>
                    <a:pt x="4250" y="480"/>
                  </a:lnTo>
                  <a:lnTo>
                    <a:pt x="4263" y="484"/>
                  </a:lnTo>
                  <a:lnTo>
                    <a:pt x="4263" y="454"/>
                  </a:lnTo>
                  <a:lnTo>
                    <a:pt x="4250" y="450"/>
                  </a:lnTo>
                  <a:close/>
                  <a:moveTo>
                    <a:pt x="4265" y="599"/>
                  </a:moveTo>
                  <a:lnTo>
                    <a:pt x="4265" y="573"/>
                  </a:lnTo>
                  <a:lnTo>
                    <a:pt x="4257" y="572"/>
                  </a:lnTo>
                  <a:lnTo>
                    <a:pt x="4250" y="566"/>
                  </a:lnTo>
                  <a:lnTo>
                    <a:pt x="4244" y="568"/>
                  </a:lnTo>
                  <a:lnTo>
                    <a:pt x="4238" y="566"/>
                  </a:lnTo>
                  <a:lnTo>
                    <a:pt x="4238" y="600"/>
                  </a:lnTo>
                  <a:lnTo>
                    <a:pt x="4265" y="599"/>
                  </a:lnTo>
                  <a:close/>
                  <a:moveTo>
                    <a:pt x="4294" y="599"/>
                  </a:moveTo>
                  <a:lnTo>
                    <a:pt x="4294" y="589"/>
                  </a:lnTo>
                  <a:lnTo>
                    <a:pt x="4288" y="578"/>
                  </a:lnTo>
                  <a:lnTo>
                    <a:pt x="4282" y="566"/>
                  </a:lnTo>
                  <a:lnTo>
                    <a:pt x="4282" y="599"/>
                  </a:lnTo>
                  <a:lnTo>
                    <a:pt x="4294" y="599"/>
                  </a:lnTo>
                  <a:close/>
                  <a:moveTo>
                    <a:pt x="4296" y="500"/>
                  </a:moveTo>
                  <a:lnTo>
                    <a:pt x="4296" y="449"/>
                  </a:lnTo>
                  <a:lnTo>
                    <a:pt x="4281" y="454"/>
                  </a:lnTo>
                  <a:lnTo>
                    <a:pt x="4281" y="507"/>
                  </a:lnTo>
                  <a:lnTo>
                    <a:pt x="4284" y="522"/>
                  </a:lnTo>
                  <a:lnTo>
                    <a:pt x="4289" y="510"/>
                  </a:lnTo>
                  <a:lnTo>
                    <a:pt x="4296" y="500"/>
                  </a:lnTo>
                  <a:close/>
                  <a:moveTo>
                    <a:pt x="4331" y="483"/>
                  </a:moveTo>
                  <a:lnTo>
                    <a:pt x="4331" y="425"/>
                  </a:lnTo>
                  <a:lnTo>
                    <a:pt x="4323" y="415"/>
                  </a:lnTo>
                  <a:lnTo>
                    <a:pt x="4313" y="433"/>
                  </a:lnTo>
                  <a:lnTo>
                    <a:pt x="4313" y="487"/>
                  </a:lnTo>
                  <a:lnTo>
                    <a:pt x="4331" y="483"/>
                  </a:lnTo>
                  <a:close/>
                  <a:moveTo>
                    <a:pt x="4393" y="608"/>
                  </a:moveTo>
                  <a:lnTo>
                    <a:pt x="4393" y="578"/>
                  </a:lnTo>
                  <a:lnTo>
                    <a:pt x="4386" y="568"/>
                  </a:lnTo>
                  <a:lnTo>
                    <a:pt x="4377" y="587"/>
                  </a:lnTo>
                  <a:lnTo>
                    <a:pt x="4377" y="605"/>
                  </a:lnTo>
                  <a:lnTo>
                    <a:pt x="4393" y="608"/>
                  </a:lnTo>
                  <a:close/>
                  <a:moveTo>
                    <a:pt x="4408" y="503"/>
                  </a:moveTo>
                  <a:lnTo>
                    <a:pt x="4408" y="488"/>
                  </a:lnTo>
                  <a:lnTo>
                    <a:pt x="4398" y="485"/>
                  </a:lnTo>
                  <a:lnTo>
                    <a:pt x="4392" y="480"/>
                  </a:lnTo>
                  <a:lnTo>
                    <a:pt x="4386" y="472"/>
                  </a:lnTo>
                  <a:lnTo>
                    <a:pt x="4383" y="461"/>
                  </a:lnTo>
                  <a:lnTo>
                    <a:pt x="4385" y="458"/>
                  </a:lnTo>
                  <a:lnTo>
                    <a:pt x="4386" y="449"/>
                  </a:lnTo>
                  <a:lnTo>
                    <a:pt x="4390" y="441"/>
                  </a:lnTo>
                  <a:lnTo>
                    <a:pt x="4390" y="411"/>
                  </a:lnTo>
                  <a:lnTo>
                    <a:pt x="4385" y="421"/>
                  </a:lnTo>
                  <a:lnTo>
                    <a:pt x="4377" y="429"/>
                  </a:lnTo>
                  <a:lnTo>
                    <a:pt x="4367" y="434"/>
                  </a:lnTo>
                  <a:lnTo>
                    <a:pt x="4355" y="435"/>
                  </a:lnTo>
                  <a:lnTo>
                    <a:pt x="4348" y="435"/>
                  </a:lnTo>
                  <a:lnTo>
                    <a:pt x="4348" y="484"/>
                  </a:lnTo>
                  <a:lnTo>
                    <a:pt x="4360" y="489"/>
                  </a:lnTo>
                  <a:lnTo>
                    <a:pt x="4371" y="497"/>
                  </a:lnTo>
                  <a:lnTo>
                    <a:pt x="4379" y="510"/>
                  </a:lnTo>
                  <a:lnTo>
                    <a:pt x="4386" y="522"/>
                  </a:lnTo>
                  <a:lnTo>
                    <a:pt x="4394" y="511"/>
                  </a:lnTo>
                  <a:lnTo>
                    <a:pt x="4408" y="503"/>
                  </a:lnTo>
                  <a:close/>
                  <a:moveTo>
                    <a:pt x="4408" y="431"/>
                  </a:moveTo>
                  <a:lnTo>
                    <a:pt x="4421" y="435"/>
                  </a:lnTo>
                  <a:lnTo>
                    <a:pt x="4421" y="368"/>
                  </a:lnTo>
                  <a:lnTo>
                    <a:pt x="4413" y="357"/>
                  </a:lnTo>
                  <a:lnTo>
                    <a:pt x="4409" y="345"/>
                  </a:lnTo>
                  <a:lnTo>
                    <a:pt x="4408" y="431"/>
                  </a:lnTo>
                  <a:close/>
                  <a:moveTo>
                    <a:pt x="4428" y="601"/>
                  </a:moveTo>
                  <a:lnTo>
                    <a:pt x="4429" y="593"/>
                  </a:lnTo>
                  <a:lnTo>
                    <a:pt x="4432" y="587"/>
                  </a:lnTo>
                  <a:lnTo>
                    <a:pt x="4419" y="589"/>
                  </a:lnTo>
                  <a:lnTo>
                    <a:pt x="4412" y="589"/>
                  </a:lnTo>
                  <a:lnTo>
                    <a:pt x="4412" y="611"/>
                  </a:lnTo>
                  <a:lnTo>
                    <a:pt x="4432" y="615"/>
                  </a:lnTo>
                  <a:lnTo>
                    <a:pt x="4428" y="601"/>
                  </a:lnTo>
                  <a:close/>
                  <a:moveTo>
                    <a:pt x="4437" y="507"/>
                  </a:moveTo>
                  <a:lnTo>
                    <a:pt x="4437" y="504"/>
                  </a:lnTo>
                  <a:lnTo>
                    <a:pt x="4431" y="493"/>
                  </a:lnTo>
                  <a:lnTo>
                    <a:pt x="4425" y="481"/>
                  </a:lnTo>
                  <a:lnTo>
                    <a:pt x="4425" y="502"/>
                  </a:lnTo>
                  <a:lnTo>
                    <a:pt x="4437" y="507"/>
                  </a:lnTo>
                  <a:close/>
                  <a:moveTo>
                    <a:pt x="4452" y="404"/>
                  </a:moveTo>
                  <a:lnTo>
                    <a:pt x="4452" y="386"/>
                  </a:lnTo>
                  <a:lnTo>
                    <a:pt x="4439" y="381"/>
                  </a:lnTo>
                  <a:lnTo>
                    <a:pt x="4439" y="415"/>
                  </a:lnTo>
                  <a:lnTo>
                    <a:pt x="4452" y="404"/>
                  </a:lnTo>
                  <a:close/>
                  <a:moveTo>
                    <a:pt x="4468" y="578"/>
                  </a:moveTo>
                  <a:lnTo>
                    <a:pt x="4468" y="523"/>
                  </a:lnTo>
                  <a:lnTo>
                    <a:pt x="4456" y="518"/>
                  </a:lnTo>
                  <a:lnTo>
                    <a:pt x="4456" y="535"/>
                  </a:lnTo>
                  <a:lnTo>
                    <a:pt x="4456" y="545"/>
                  </a:lnTo>
                  <a:lnTo>
                    <a:pt x="4456" y="546"/>
                  </a:lnTo>
                  <a:lnTo>
                    <a:pt x="4456" y="555"/>
                  </a:lnTo>
                  <a:lnTo>
                    <a:pt x="4456" y="573"/>
                  </a:lnTo>
                  <a:lnTo>
                    <a:pt x="4463" y="574"/>
                  </a:lnTo>
                  <a:lnTo>
                    <a:pt x="4468" y="578"/>
                  </a:lnTo>
                  <a:close/>
                  <a:moveTo>
                    <a:pt x="4485" y="398"/>
                  </a:moveTo>
                  <a:lnTo>
                    <a:pt x="4485" y="380"/>
                  </a:lnTo>
                  <a:lnTo>
                    <a:pt x="4470" y="386"/>
                  </a:lnTo>
                  <a:lnTo>
                    <a:pt x="4470" y="398"/>
                  </a:lnTo>
                  <a:lnTo>
                    <a:pt x="4478" y="396"/>
                  </a:lnTo>
                  <a:lnTo>
                    <a:pt x="4485" y="398"/>
                  </a:lnTo>
                  <a:close/>
                  <a:moveTo>
                    <a:pt x="4502" y="542"/>
                  </a:moveTo>
                  <a:lnTo>
                    <a:pt x="4502" y="518"/>
                  </a:lnTo>
                  <a:lnTo>
                    <a:pt x="4486" y="523"/>
                  </a:lnTo>
                  <a:lnTo>
                    <a:pt x="4486" y="551"/>
                  </a:lnTo>
                  <a:lnTo>
                    <a:pt x="4502" y="542"/>
                  </a:lnTo>
                  <a:close/>
                  <a:moveTo>
                    <a:pt x="4512" y="411"/>
                  </a:moveTo>
                  <a:lnTo>
                    <a:pt x="4512" y="346"/>
                  </a:lnTo>
                  <a:lnTo>
                    <a:pt x="4502" y="364"/>
                  </a:lnTo>
                  <a:lnTo>
                    <a:pt x="4502" y="403"/>
                  </a:lnTo>
                  <a:lnTo>
                    <a:pt x="4512" y="411"/>
                  </a:lnTo>
                  <a:close/>
                  <a:moveTo>
                    <a:pt x="4655" y="574"/>
                  </a:moveTo>
                  <a:lnTo>
                    <a:pt x="4647" y="580"/>
                  </a:lnTo>
                  <a:lnTo>
                    <a:pt x="4663" y="596"/>
                  </a:lnTo>
                  <a:lnTo>
                    <a:pt x="4655" y="574"/>
                  </a:lnTo>
                  <a:close/>
                  <a:moveTo>
                    <a:pt x="4664" y="613"/>
                  </a:moveTo>
                  <a:lnTo>
                    <a:pt x="4671" y="613"/>
                  </a:lnTo>
                  <a:lnTo>
                    <a:pt x="4668" y="608"/>
                  </a:lnTo>
                  <a:lnTo>
                    <a:pt x="4644" y="592"/>
                  </a:lnTo>
                  <a:lnTo>
                    <a:pt x="4644" y="600"/>
                  </a:lnTo>
                  <a:lnTo>
                    <a:pt x="4664" y="613"/>
                  </a:lnTo>
                  <a:close/>
                  <a:moveTo>
                    <a:pt x="4676" y="608"/>
                  </a:moveTo>
                  <a:lnTo>
                    <a:pt x="4678" y="605"/>
                  </a:lnTo>
                  <a:lnTo>
                    <a:pt x="4672" y="568"/>
                  </a:lnTo>
                  <a:lnTo>
                    <a:pt x="4664" y="570"/>
                  </a:lnTo>
                  <a:lnTo>
                    <a:pt x="4674" y="605"/>
                  </a:lnTo>
                  <a:lnTo>
                    <a:pt x="4676" y="608"/>
                  </a:lnTo>
                  <a:close/>
                  <a:moveTo>
                    <a:pt x="4814" y="479"/>
                  </a:moveTo>
                  <a:lnTo>
                    <a:pt x="4814" y="483"/>
                  </a:lnTo>
                  <a:lnTo>
                    <a:pt x="4817" y="492"/>
                  </a:lnTo>
                  <a:lnTo>
                    <a:pt x="4819" y="503"/>
                  </a:lnTo>
                  <a:lnTo>
                    <a:pt x="4821" y="507"/>
                  </a:lnTo>
                  <a:lnTo>
                    <a:pt x="4822" y="510"/>
                  </a:lnTo>
                  <a:lnTo>
                    <a:pt x="4823" y="512"/>
                  </a:lnTo>
                  <a:lnTo>
                    <a:pt x="4823" y="514"/>
                  </a:lnTo>
                  <a:lnTo>
                    <a:pt x="4826" y="515"/>
                  </a:lnTo>
                  <a:lnTo>
                    <a:pt x="4829" y="518"/>
                  </a:lnTo>
                  <a:lnTo>
                    <a:pt x="4830" y="522"/>
                  </a:lnTo>
                  <a:lnTo>
                    <a:pt x="4834" y="523"/>
                  </a:lnTo>
                  <a:lnTo>
                    <a:pt x="4846" y="522"/>
                  </a:lnTo>
                  <a:lnTo>
                    <a:pt x="4844" y="518"/>
                  </a:lnTo>
                  <a:lnTo>
                    <a:pt x="4837" y="515"/>
                  </a:lnTo>
                  <a:lnTo>
                    <a:pt x="4834" y="508"/>
                  </a:lnTo>
                  <a:lnTo>
                    <a:pt x="4830" y="500"/>
                  </a:lnTo>
                  <a:lnTo>
                    <a:pt x="4823" y="484"/>
                  </a:lnTo>
                  <a:lnTo>
                    <a:pt x="4825" y="477"/>
                  </a:lnTo>
                  <a:lnTo>
                    <a:pt x="4823" y="473"/>
                  </a:lnTo>
                  <a:lnTo>
                    <a:pt x="4821" y="469"/>
                  </a:lnTo>
                  <a:lnTo>
                    <a:pt x="4819" y="465"/>
                  </a:lnTo>
                  <a:lnTo>
                    <a:pt x="4817" y="469"/>
                  </a:lnTo>
                  <a:lnTo>
                    <a:pt x="4814" y="473"/>
                  </a:lnTo>
                  <a:lnTo>
                    <a:pt x="4814" y="479"/>
                  </a:lnTo>
                  <a:close/>
                  <a:moveTo>
                    <a:pt x="4784" y="487"/>
                  </a:moveTo>
                  <a:lnTo>
                    <a:pt x="4782" y="488"/>
                  </a:lnTo>
                  <a:lnTo>
                    <a:pt x="4782" y="491"/>
                  </a:lnTo>
                  <a:lnTo>
                    <a:pt x="4784" y="500"/>
                  </a:lnTo>
                  <a:lnTo>
                    <a:pt x="4787" y="514"/>
                  </a:lnTo>
                  <a:lnTo>
                    <a:pt x="4790" y="522"/>
                  </a:lnTo>
                  <a:lnTo>
                    <a:pt x="4792" y="530"/>
                  </a:lnTo>
                  <a:lnTo>
                    <a:pt x="4794" y="534"/>
                  </a:lnTo>
                  <a:lnTo>
                    <a:pt x="4794" y="538"/>
                  </a:lnTo>
                  <a:lnTo>
                    <a:pt x="4811" y="538"/>
                  </a:lnTo>
                  <a:lnTo>
                    <a:pt x="4811" y="535"/>
                  </a:lnTo>
                  <a:lnTo>
                    <a:pt x="4811" y="533"/>
                  </a:lnTo>
                  <a:lnTo>
                    <a:pt x="4810" y="527"/>
                  </a:lnTo>
                  <a:lnTo>
                    <a:pt x="4811" y="523"/>
                  </a:lnTo>
                  <a:lnTo>
                    <a:pt x="4815" y="523"/>
                  </a:lnTo>
                  <a:lnTo>
                    <a:pt x="4814" y="520"/>
                  </a:lnTo>
                  <a:lnTo>
                    <a:pt x="4813" y="519"/>
                  </a:lnTo>
                  <a:lnTo>
                    <a:pt x="4807" y="518"/>
                  </a:lnTo>
                  <a:lnTo>
                    <a:pt x="4807" y="514"/>
                  </a:lnTo>
                  <a:lnTo>
                    <a:pt x="4806" y="511"/>
                  </a:lnTo>
                  <a:lnTo>
                    <a:pt x="4803" y="503"/>
                  </a:lnTo>
                  <a:lnTo>
                    <a:pt x="4800" y="496"/>
                  </a:lnTo>
                  <a:lnTo>
                    <a:pt x="4794" y="484"/>
                  </a:lnTo>
                  <a:lnTo>
                    <a:pt x="4792" y="480"/>
                  </a:lnTo>
                  <a:lnTo>
                    <a:pt x="4790" y="483"/>
                  </a:lnTo>
                  <a:lnTo>
                    <a:pt x="4787" y="483"/>
                  </a:lnTo>
                  <a:lnTo>
                    <a:pt x="4786" y="484"/>
                  </a:lnTo>
                  <a:lnTo>
                    <a:pt x="4784" y="487"/>
                  </a:lnTo>
                  <a:close/>
                  <a:moveTo>
                    <a:pt x="4710" y="578"/>
                  </a:moveTo>
                  <a:lnTo>
                    <a:pt x="4692" y="608"/>
                  </a:lnTo>
                  <a:lnTo>
                    <a:pt x="4698" y="603"/>
                  </a:lnTo>
                  <a:lnTo>
                    <a:pt x="4717" y="585"/>
                  </a:lnTo>
                  <a:lnTo>
                    <a:pt x="4710" y="578"/>
                  </a:lnTo>
                  <a:close/>
                  <a:moveTo>
                    <a:pt x="4683" y="568"/>
                  </a:moveTo>
                  <a:lnTo>
                    <a:pt x="4684" y="589"/>
                  </a:lnTo>
                  <a:lnTo>
                    <a:pt x="4692" y="570"/>
                  </a:lnTo>
                  <a:lnTo>
                    <a:pt x="4683" y="568"/>
                  </a:lnTo>
                  <a:close/>
                  <a:moveTo>
                    <a:pt x="4709" y="616"/>
                  </a:moveTo>
                  <a:lnTo>
                    <a:pt x="4692" y="619"/>
                  </a:lnTo>
                  <a:lnTo>
                    <a:pt x="4698" y="620"/>
                  </a:lnTo>
                  <a:lnTo>
                    <a:pt x="4714" y="620"/>
                  </a:lnTo>
                  <a:lnTo>
                    <a:pt x="4709" y="616"/>
                  </a:lnTo>
                  <a:close/>
                  <a:moveTo>
                    <a:pt x="4711" y="643"/>
                  </a:moveTo>
                  <a:lnTo>
                    <a:pt x="4718" y="642"/>
                  </a:lnTo>
                  <a:lnTo>
                    <a:pt x="4717" y="640"/>
                  </a:lnTo>
                  <a:lnTo>
                    <a:pt x="4717" y="638"/>
                  </a:lnTo>
                  <a:lnTo>
                    <a:pt x="4688" y="622"/>
                  </a:lnTo>
                  <a:lnTo>
                    <a:pt x="4711" y="643"/>
                  </a:lnTo>
                  <a:close/>
                  <a:moveTo>
                    <a:pt x="4722" y="599"/>
                  </a:moveTo>
                  <a:lnTo>
                    <a:pt x="4725" y="597"/>
                  </a:lnTo>
                  <a:lnTo>
                    <a:pt x="4722" y="593"/>
                  </a:lnTo>
                  <a:lnTo>
                    <a:pt x="4701" y="607"/>
                  </a:lnTo>
                  <a:lnTo>
                    <a:pt x="4695" y="609"/>
                  </a:lnTo>
                  <a:lnTo>
                    <a:pt x="4714" y="605"/>
                  </a:lnTo>
                  <a:lnTo>
                    <a:pt x="4719" y="601"/>
                  </a:lnTo>
                  <a:lnTo>
                    <a:pt x="4722" y="599"/>
                  </a:lnTo>
                  <a:close/>
                  <a:moveTo>
                    <a:pt x="4729" y="589"/>
                  </a:moveTo>
                  <a:lnTo>
                    <a:pt x="4732" y="585"/>
                  </a:lnTo>
                  <a:lnTo>
                    <a:pt x="4721" y="543"/>
                  </a:lnTo>
                  <a:lnTo>
                    <a:pt x="4709" y="568"/>
                  </a:lnTo>
                  <a:lnTo>
                    <a:pt x="4719" y="577"/>
                  </a:lnTo>
                  <a:lnTo>
                    <a:pt x="4729" y="589"/>
                  </a:lnTo>
                  <a:close/>
                  <a:moveTo>
                    <a:pt x="4757" y="549"/>
                  </a:moveTo>
                  <a:lnTo>
                    <a:pt x="4757" y="542"/>
                  </a:lnTo>
                  <a:lnTo>
                    <a:pt x="4726" y="542"/>
                  </a:lnTo>
                  <a:lnTo>
                    <a:pt x="4734" y="578"/>
                  </a:lnTo>
                  <a:lnTo>
                    <a:pt x="4734" y="572"/>
                  </a:lnTo>
                  <a:lnTo>
                    <a:pt x="4733" y="564"/>
                  </a:lnTo>
                  <a:lnTo>
                    <a:pt x="4736" y="560"/>
                  </a:lnTo>
                  <a:lnTo>
                    <a:pt x="4737" y="557"/>
                  </a:lnTo>
                  <a:lnTo>
                    <a:pt x="4738" y="558"/>
                  </a:lnTo>
                  <a:lnTo>
                    <a:pt x="4741" y="558"/>
                  </a:lnTo>
                  <a:lnTo>
                    <a:pt x="4744" y="561"/>
                  </a:lnTo>
                  <a:lnTo>
                    <a:pt x="4757" y="549"/>
                  </a:lnTo>
                  <a:close/>
                  <a:moveTo>
                    <a:pt x="4764" y="600"/>
                  </a:moveTo>
                  <a:lnTo>
                    <a:pt x="4765" y="604"/>
                  </a:lnTo>
                  <a:lnTo>
                    <a:pt x="4769" y="599"/>
                  </a:lnTo>
                  <a:lnTo>
                    <a:pt x="4769" y="596"/>
                  </a:lnTo>
                  <a:lnTo>
                    <a:pt x="4772" y="596"/>
                  </a:lnTo>
                  <a:lnTo>
                    <a:pt x="4779" y="589"/>
                  </a:lnTo>
                  <a:lnTo>
                    <a:pt x="4780" y="588"/>
                  </a:lnTo>
                  <a:lnTo>
                    <a:pt x="4782" y="591"/>
                  </a:lnTo>
                  <a:lnTo>
                    <a:pt x="4779" y="592"/>
                  </a:lnTo>
                  <a:lnTo>
                    <a:pt x="4775" y="599"/>
                  </a:lnTo>
                  <a:lnTo>
                    <a:pt x="4815" y="555"/>
                  </a:lnTo>
                  <a:lnTo>
                    <a:pt x="4811" y="555"/>
                  </a:lnTo>
                  <a:lnTo>
                    <a:pt x="4809" y="553"/>
                  </a:lnTo>
                  <a:lnTo>
                    <a:pt x="4810" y="550"/>
                  </a:lnTo>
                  <a:lnTo>
                    <a:pt x="4814" y="550"/>
                  </a:lnTo>
                  <a:lnTo>
                    <a:pt x="4809" y="547"/>
                  </a:lnTo>
                  <a:lnTo>
                    <a:pt x="4802" y="543"/>
                  </a:lnTo>
                  <a:lnTo>
                    <a:pt x="4794" y="543"/>
                  </a:lnTo>
                  <a:lnTo>
                    <a:pt x="4786" y="554"/>
                  </a:lnTo>
                  <a:lnTo>
                    <a:pt x="4782" y="562"/>
                  </a:lnTo>
                  <a:lnTo>
                    <a:pt x="4775" y="574"/>
                  </a:lnTo>
                  <a:lnTo>
                    <a:pt x="4767" y="589"/>
                  </a:lnTo>
                  <a:lnTo>
                    <a:pt x="4768" y="592"/>
                  </a:lnTo>
                  <a:lnTo>
                    <a:pt x="4767" y="593"/>
                  </a:lnTo>
                  <a:lnTo>
                    <a:pt x="4764" y="593"/>
                  </a:lnTo>
                  <a:lnTo>
                    <a:pt x="4764" y="600"/>
                  </a:lnTo>
                  <a:close/>
                  <a:moveTo>
                    <a:pt x="4767" y="635"/>
                  </a:moveTo>
                  <a:lnTo>
                    <a:pt x="4790" y="631"/>
                  </a:lnTo>
                  <a:lnTo>
                    <a:pt x="4788" y="620"/>
                  </a:lnTo>
                  <a:lnTo>
                    <a:pt x="4791" y="604"/>
                  </a:lnTo>
                  <a:lnTo>
                    <a:pt x="4796" y="589"/>
                  </a:lnTo>
                  <a:lnTo>
                    <a:pt x="4806" y="577"/>
                  </a:lnTo>
                  <a:lnTo>
                    <a:pt x="4818" y="569"/>
                  </a:lnTo>
                  <a:lnTo>
                    <a:pt x="4819" y="564"/>
                  </a:lnTo>
                  <a:lnTo>
                    <a:pt x="4771" y="611"/>
                  </a:lnTo>
                  <a:lnTo>
                    <a:pt x="4778" y="613"/>
                  </a:lnTo>
                  <a:lnTo>
                    <a:pt x="4782" y="613"/>
                  </a:lnTo>
                  <a:lnTo>
                    <a:pt x="4784" y="616"/>
                  </a:lnTo>
                  <a:lnTo>
                    <a:pt x="4783" y="620"/>
                  </a:lnTo>
                  <a:lnTo>
                    <a:pt x="4778" y="622"/>
                  </a:lnTo>
                  <a:lnTo>
                    <a:pt x="4776" y="624"/>
                  </a:lnTo>
                  <a:lnTo>
                    <a:pt x="4773" y="627"/>
                  </a:lnTo>
                  <a:lnTo>
                    <a:pt x="4771" y="628"/>
                  </a:lnTo>
                  <a:lnTo>
                    <a:pt x="4767" y="630"/>
                  </a:lnTo>
                  <a:lnTo>
                    <a:pt x="4767" y="632"/>
                  </a:lnTo>
                  <a:lnTo>
                    <a:pt x="4767" y="635"/>
                  </a:lnTo>
                  <a:close/>
                  <a:moveTo>
                    <a:pt x="4796" y="611"/>
                  </a:moveTo>
                  <a:lnTo>
                    <a:pt x="4821" y="615"/>
                  </a:lnTo>
                  <a:lnTo>
                    <a:pt x="4798" y="607"/>
                  </a:lnTo>
                  <a:lnTo>
                    <a:pt x="4796" y="611"/>
                  </a:lnTo>
                  <a:close/>
                  <a:moveTo>
                    <a:pt x="4799" y="601"/>
                  </a:moveTo>
                  <a:lnTo>
                    <a:pt x="4830" y="611"/>
                  </a:lnTo>
                  <a:lnTo>
                    <a:pt x="4826" y="608"/>
                  </a:lnTo>
                  <a:lnTo>
                    <a:pt x="4803" y="593"/>
                  </a:lnTo>
                  <a:lnTo>
                    <a:pt x="4799" y="601"/>
                  </a:lnTo>
                  <a:close/>
                  <a:moveTo>
                    <a:pt x="4830" y="605"/>
                  </a:moveTo>
                  <a:lnTo>
                    <a:pt x="4836" y="611"/>
                  </a:lnTo>
                  <a:lnTo>
                    <a:pt x="4817" y="578"/>
                  </a:lnTo>
                  <a:lnTo>
                    <a:pt x="4810" y="584"/>
                  </a:lnTo>
                  <a:lnTo>
                    <a:pt x="4830" y="605"/>
                  </a:lnTo>
                  <a:close/>
                  <a:moveTo>
                    <a:pt x="4841" y="589"/>
                  </a:moveTo>
                  <a:lnTo>
                    <a:pt x="4844" y="570"/>
                  </a:lnTo>
                  <a:lnTo>
                    <a:pt x="4837" y="570"/>
                  </a:lnTo>
                  <a:lnTo>
                    <a:pt x="4841" y="589"/>
                  </a:lnTo>
                  <a:close/>
                  <a:moveTo>
                    <a:pt x="4871" y="578"/>
                  </a:moveTo>
                  <a:lnTo>
                    <a:pt x="4861" y="597"/>
                  </a:lnTo>
                  <a:lnTo>
                    <a:pt x="4876" y="584"/>
                  </a:lnTo>
                  <a:lnTo>
                    <a:pt x="4871" y="578"/>
                  </a:lnTo>
                  <a:close/>
                  <a:moveTo>
                    <a:pt x="4848" y="611"/>
                  </a:moveTo>
                  <a:lnTo>
                    <a:pt x="4861" y="573"/>
                  </a:lnTo>
                  <a:lnTo>
                    <a:pt x="4853" y="570"/>
                  </a:lnTo>
                  <a:lnTo>
                    <a:pt x="4846" y="608"/>
                  </a:lnTo>
                  <a:lnTo>
                    <a:pt x="4848" y="611"/>
                  </a:lnTo>
                  <a:close/>
                  <a:moveTo>
                    <a:pt x="4853" y="618"/>
                  </a:moveTo>
                  <a:lnTo>
                    <a:pt x="4887" y="599"/>
                  </a:lnTo>
                  <a:lnTo>
                    <a:pt x="4884" y="592"/>
                  </a:lnTo>
                  <a:lnTo>
                    <a:pt x="4856" y="611"/>
                  </a:lnTo>
                  <a:lnTo>
                    <a:pt x="4852" y="618"/>
                  </a:lnTo>
                  <a:lnTo>
                    <a:pt x="4853" y="618"/>
                  </a:lnTo>
                  <a:close/>
                  <a:moveTo>
                    <a:pt x="5622" y="607"/>
                  </a:moveTo>
                  <a:lnTo>
                    <a:pt x="5651" y="601"/>
                  </a:lnTo>
                  <a:lnTo>
                    <a:pt x="5622" y="601"/>
                  </a:lnTo>
                  <a:lnTo>
                    <a:pt x="5622" y="607"/>
                  </a:lnTo>
                  <a:close/>
                  <a:moveTo>
                    <a:pt x="5741" y="585"/>
                  </a:moveTo>
                  <a:lnTo>
                    <a:pt x="5745" y="562"/>
                  </a:lnTo>
                  <a:lnTo>
                    <a:pt x="5725" y="562"/>
                  </a:lnTo>
                  <a:lnTo>
                    <a:pt x="5725" y="587"/>
                  </a:lnTo>
                  <a:lnTo>
                    <a:pt x="5741" y="585"/>
                  </a:lnTo>
                  <a:close/>
                  <a:moveTo>
                    <a:pt x="5848" y="573"/>
                  </a:moveTo>
                  <a:lnTo>
                    <a:pt x="5848" y="546"/>
                  </a:lnTo>
                  <a:lnTo>
                    <a:pt x="5829" y="546"/>
                  </a:lnTo>
                  <a:lnTo>
                    <a:pt x="5829" y="551"/>
                  </a:lnTo>
                  <a:lnTo>
                    <a:pt x="5803" y="561"/>
                  </a:lnTo>
                  <a:lnTo>
                    <a:pt x="5803" y="565"/>
                  </a:lnTo>
                  <a:lnTo>
                    <a:pt x="5833" y="570"/>
                  </a:lnTo>
                  <a:lnTo>
                    <a:pt x="5834" y="574"/>
                  </a:lnTo>
                  <a:lnTo>
                    <a:pt x="5848" y="573"/>
                  </a:lnTo>
                  <a:close/>
                  <a:moveTo>
                    <a:pt x="6643" y="684"/>
                  </a:moveTo>
                  <a:lnTo>
                    <a:pt x="6860" y="692"/>
                  </a:lnTo>
                  <a:lnTo>
                    <a:pt x="6852" y="684"/>
                  </a:lnTo>
                  <a:lnTo>
                    <a:pt x="6848" y="673"/>
                  </a:lnTo>
                  <a:lnTo>
                    <a:pt x="6832" y="673"/>
                  </a:lnTo>
                  <a:lnTo>
                    <a:pt x="6817" y="673"/>
                  </a:lnTo>
                  <a:lnTo>
                    <a:pt x="6614" y="673"/>
                  </a:lnTo>
                  <a:lnTo>
                    <a:pt x="6610" y="684"/>
                  </a:lnTo>
                  <a:lnTo>
                    <a:pt x="6643" y="684"/>
                  </a:lnTo>
                  <a:close/>
                  <a:moveTo>
                    <a:pt x="7265" y="2278"/>
                  </a:moveTo>
                  <a:lnTo>
                    <a:pt x="7265" y="2219"/>
                  </a:lnTo>
                  <a:lnTo>
                    <a:pt x="7262" y="2211"/>
                  </a:lnTo>
                  <a:lnTo>
                    <a:pt x="7258" y="2208"/>
                  </a:lnTo>
                  <a:lnTo>
                    <a:pt x="7242" y="2208"/>
                  </a:lnTo>
                  <a:lnTo>
                    <a:pt x="7236" y="2211"/>
                  </a:lnTo>
                  <a:lnTo>
                    <a:pt x="7235" y="2219"/>
                  </a:lnTo>
                  <a:lnTo>
                    <a:pt x="7230" y="2259"/>
                  </a:lnTo>
                  <a:lnTo>
                    <a:pt x="7230" y="2278"/>
                  </a:lnTo>
                  <a:lnTo>
                    <a:pt x="7231" y="2285"/>
                  </a:lnTo>
                  <a:lnTo>
                    <a:pt x="7236" y="2289"/>
                  </a:lnTo>
                  <a:lnTo>
                    <a:pt x="7258" y="2289"/>
                  </a:lnTo>
                  <a:lnTo>
                    <a:pt x="7262" y="2285"/>
                  </a:lnTo>
                  <a:lnTo>
                    <a:pt x="7265" y="2278"/>
                  </a:lnTo>
                  <a:close/>
                  <a:moveTo>
                    <a:pt x="7311" y="2278"/>
                  </a:moveTo>
                  <a:lnTo>
                    <a:pt x="7311" y="2219"/>
                  </a:lnTo>
                  <a:lnTo>
                    <a:pt x="7308" y="2211"/>
                  </a:lnTo>
                  <a:lnTo>
                    <a:pt x="7303" y="2208"/>
                  </a:lnTo>
                  <a:lnTo>
                    <a:pt x="7285" y="2208"/>
                  </a:lnTo>
                  <a:lnTo>
                    <a:pt x="7278" y="2211"/>
                  </a:lnTo>
                  <a:lnTo>
                    <a:pt x="7276" y="2219"/>
                  </a:lnTo>
                  <a:lnTo>
                    <a:pt x="7276" y="2278"/>
                  </a:lnTo>
                  <a:lnTo>
                    <a:pt x="7278" y="2285"/>
                  </a:lnTo>
                  <a:lnTo>
                    <a:pt x="7285" y="2289"/>
                  </a:lnTo>
                  <a:lnTo>
                    <a:pt x="7303" y="2289"/>
                  </a:lnTo>
                  <a:lnTo>
                    <a:pt x="7308" y="2285"/>
                  </a:lnTo>
                  <a:lnTo>
                    <a:pt x="7311" y="2278"/>
                  </a:lnTo>
                  <a:close/>
                  <a:moveTo>
                    <a:pt x="7413" y="2278"/>
                  </a:moveTo>
                  <a:lnTo>
                    <a:pt x="7413" y="2219"/>
                  </a:lnTo>
                  <a:lnTo>
                    <a:pt x="7411" y="2212"/>
                  </a:lnTo>
                  <a:lnTo>
                    <a:pt x="7405" y="2209"/>
                  </a:lnTo>
                  <a:lnTo>
                    <a:pt x="7388" y="2209"/>
                  </a:lnTo>
                  <a:lnTo>
                    <a:pt x="7381" y="2212"/>
                  </a:lnTo>
                  <a:lnTo>
                    <a:pt x="7378" y="2219"/>
                  </a:lnTo>
                  <a:lnTo>
                    <a:pt x="7378" y="2278"/>
                  </a:lnTo>
                  <a:lnTo>
                    <a:pt x="7381" y="2286"/>
                  </a:lnTo>
                  <a:lnTo>
                    <a:pt x="7388" y="2289"/>
                  </a:lnTo>
                  <a:lnTo>
                    <a:pt x="7405" y="2289"/>
                  </a:lnTo>
                  <a:lnTo>
                    <a:pt x="7411" y="2286"/>
                  </a:lnTo>
                  <a:lnTo>
                    <a:pt x="7413" y="2278"/>
                  </a:lnTo>
                  <a:close/>
                  <a:moveTo>
                    <a:pt x="8496" y="2219"/>
                  </a:moveTo>
                  <a:lnTo>
                    <a:pt x="8496" y="2278"/>
                  </a:lnTo>
                  <a:lnTo>
                    <a:pt x="8498" y="2286"/>
                  </a:lnTo>
                  <a:lnTo>
                    <a:pt x="8502" y="2289"/>
                  </a:lnTo>
                  <a:lnTo>
                    <a:pt x="8524" y="2289"/>
                  </a:lnTo>
                  <a:lnTo>
                    <a:pt x="8528" y="2286"/>
                  </a:lnTo>
                  <a:lnTo>
                    <a:pt x="8531" y="2278"/>
                  </a:lnTo>
                  <a:lnTo>
                    <a:pt x="8531" y="2261"/>
                  </a:lnTo>
                  <a:lnTo>
                    <a:pt x="8525" y="2219"/>
                  </a:lnTo>
                  <a:lnTo>
                    <a:pt x="8523" y="2212"/>
                  </a:lnTo>
                  <a:lnTo>
                    <a:pt x="8519" y="2209"/>
                  </a:lnTo>
                  <a:lnTo>
                    <a:pt x="8502" y="2209"/>
                  </a:lnTo>
                  <a:lnTo>
                    <a:pt x="8497" y="2212"/>
                  </a:lnTo>
                  <a:lnTo>
                    <a:pt x="8496" y="2219"/>
                  </a:lnTo>
                  <a:close/>
                  <a:moveTo>
                    <a:pt x="8448" y="2219"/>
                  </a:moveTo>
                  <a:lnTo>
                    <a:pt x="8448" y="2278"/>
                  </a:lnTo>
                  <a:lnTo>
                    <a:pt x="8451" y="2286"/>
                  </a:lnTo>
                  <a:lnTo>
                    <a:pt x="8458" y="2289"/>
                  </a:lnTo>
                  <a:lnTo>
                    <a:pt x="8475" y="2289"/>
                  </a:lnTo>
                  <a:lnTo>
                    <a:pt x="8481" y="2286"/>
                  </a:lnTo>
                  <a:lnTo>
                    <a:pt x="8483" y="2278"/>
                  </a:lnTo>
                  <a:lnTo>
                    <a:pt x="8483" y="2219"/>
                  </a:lnTo>
                  <a:lnTo>
                    <a:pt x="8481" y="2212"/>
                  </a:lnTo>
                  <a:lnTo>
                    <a:pt x="8475" y="2209"/>
                  </a:lnTo>
                  <a:lnTo>
                    <a:pt x="8458" y="2209"/>
                  </a:lnTo>
                  <a:lnTo>
                    <a:pt x="8451" y="2212"/>
                  </a:lnTo>
                  <a:lnTo>
                    <a:pt x="8448" y="2219"/>
                  </a:lnTo>
                  <a:close/>
                  <a:moveTo>
                    <a:pt x="8346" y="2219"/>
                  </a:moveTo>
                  <a:lnTo>
                    <a:pt x="8346" y="2278"/>
                  </a:lnTo>
                  <a:lnTo>
                    <a:pt x="8348" y="2286"/>
                  </a:lnTo>
                  <a:lnTo>
                    <a:pt x="8354" y="2289"/>
                  </a:lnTo>
                  <a:lnTo>
                    <a:pt x="8373" y="2289"/>
                  </a:lnTo>
                  <a:lnTo>
                    <a:pt x="8378" y="2286"/>
                  </a:lnTo>
                  <a:lnTo>
                    <a:pt x="8381" y="2278"/>
                  </a:lnTo>
                  <a:lnTo>
                    <a:pt x="8381" y="2219"/>
                  </a:lnTo>
                  <a:lnTo>
                    <a:pt x="8378" y="2212"/>
                  </a:lnTo>
                  <a:lnTo>
                    <a:pt x="8373" y="2209"/>
                  </a:lnTo>
                  <a:lnTo>
                    <a:pt x="8354" y="2209"/>
                  </a:lnTo>
                  <a:lnTo>
                    <a:pt x="8348" y="2212"/>
                  </a:lnTo>
                  <a:lnTo>
                    <a:pt x="8346" y="2219"/>
                  </a:lnTo>
                  <a:close/>
                  <a:moveTo>
                    <a:pt x="8299" y="2219"/>
                  </a:moveTo>
                  <a:lnTo>
                    <a:pt x="8299" y="2278"/>
                  </a:lnTo>
                  <a:lnTo>
                    <a:pt x="8301" y="2286"/>
                  </a:lnTo>
                  <a:lnTo>
                    <a:pt x="8308" y="2289"/>
                  </a:lnTo>
                  <a:lnTo>
                    <a:pt x="8326" y="2289"/>
                  </a:lnTo>
                  <a:lnTo>
                    <a:pt x="8331" y="2286"/>
                  </a:lnTo>
                  <a:lnTo>
                    <a:pt x="8334" y="2278"/>
                  </a:lnTo>
                  <a:lnTo>
                    <a:pt x="8334" y="2219"/>
                  </a:lnTo>
                  <a:lnTo>
                    <a:pt x="8331" y="2212"/>
                  </a:lnTo>
                  <a:lnTo>
                    <a:pt x="8326" y="2209"/>
                  </a:lnTo>
                  <a:lnTo>
                    <a:pt x="8308" y="2209"/>
                  </a:lnTo>
                  <a:lnTo>
                    <a:pt x="8301" y="2212"/>
                  </a:lnTo>
                  <a:lnTo>
                    <a:pt x="8299" y="2219"/>
                  </a:lnTo>
                  <a:close/>
                  <a:moveTo>
                    <a:pt x="8135" y="2215"/>
                  </a:moveTo>
                  <a:lnTo>
                    <a:pt x="8135" y="2284"/>
                  </a:lnTo>
                  <a:lnTo>
                    <a:pt x="8138" y="2286"/>
                  </a:lnTo>
                  <a:lnTo>
                    <a:pt x="8143" y="2289"/>
                  </a:lnTo>
                  <a:lnTo>
                    <a:pt x="8230" y="2289"/>
                  </a:lnTo>
                  <a:lnTo>
                    <a:pt x="8235" y="2286"/>
                  </a:lnTo>
                  <a:lnTo>
                    <a:pt x="8238" y="2284"/>
                  </a:lnTo>
                  <a:lnTo>
                    <a:pt x="8238" y="2215"/>
                  </a:lnTo>
                  <a:lnTo>
                    <a:pt x="8235" y="2211"/>
                  </a:lnTo>
                  <a:lnTo>
                    <a:pt x="8230" y="2209"/>
                  </a:lnTo>
                  <a:lnTo>
                    <a:pt x="8143" y="2209"/>
                  </a:lnTo>
                  <a:lnTo>
                    <a:pt x="8138" y="2211"/>
                  </a:lnTo>
                  <a:lnTo>
                    <a:pt x="8135" y="2215"/>
                  </a:lnTo>
                  <a:close/>
                  <a:moveTo>
                    <a:pt x="8039" y="2219"/>
                  </a:moveTo>
                  <a:lnTo>
                    <a:pt x="8039" y="2278"/>
                  </a:lnTo>
                  <a:lnTo>
                    <a:pt x="8041" y="2286"/>
                  </a:lnTo>
                  <a:lnTo>
                    <a:pt x="8048" y="2289"/>
                  </a:lnTo>
                  <a:lnTo>
                    <a:pt x="8065" y="2289"/>
                  </a:lnTo>
                  <a:lnTo>
                    <a:pt x="8072" y="2286"/>
                  </a:lnTo>
                  <a:lnTo>
                    <a:pt x="8073" y="2278"/>
                  </a:lnTo>
                  <a:lnTo>
                    <a:pt x="8073" y="2219"/>
                  </a:lnTo>
                  <a:lnTo>
                    <a:pt x="8072" y="2212"/>
                  </a:lnTo>
                  <a:lnTo>
                    <a:pt x="8065" y="2209"/>
                  </a:lnTo>
                  <a:lnTo>
                    <a:pt x="8048" y="2209"/>
                  </a:lnTo>
                  <a:lnTo>
                    <a:pt x="8041" y="2212"/>
                  </a:lnTo>
                  <a:lnTo>
                    <a:pt x="8039" y="2219"/>
                  </a:lnTo>
                  <a:close/>
                  <a:moveTo>
                    <a:pt x="7992" y="2219"/>
                  </a:moveTo>
                  <a:lnTo>
                    <a:pt x="7992" y="2278"/>
                  </a:lnTo>
                  <a:lnTo>
                    <a:pt x="7995" y="2286"/>
                  </a:lnTo>
                  <a:lnTo>
                    <a:pt x="8000" y="2289"/>
                  </a:lnTo>
                  <a:lnTo>
                    <a:pt x="8018" y="2289"/>
                  </a:lnTo>
                  <a:lnTo>
                    <a:pt x="8025" y="2286"/>
                  </a:lnTo>
                  <a:lnTo>
                    <a:pt x="8027" y="2278"/>
                  </a:lnTo>
                  <a:lnTo>
                    <a:pt x="8027" y="2219"/>
                  </a:lnTo>
                  <a:lnTo>
                    <a:pt x="8025" y="2212"/>
                  </a:lnTo>
                  <a:lnTo>
                    <a:pt x="8018" y="2209"/>
                  </a:lnTo>
                  <a:lnTo>
                    <a:pt x="8000" y="2209"/>
                  </a:lnTo>
                  <a:lnTo>
                    <a:pt x="7995" y="2212"/>
                  </a:lnTo>
                  <a:lnTo>
                    <a:pt x="7992" y="2219"/>
                  </a:lnTo>
                  <a:close/>
                  <a:moveTo>
                    <a:pt x="7829" y="2215"/>
                  </a:moveTo>
                  <a:lnTo>
                    <a:pt x="7829" y="2284"/>
                  </a:lnTo>
                  <a:lnTo>
                    <a:pt x="7832" y="2286"/>
                  </a:lnTo>
                  <a:lnTo>
                    <a:pt x="7837" y="2289"/>
                  </a:lnTo>
                  <a:lnTo>
                    <a:pt x="7922" y="2289"/>
                  </a:lnTo>
                  <a:lnTo>
                    <a:pt x="7929" y="2286"/>
                  </a:lnTo>
                  <a:lnTo>
                    <a:pt x="7930" y="2284"/>
                  </a:lnTo>
                  <a:lnTo>
                    <a:pt x="7930" y="2215"/>
                  </a:lnTo>
                  <a:lnTo>
                    <a:pt x="7929" y="2211"/>
                  </a:lnTo>
                  <a:lnTo>
                    <a:pt x="7922" y="2209"/>
                  </a:lnTo>
                  <a:lnTo>
                    <a:pt x="7837" y="2209"/>
                  </a:lnTo>
                  <a:lnTo>
                    <a:pt x="7832" y="2211"/>
                  </a:lnTo>
                  <a:lnTo>
                    <a:pt x="7829" y="2215"/>
                  </a:lnTo>
                  <a:close/>
                  <a:moveTo>
                    <a:pt x="7732" y="2219"/>
                  </a:moveTo>
                  <a:lnTo>
                    <a:pt x="7732" y="2278"/>
                  </a:lnTo>
                  <a:lnTo>
                    <a:pt x="7734" y="2286"/>
                  </a:lnTo>
                  <a:lnTo>
                    <a:pt x="7741" y="2289"/>
                  </a:lnTo>
                  <a:lnTo>
                    <a:pt x="7759" y="2289"/>
                  </a:lnTo>
                  <a:lnTo>
                    <a:pt x="7764" y="2286"/>
                  </a:lnTo>
                  <a:lnTo>
                    <a:pt x="7767" y="2278"/>
                  </a:lnTo>
                  <a:lnTo>
                    <a:pt x="7767" y="2219"/>
                  </a:lnTo>
                  <a:lnTo>
                    <a:pt x="7764" y="2212"/>
                  </a:lnTo>
                  <a:lnTo>
                    <a:pt x="7759" y="2209"/>
                  </a:lnTo>
                  <a:lnTo>
                    <a:pt x="7741" y="2209"/>
                  </a:lnTo>
                  <a:lnTo>
                    <a:pt x="7734" y="2212"/>
                  </a:lnTo>
                  <a:lnTo>
                    <a:pt x="7732" y="2219"/>
                  </a:lnTo>
                  <a:close/>
                  <a:moveTo>
                    <a:pt x="7686" y="2219"/>
                  </a:moveTo>
                  <a:lnTo>
                    <a:pt x="7686" y="2278"/>
                  </a:lnTo>
                  <a:lnTo>
                    <a:pt x="7689" y="2286"/>
                  </a:lnTo>
                  <a:lnTo>
                    <a:pt x="7694" y="2289"/>
                  </a:lnTo>
                  <a:lnTo>
                    <a:pt x="7711" y="2289"/>
                  </a:lnTo>
                  <a:lnTo>
                    <a:pt x="7718" y="2286"/>
                  </a:lnTo>
                  <a:lnTo>
                    <a:pt x="7721" y="2278"/>
                  </a:lnTo>
                  <a:lnTo>
                    <a:pt x="7721" y="2219"/>
                  </a:lnTo>
                  <a:lnTo>
                    <a:pt x="7718" y="2212"/>
                  </a:lnTo>
                  <a:lnTo>
                    <a:pt x="7711" y="2209"/>
                  </a:lnTo>
                  <a:lnTo>
                    <a:pt x="7694" y="2209"/>
                  </a:lnTo>
                  <a:lnTo>
                    <a:pt x="7689" y="2212"/>
                  </a:lnTo>
                  <a:lnTo>
                    <a:pt x="7686" y="2219"/>
                  </a:lnTo>
                  <a:close/>
                  <a:moveTo>
                    <a:pt x="7521" y="2215"/>
                  </a:moveTo>
                  <a:lnTo>
                    <a:pt x="7521" y="2284"/>
                  </a:lnTo>
                  <a:lnTo>
                    <a:pt x="7524" y="2286"/>
                  </a:lnTo>
                  <a:lnTo>
                    <a:pt x="7529" y="2289"/>
                  </a:lnTo>
                  <a:lnTo>
                    <a:pt x="7616" y="2289"/>
                  </a:lnTo>
                  <a:lnTo>
                    <a:pt x="7621" y="2286"/>
                  </a:lnTo>
                  <a:lnTo>
                    <a:pt x="7624" y="2284"/>
                  </a:lnTo>
                  <a:lnTo>
                    <a:pt x="7624" y="2215"/>
                  </a:lnTo>
                  <a:lnTo>
                    <a:pt x="7621" y="2211"/>
                  </a:lnTo>
                  <a:lnTo>
                    <a:pt x="7616" y="2209"/>
                  </a:lnTo>
                  <a:lnTo>
                    <a:pt x="7529" y="2209"/>
                  </a:lnTo>
                  <a:lnTo>
                    <a:pt x="7524" y="2211"/>
                  </a:lnTo>
                  <a:lnTo>
                    <a:pt x="7521" y="2215"/>
                  </a:lnTo>
                  <a:close/>
                  <a:moveTo>
                    <a:pt x="7452" y="2209"/>
                  </a:moveTo>
                  <a:lnTo>
                    <a:pt x="7433" y="2209"/>
                  </a:lnTo>
                  <a:lnTo>
                    <a:pt x="7428" y="2212"/>
                  </a:lnTo>
                  <a:lnTo>
                    <a:pt x="7425" y="2219"/>
                  </a:lnTo>
                  <a:lnTo>
                    <a:pt x="7425" y="2278"/>
                  </a:lnTo>
                  <a:lnTo>
                    <a:pt x="7428" y="2286"/>
                  </a:lnTo>
                  <a:lnTo>
                    <a:pt x="7433" y="2289"/>
                  </a:lnTo>
                  <a:lnTo>
                    <a:pt x="7452" y="2289"/>
                  </a:lnTo>
                  <a:lnTo>
                    <a:pt x="7458" y="2286"/>
                  </a:lnTo>
                  <a:lnTo>
                    <a:pt x="7460" y="2278"/>
                  </a:lnTo>
                  <a:lnTo>
                    <a:pt x="7460" y="2219"/>
                  </a:lnTo>
                  <a:lnTo>
                    <a:pt x="7458" y="2212"/>
                  </a:lnTo>
                  <a:lnTo>
                    <a:pt x="7452" y="2209"/>
                  </a:lnTo>
                  <a:close/>
                  <a:moveTo>
                    <a:pt x="7622" y="765"/>
                  </a:moveTo>
                  <a:lnTo>
                    <a:pt x="7636" y="762"/>
                  </a:lnTo>
                  <a:lnTo>
                    <a:pt x="7647" y="758"/>
                  </a:lnTo>
                  <a:lnTo>
                    <a:pt x="7667" y="743"/>
                  </a:lnTo>
                  <a:lnTo>
                    <a:pt x="7680" y="721"/>
                  </a:lnTo>
                  <a:lnTo>
                    <a:pt x="7684" y="709"/>
                  </a:lnTo>
                  <a:lnTo>
                    <a:pt x="7684" y="696"/>
                  </a:lnTo>
                  <a:lnTo>
                    <a:pt x="7683" y="682"/>
                  </a:lnTo>
                  <a:lnTo>
                    <a:pt x="7679" y="669"/>
                  </a:lnTo>
                  <a:lnTo>
                    <a:pt x="7674" y="657"/>
                  </a:lnTo>
                  <a:lnTo>
                    <a:pt x="7664" y="647"/>
                  </a:lnTo>
                  <a:lnTo>
                    <a:pt x="7655" y="639"/>
                  </a:lnTo>
                  <a:lnTo>
                    <a:pt x="7643" y="632"/>
                  </a:lnTo>
                  <a:lnTo>
                    <a:pt x="7631" y="628"/>
                  </a:lnTo>
                  <a:lnTo>
                    <a:pt x="7616" y="627"/>
                  </a:lnTo>
                  <a:lnTo>
                    <a:pt x="7591" y="631"/>
                  </a:lnTo>
                  <a:lnTo>
                    <a:pt x="7579" y="636"/>
                  </a:lnTo>
                  <a:lnTo>
                    <a:pt x="7570" y="643"/>
                  </a:lnTo>
                  <a:lnTo>
                    <a:pt x="7444" y="659"/>
                  </a:lnTo>
                  <a:lnTo>
                    <a:pt x="7431" y="662"/>
                  </a:lnTo>
                  <a:lnTo>
                    <a:pt x="7424" y="666"/>
                  </a:lnTo>
                  <a:lnTo>
                    <a:pt x="7420" y="670"/>
                  </a:lnTo>
                  <a:lnTo>
                    <a:pt x="7412" y="682"/>
                  </a:lnTo>
                  <a:lnTo>
                    <a:pt x="7409" y="696"/>
                  </a:lnTo>
                  <a:lnTo>
                    <a:pt x="7411" y="708"/>
                  </a:lnTo>
                  <a:lnTo>
                    <a:pt x="7416" y="717"/>
                  </a:lnTo>
                  <a:lnTo>
                    <a:pt x="7424" y="725"/>
                  </a:lnTo>
                  <a:lnTo>
                    <a:pt x="7433" y="730"/>
                  </a:lnTo>
                  <a:lnTo>
                    <a:pt x="7446" y="732"/>
                  </a:lnTo>
                  <a:lnTo>
                    <a:pt x="7570" y="748"/>
                  </a:lnTo>
                  <a:lnTo>
                    <a:pt x="7590" y="761"/>
                  </a:lnTo>
                  <a:lnTo>
                    <a:pt x="7614" y="765"/>
                  </a:lnTo>
                  <a:lnTo>
                    <a:pt x="7622" y="765"/>
                  </a:lnTo>
                  <a:close/>
                  <a:moveTo>
                    <a:pt x="8266" y="975"/>
                  </a:moveTo>
                  <a:lnTo>
                    <a:pt x="8266" y="839"/>
                  </a:lnTo>
                  <a:lnTo>
                    <a:pt x="7811" y="839"/>
                  </a:lnTo>
                  <a:lnTo>
                    <a:pt x="7811" y="975"/>
                  </a:lnTo>
                  <a:lnTo>
                    <a:pt x="7841" y="975"/>
                  </a:lnTo>
                  <a:lnTo>
                    <a:pt x="7844" y="984"/>
                  </a:lnTo>
                  <a:lnTo>
                    <a:pt x="7848" y="993"/>
                  </a:lnTo>
                  <a:lnTo>
                    <a:pt x="7856" y="998"/>
                  </a:lnTo>
                  <a:lnTo>
                    <a:pt x="7865" y="999"/>
                  </a:lnTo>
                  <a:lnTo>
                    <a:pt x="7875" y="998"/>
                  </a:lnTo>
                  <a:lnTo>
                    <a:pt x="7882" y="993"/>
                  </a:lnTo>
                  <a:lnTo>
                    <a:pt x="7887" y="984"/>
                  </a:lnTo>
                  <a:lnTo>
                    <a:pt x="7888" y="975"/>
                  </a:lnTo>
                  <a:lnTo>
                    <a:pt x="7910" y="975"/>
                  </a:lnTo>
                  <a:lnTo>
                    <a:pt x="7911" y="984"/>
                  </a:lnTo>
                  <a:lnTo>
                    <a:pt x="7917" y="993"/>
                  </a:lnTo>
                  <a:lnTo>
                    <a:pt x="7925" y="998"/>
                  </a:lnTo>
                  <a:lnTo>
                    <a:pt x="7934" y="999"/>
                  </a:lnTo>
                  <a:lnTo>
                    <a:pt x="7942" y="998"/>
                  </a:lnTo>
                  <a:lnTo>
                    <a:pt x="7950" y="993"/>
                  </a:lnTo>
                  <a:lnTo>
                    <a:pt x="7956" y="984"/>
                  </a:lnTo>
                  <a:lnTo>
                    <a:pt x="7957" y="975"/>
                  </a:lnTo>
                  <a:lnTo>
                    <a:pt x="8187" y="975"/>
                  </a:lnTo>
                  <a:lnTo>
                    <a:pt x="8189" y="984"/>
                  </a:lnTo>
                  <a:lnTo>
                    <a:pt x="8193" y="993"/>
                  </a:lnTo>
                  <a:lnTo>
                    <a:pt x="8201" y="998"/>
                  </a:lnTo>
                  <a:lnTo>
                    <a:pt x="8211" y="999"/>
                  </a:lnTo>
                  <a:lnTo>
                    <a:pt x="8220" y="998"/>
                  </a:lnTo>
                  <a:lnTo>
                    <a:pt x="8227" y="993"/>
                  </a:lnTo>
                  <a:lnTo>
                    <a:pt x="8232" y="984"/>
                  </a:lnTo>
                  <a:lnTo>
                    <a:pt x="8234" y="975"/>
                  </a:lnTo>
                  <a:lnTo>
                    <a:pt x="8266" y="975"/>
                  </a:lnTo>
                  <a:close/>
                  <a:moveTo>
                    <a:pt x="8583" y="975"/>
                  </a:moveTo>
                  <a:lnTo>
                    <a:pt x="8583" y="926"/>
                  </a:lnTo>
                  <a:lnTo>
                    <a:pt x="8737" y="926"/>
                  </a:lnTo>
                  <a:lnTo>
                    <a:pt x="8737" y="839"/>
                  </a:lnTo>
                  <a:lnTo>
                    <a:pt x="8583" y="839"/>
                  </a:lnTo>
                  <a:lnTo>
                    <a:pt x="8578" y="839"/>
                  </a:lnTo>
                  <a:lnTo>
                    <a:pt x="8286" y="839"/>
                  </a:lnTo>
                  <a:lnTo>
                    <a:pt x="8286" y="975"/>
                  </a:lnTo>
                  <a:lnTo>
                    <a:pt x="8308" y="975"/>
                  </a:lnTo>
                  <a:lnTo>
                    <a:pt x="8309" y="984"/>
                  </a:lnTo>
                  <a:lnTo>
                    <a:pt x="8315" y="993"/>
                  </a:lnTo>
                  <a:lnTo>
                    <a:pt x="8323" y="998"/>
                  </a:lnTo>
                  <a:lnTo>
                    <a:pt x="8332" y="999"/>
                  </a:lnTo>
                  <a:lnTo>
                    <a:pt x="8340" y="998"/>
                  </a:lnTo>
                  <a:lnTo>
                    <a:pt x="8348" y="993"/>
                  </a:lnTo>
                  <a:lnTo>
                    <a:pt x="8354" y="984"/>
                  </a:lnTo>
                  <a:lnTo>
                    <a:pt x="8355" y="975"/>
                  </a:lnTo>
                  <a:lnTo>
                    <a:pt x="8382" y="975"/>
                  </a:lnTo>
                  <a:lnTo>
                    <a:pt x="8385" y="984"/>
                  </a:lnTo>
                  <a:lnTo>
                    <a:pt x="8389" y="993"/>
                  </a:lnTo>
                  <a:lnTo>
                    <a:pt x="8397" y="998"/>
                  </a:lnTo>
                  <a:lnTo>
                    <a:pt x="8407" y="999"/>
                  </a:lnTo>
                  <a:lnTo>
                    <a:pt x="8416" y="998"/>
                  </a:lnTo>
                  <a:lnTo>
                    <a:pt x="8423" y="993"/>
                  </a:lnTo>
                  <a:lnTo>
                    <a:pt x="8428" y="984"/>
                  </a:lnTo>
                  <a:lnTo>
                    <a:pt x="8429" y="975"/>
                  </a:lnTo>
                  <a:lnTo>
                    <a:pt x="8583" y="975"/>
                  </a:lnTo>
                  <a:close/>
                  <a:moveTo>
                    <a:pt x="8913" y="975"/>
                  </a:moveTo>
                  <a:lnTo>
                    <a:pt x="8913" y="839"/>
                  </a:lnTo>
                  <a:lnTo>
                    <a:pt x="8767" y="839"/>
                  </a:lnTo>
                  <a:lnTo>
                    <a:pt x="8767" y="944"/>
                  </a:lnTo>
                  <a:lnTo>
                    <a:pt x="8608" y="944"/>
                  </a:lnTo>
                  <a:lnTo>
                    <a:pt x="8608" y="975"/>
                  </a:lnTo>
                  <a:lnTo>
                    <a:pt x="8625" y="975"/>
                  </a:lnTo>
                  <a:lnTo>
                    <a:pt x="8627" y="984"/>
                  </a:lnTo>
                  <a:lnTo>
                    <a:pt x="8632" y="993"/>
                  </a:lnTo>
                  <a:lnTo>
                    <a:pt x="8639" y="998"/>
                  </a:lnTo>
                  <a:lnTo>
                    <a:pt x="8648" y="999"/>
                  </a:lnTo>
                  <a:lnTo>
                    <a:pt x="8658" y="998"/>
                  </a:lnTo>
                  <a:lnTo>
                    <a:pt x="8666" y="993"/>
                  </a:lnTo>
                  <a:lnTo>
                    <a:pt x="8670" y="984"/>
                  </a:lnTo>
                  <a:lnTo>
                    <a:pt x="8672" y="975"/>
                  </a:lnTo>
                  <a:lnTo>
                    <a:pt x="8698" y="975"/>
                  </a:lnTo>
                  <a:lnTo>
                    <a:pt x="8699" y="984"/>
                  </a:lnTo>
                  <a:lnTo>
                    <a:pt x="8705" y="993"/>
                  </a:lnTo>
                  <a:lnTo>
                    <a:pt x="8712" y="998"/>
                  </a:lnTo>
                  <a:lnTo>
                    <a:pt x="8721" y="999"/>
                  </a:lnTo>
                  <a:lnTo>
                    <a:pt x="8730" y="998"/>
                  </a:lnTo>
                  <a:lnTo>
                    <a:pt x="8739" y="993"/>
                  </a:lnTo>
                  <a:lnTo>
                    <a:pt x="8743" y="984"/>
                  </a:lnTo>
                  <a:lnTo>
                    <a:pt x="8745" y="975"/>
                  </a:lnTo>
                  <a:lnTo>
                    <a:pt x="8767" y="975"/>
                  </a:lnTo>
                  <a:lnTo>
                    <a:pt x="8779" y="975"/>
                  </a:lnTo>
                  <a:lnTo>
                    <a:pt x="8840" y="975"/>
                  </a:lnTo>
                  <a:lnTo>
                    <a:pt x="8841" y="984"/>
                  </a:lnTo>
                  <a:lnTo>
                    <a:pt x="8846" y="993"/>
                  </a:lnTo>
                  <a:lnTo>
                    <a:pt x="8855" y="998"/>
                  </a:lnTo>
                  <a:lnTo>
                    <a:pt x="8864" y="999"/>
                  </a:lnTo>
                  <a:lnTo>
                    <a:pt x="8872" y="998"/>
                  </a:lnTo>
                  <a:lnTo>
                    <a:pt x="8880" y="993"/>
                  </a:lnTo>
                  <a:lnTo>
                    <a:pt x="8886" y="984"/>
                  </a:lnTo>
                  <a:lnTo>
                    <a:pt x="8887" y="975"/>
                  </a:lnTo>
                  <a:lnTo>
                    <a:pt x="8913" y="975"/>
                  </a:lnTo>
                  <a:close/>
                  <a:moveTo>
                    <a:pt x="9305" y="730"/>
                  </a:moveTo>
                  <a:lnTo>
                    <a:pt x="9305" y="716"/>
                  </a:lnTo>
                  <a:lnTo>
                    <a:pt x="9251" y="716"/>
                  </a:lnTo>
                  <a:lnTo>
                    <a:pt x="9251" y="730"/>
                  </a:lnTo>
                  <a:lnTo>
                    <a:pt x="9305" y="730"/>
                  </a:lnTo>
                  <a:close/>
                  <a:moveTo>
                    <a:pt x="8632" y="2278"/>
                  </a:moveTo>
                  <a:lnTo>
                    <a:pt x="8632" y="2219"/>
                  </a:lnTo>
                  <a:lnTo>
                    <a:pt x="8629" y="2211"/>
                  </a:lnTo>
                  <a:lnTo>
                    <a:pt x="8625" y="2208"/>
                  </a:lnTo>
                  <a:lnTo>
                    <a:pt x="8609" y="2208"/>
                  </a:lnTo>
                  <a:lnTo>
                    <a:pt x="8604" y="2211"/>
                  </a:lnTo>
                  <a:lnTo>
                    <a:pt x="8602" y="2219"/>
                  </a:lnTo>
                  <a:lnTo>
                    <a:pt x="8597" y="2261"/>
                  </a:lnTo>
                  <a:lnTo>
                    <a:pt x="8597" y="2278"/>
                  </a:lnTo>
                  <a:lnTo>
                    <a:pt x="8600" y="2285"/>
                  </a:lnTo>
                  <a:lnTo>
                    <a:pt x="8604" y="2289"/>
                  </a:lnTo>
                  <a:lnTo>
                    <a:pt x="8625" y="2289"/>
                  </a:lnTo>
                  <a:lnTo>
                    <a:pt x="8629" y="2285"/>
                  </a:lnTo>
                  <a:lnTo>
                    <a:pt x="8632" y="2278"/>
                  </a:lnTo>
                  <a:close/>
                  <a:moveTo>
                    <a:pt x="8678" y="2278"/>
                  </a:moveTo>
                  <a:lnTo>
                    <a:pt x="8678" y="2219"/>
                  </a:lnTo>
                  <a:lnTo>
                    <a:pt x="8676" y="2212"/>
                  </a:lnTo>
                  <a:lnTo>
                    <a:pt x="8670" y="2208"/>
                  </a:lnTo>
                  <a:lnTo>
                    <a:pt x="8652" y="2208"/>
                  </a:lnTo>
                  <a:lnTo>
                    <a:pt x="8645" y="2212"/>
                  </a:lnTo>
                  <a:lnTo>
                    <a:pt x="8644" y="2219"/>
                  </a:lnTo>
                  <a:lnTo>
                    <a:pt x="8644" y="2278"/>
                  </a:lnTo>
                  <a:lnTo>
                    <a:pt x="8645" y="2285"/>
                  </a:lnTo>
                  <a:lnTo>
                    <a:pt x="8652" y="2289"/>
                  </a:lnTo>
                  <a:lnTo>
                    <a:pt x="8670" y="2289"/>
                  </a:lnTo>
                  <a:lnTo>
                    <a:pt x="8676" y="2285"/>
                  </a:lnTo>
                  <a:lnTo>
                    <a:pt x="8678" y="2278"/>
                  </a:lnTo>
                  <a:close/>
                  <a:moveTo>
                    <a:pt x="8782" y="2278"/>
                  </a:moveTo>
                  <a:lnTo>
                    <a:pt x="8782" y="2219"/>
                  </a:lnTo>
                  <a:lnTo>
                    <a:pt x="8779" y="2212"/>
                  </a:lnTo>
                  <a:lnTo>
                    <a:pt x="8772" y="2209"/>
                  </a:lnTo>
                  <a:lnTo>
                    <a:pt x="8755" y="2209"/>
                  </a:lnTo>
                  <a:lnTo>
                    <a:pt x="8748" y="2212"/>
                  </a:lnTo>
                  <a:lnTo>
                    <a:pt x="8747" y="2219"/>
                  </a:lnTo>
                  <a:lnTo>
                    <a:pt x="8747" y="2278"/>
                  </a:lnTo>
                  <a:lnTo>
                    <a:pt x="8748" y="2286"/>
                  </a:lnTo>
                  <a:lnTo>
                    <a:pt x="8755" y="2289"/>
                  </a:lnTo>
                  <a:lnTo>
                    <a:pt x="8772" y="2289"/>
                  </a:lnTo>
                  <a:lnTo>
                    <a:pt x="8779" y="2286"/>
                  </a:lnTo>
                  <a:lnTo>
                    <a:pt x="8782" y="2278"/>
                  </a:lnTo>
                  <a:close/>
                  <a:moveTo>
                    <a:pt x="8828" y="2278"/>
                  </a:moveTo>
                  <a:lnTo>
                    <a:pt x="8828" y="2219"/>
                  </a:lnTo>
                  <a:lnTo>
                    <a:pt x="8825" y="2212"/>
                  </a:lnTo>
                  <a:lnTo>
                    <a:pt x="8819" y="2209"/>
                  </a:lnTo>
                  <a:lnTo>
                    <a:pt x="8802" y="2209"/>
                  </a:lnTo>
                  <a:lnTo>
                    <a:pt x="8795" y="2212"/>
                  </a:lnTo>
                  <a:lnTo>
                    <a:pt x="8793" y="2219"/>
                  </a:lnTo>
                  <a:lnTo>
                    <a:pt x="8793" y="2278"/>
                  </a:lnTo>
                  <a:lnTo>
                    <a:pt x="8795" y="2286"/>
                  </a:lnTo>
                  <a:lnTo>
                    <a:pt x="8802" y="2289"/>
                  </a:lnTo>
                  <a:lnTo>
                    <a:pt x="8819" y="2289"/>
                  </a:lnTo>
                  <a:lnTo>
                    <a:pt x="8825" y="2286"/>
                  </a:lnTo>
                  <a:lnTo>
                    <a:pt x="8828" y="2278"/>
                  </a:lnTo>
                  <a:close/>
                  <a:moveTo>
                    <a:pt x="8991" y="2284"/>
                  </a:moveTo>
                  <a:lnTo>
                    <a:pt x="8991" y="2215"/>
                  </a:lnTo>
                  <a:lnTo>
                    <a:pt x="8990" y="2212"/>
                  </a:lnTo>
                  <a:lnTo>
                    <a:pt x="8983" y="2209"/>
                  </a:lnTo>
                  <a:lnTo>
                    <a:pt x="8898" y="2209"/>
                  </a:lnTo>
                  <a:lnTo>
                    <a:pt x="8891" y="2212"/>
                  </a:lnTo>
                  <a:lnTo>
                    <a:pt x="8888" y="2215"/>
                  </a:lnTo>
                  <a:lnTo>
                    <a:pt x="8888" y="2284"/>
                  </a:lnTo>
                  <a:lnTo>
                    <a:pt x="8891" y="2288"/>
                  </a:lnTo>
                  <a:lnTo>
                    <a:pt x="8898" y="2289"/>
                  </a:lnTo>
                  <a:lnTo>
                    <a:pt x="8983" y="2289"/>
                  </a:lnTo>
                  <a:lnTo>
                    <a:pt x="8990" y="2288"/>
                  </a:lnTo>
                  <a:lnTo>
                    <a:pt x="8991" y="2284"/>
                  </a:lnTo>
                  <a:close/>
                  <a:moveTo>
                    <a:pt x="9088" y="2278"/>
                  </a:moveTo>
                  <a:lnTo>
                    <a:pt x="9088" y="2219"/>
                  </a:lnTo>
                  <a:lnTo>
                    <a:pt x="9085" y="2212"/>
                  </a:lnTo>
                  <a:lnTo>
                    <a:pt x="9079" y="2209"/>
                  </a:lnTo>
                  <a:lnTo>
                    <a:pt x="9061" y="2209"/>
                  </a:lnTo>
                  <a:lnTo>
                    <a:pt x="9056" y="2212"/>
                  </a:lnTo>
                  <a:lnTo>
                    <a:pt x="9053" y="2219"/>
                  </a:lnTo>
                  <a:lnTo>
                    <a:pt x="9053" y="2278"/>
                  </a:lnTo>
                  <a:lnTo>
                    <a:pt x="9056" y="2286"/>
                  </a:lnTo>
                  <a:lnTo>
                    <a:pt x="9061" y="2289"/>
                  </a:lnTo>
                  <a:lnTo>
                    <a:pt x="9079" y="2289"/>
                  </a:lnTo>
                  <a:lnTo>
                    <a:pt x="9085" y="2286"/>
                  </a:lnTo>
                  <a:lnTo>
                    <a:pt x="9088" y="2278"/>
                  </a:lnTo>
                  <a:close/>
                  <a:moveTo>
                    <a:pt x="9134" y="2278"/>
                  </a:moveTo>
                  <a:lnTo>
                    <a:pt x="9134" y="2219"/>
                  </a:lnTo>
                  <a:lnTo>
                    <a:pt x="9133" y="2212"/>
                  </a:lnTo>
                  <a:lnTo>
                    <a:pt x="9126" y="2209"/>
                  </a:lnTo>
                  <a:lnTo>
                    <a:pt x="9108" y="2209"/>
                  </a:lnTo>
                  <a:lnTo>
                    <a:pt x="9102" y="2212"/>
                  </a:lnTo>
                  <a:lnTo>
                    <a:pt x="9100" y="2219"/>
                  </a:lnTo>
                  <a:lnTo>
                    <a:pt x="9100" y="2278"/>
                  </a:lnTo>
                  <a:lnTo>
                    <a:pt x="9102" y="2286"/>
                  </a:lnTo>
                  <a:lnTo>
                    <a:pt x="9108" y="2289"/>
                  </a:lnTo>
                  <a:lnTo>
                    <a:pt x="9126" y="2289"/>
                  </a:lnTo>
                  <a:lnTo>
                    <a:pt x="9133" y="2286"/>
                  </a:lnTo>
                  <a:lnTo>
                    <a:pt x="9134" y="2278"/>
                  </a:lnTo>
                  <a:close/>
                  <a:moveTo>
                    <a:pt x="9299" y="2284"/>
                  </a:moveTo>
                  <a:lnTo>
                    <a:pt x="9299" y="2215"/>
                  </a:lnTo>
                  <a:lnTo>
                    <a:pt x="9296" y="2212"/>
                  </a:lnTo>
                  <a:lnTo>
                    <a:pt x="9289" y="2209"/>
                  </a:lnTo>
                  <a:lnTo>
                    <a:pt x="9204" y="2209"/>
                  </a:lnTo>
                  <a:lnTo>
                    <a:pt x="9199" y="2212"/>
                  </a:lnTo>
                  <a:lnTo>
                    <a:pt x="9196" y="2215"/>
                  </a:lnTo>
                  <a:lnTo>
                    <a:pt x="9196" y="2284"/>
                  </a:lnTo>
                  <a:lnTo>
                    <a:pt x="9199" y="2288"/>
                  </a:lnTo>
                  <a:lnTo>
                    <a:pt x="9204" y="2289"/>
                  </a:lnTo>
                  <a:lnTo>
                    <a:pt x="9289" y="2289"/>
                  </a:lnTo>
                  <a:lnTo>
                    <a:pt x="9296" y="2288"/>
                  </a:lnTo>
                  <a:lnTo>
                    <a:pt x="9299" y="2284"/>
                  </a:lnTo>
                  <a:close/>
                  <a:moveTo>
                    <a:pt x="9394" y="2278"/>
                  </a:moveTo>
                  <a:lnTo>
                    <a:pt x="9394" y="2219"/>
                  </a:lnTo>
                  <a:lnTo>
                    <a:pt x="9392" y="2212"/>
                  </a:lnTo>
                  <a:lnTo>
                    <a:pt x="9386" y="2209"/>
                  </a:lnTo>
                  <a:lnTo>
                    <a:pt x="9367" y="2209"/>
                  </a:lnTo>
                  <a:lnTo>
                    <a:pt x="9362" y="2212"/>
                  </a:lnTo>
                  <a:lnTo>
                    <a:pt x="9359" y="2219"/>
                  </a:lnTo>
                  <a:lnTo>
                    <a:pt x="9359" y="2278"/>
                  </a:lnTo>
                  <a:lnTo>
                    <a:pt x="9362" y="2286"/>
                  </a:lnTo>
                  <a:lnTo>
                    <a:pt x="9367" y="2289"/>
                  </a:lnTo>
                  <a:lnTo>
                    <a:pt x="9386" y="2289"/>
                  </a:lnTo>
                  <a:lnTo>
                    <a:pt x="9392" y="2286"/>
                  </a:lnTo>
                  <a:lnTo>
                    <a:pt x="9394" y="2278"/>
                  </a:lnTo>
                  <a:close/>
                  <a:moveTo>
                    <a:pt x="9442" y="2278"/>
                  </a:moveTo>
                  <a:lnTo>
                    <a:pt x="9442" y="2219"/>
                  </a:lnTo>
                  <a:lnTo>
                    <a:pt x="9439" y="2212"/>
                  </a:lnTo>
                  <a:lnTo>
                    <a:pt x="9432" y="2209"/>
                  </a:lnTo>
                  <a:lnTo>
                    <a:pt x="9415" y="2209"/>
                  </a:lnTo>
                  <a:lnTo>
                    <a:pt x="9409" y="2212"/>
                  </a:lnTo>
                  <a:lnTo>
                    <a:pt x="9407" y="2219"/>
                  </a:lnTo>
                  <a:lnTo>
                    <a:pt x="9407" y="2278"/>
                  </a:lnTo>
                  <a:lnTo>
                    <a:pt x="9409" y="2286"/>
                  </a:lnTo>
                  <a:lnTo>
                    <a:pt x="9415" y="2289"/>
                  </a:lnTo>
                  <a:lnTo>
                    <a:pt x="9432" y="2289"/>
                  </a:lnTo>
                  <a:lnTo>
                    <a:pt x="9439" y="2286"/>
                  </a:lnTo>
                  <a:lnTo>
                    <a:pt x="9442" y="2278"/>
                  </a:lnTo>
                  <a:close/>
                  <a:moveTo>
                    <a:pt x="9470" y="730"/>
                  </a:moveTo>
                  <a:lnTo>
                    <a:pt x="9470" y="716"/>
                  </a:lnTo>
                  <a:lnTo>
                    <a:pt x="9349" y="716"/>
                  </a:lnTo>
                  <a:lnTo>
                    <a:pt x="9349" y="730"/>
                  </a:lnTo>
                  <a:lnTo>
                    <a:pt x="9470" y="730"/>
                  </a:lnTo>
                  <a:close/>
                  <a:moveTo>
                    <a:pt x="10350" y="860"/>
                  </a:moveTo>
                  <a:lnTo>
                    <a:pt x="10312" y="860"/>
                  </a:lnTo>
                  <a:lnTo>
                    <a:pt x="10168" y="1005"/>
                  </a:lnTo>
                  <a:lnTo>
                    <a:pt x="10207" y="1005"/>
                  </a:lnTo>
                  <a:lnTo>
                    <a:pt x="10350" y="862"/>
                  </a:lnTo>
                  <a:lnTo>
                    <a:pt x="10350" y="860"/>
                  </a:lnTo>
                  <a:close/>
                  <a:moveTo>
                    <a:pt x="10139" y="902"/>
                  </a:moveTo>
                  <a:lnTo>
                    <a:pt x="10139" y="941"/>
                  </a:lnTo>
                  <a:lnTo>
                    <a:pt x="10219" y="862"/>
                  </a:lnTo>
                  <a:lnTo>
                    <a:pt x="10181" y="860"/>
                  </a:lnTo>
                  <a:lnTo>
                    <a:pt x="10139" y="902"/>
                  </a:lnTo>
                  <a:close/>
                  <a:moveTo>
                    <a:pt x="10139" y="967"/>
                  </a:moveTo>
                  <a:lnTo>
                    <a:pt x="10139" y="1005"/>
                  </a:lnTo>
                  <a:lnTo>
                    <a:pt x="10285" y="862"/>
                  </a:lnTo>
                  <a:lnTo>
                    <a:pt x="10247" y="860"/>
                  </a:lnTo>
                  <a:lnTo>
                    <a:pt x="10139" y="967"/>
                  </a:lnTo>
                  <a:close/>
                  <a:moveTo>
                    <a:pt x="10129" y="673"/>
                  </a:moveTo>
                  <a:lnTo>
                    <a:pt x="10123" y="653"/>
                  </a:lnTo>
                  <a:lnTo>
                    <a:pt x="10079" y="697"/>
                  </a:lnTo>
                  <a:lnTo>
                    <a:pt x="10099" y="704"/>
                  </a:lnTo>
                  <a:lnTo>
                    <a:pt x="10129" y="673"/>
                  </a:lnTo>
                  <a:close/>
                  <a:moveTo>
                    <a:pt x="10104" y="607"/>
                  </a:moveTo>
                  <a:lnTo>
                    <a:pt x="10030" y="681"/>
                  </a:lnTo>
                  <a:lnTo>
                    <a:pt x="10050" y="686"/>
                  </a:lnTo>
                  <a:lnTo>
                    <a:pt x="10112" y="624"/>
                  </a:lnTo>
                  <a:lnTo>
                    <a:pt x="10104" y="607"/>
                  </a:lnTo>
                  <a:close/>
                  <a:moveTo>
                    <a:pt x="9932" y="647"/>
                  </a:moveTo>
                  <a:lnTo>
                    <a:pt x="9932" y="653"/>
                  </a:lnTo>
                  <a:lnTo>
                    <a:pt x="9949" y="657"/>
                  </a:lnTo>
                  <a:lnTo>
                    <a:pt x="10018" y="588"/>
                  </a:lnTo>
                  <a:lnTo>
                    <a:pt x="10054" y="588"/>
                  </a:lnTo>
                  <a:lnTo>
                    <a:pt x="9980" y="665"/>
                  </a:lnTo>
                  <a:lnTo>
                    <a:pt x="10000" y="672"/>
                  </a:lnTo>
                  <a:lnTo>
                    <a:pt x="10084" y="588"/>
                  </a:lnTo>
                  <a:lnTo>
                    <a:pt x="10092" y="588"/>
                  </a:lnTo>
                  <a:lnTo>
                    <a:pt x="10077" y="569"/>
                  </a:lnTo>
                  <a:lnTo>
                    <a:pt x="10061" y="551"/>
                  </a:lnTo>
                  <a:lnTo>
                    <a:pt x="10023" y="522"/>
                  </a:lnTo>
                  <a:lnTo>
                    <a:pt x="10002" y="510"/>
                  </a:lnTo>
                  <a:lnTo>
                    <a:pt x="9980" y="500"/>
                  </a:lnTo>
                  <a:lnTo>
                    <a:pt x="9956" y="493"/>
                  </a:lnTo>
                  <a:lnTo>
                    <a:pt x="9932" y="488"/>
                  </a:lnTo>
                  <a:lnTo>
                    <a:pt x="9932" y="608"/>
                  </a:lnTo>
                  <a:lnTo>
                    <a:pt x="9952" y="588"/>
                  </a:lnTo>
                  <a:lnTo>
                    <a:pt x="9988" y="588"/>
                  </a:lnTo>
                  <a:lnTo>
                    <a:pt x="9932" y="647"/>
                  </a:lnTo>
                  <a:close/>
                  <a:moveTo>
                    <a:pt x="9605" y="2284"/>
                  </a:moveTo>
                  <a:lnTo>
                    <a:pt x="9605" y="2215"/>
                  </a:lnTo>
                  <a:lnTo>
                    <a:pt x="9602" y="2212"/>
                  </a:lnTo>
                  <a:lnTo>
                    <a:pt x="9597" y="2209"/>
                  </a:lnTo>
                  <a:lnTo>
                    <a:pt x="9510" y="2209"/>
                  </a:lnTo>
                  <a:lnTo>
                    <a:pt x="9505" y="2212"/>
                  </a:lnTo>
                  <a:lnTo>
                    <a:pt x="9502" y="2215"/>
                  </a:lnTo>
                  <a:lnTo>
                    <a:pt x="9502" y="2284"/>
                  </a:lnTo>
                  <a:lnTo>
                    <a:pt x="9505" y="2288"/>
                  </a:lnTo>
                  <a:lnTo>
                    <a:pt x="9510" y="2289"/>
                  </a:lnTo>
                  <a:lnTo>
                    <a:pt x="9597" y="2289"/>
                  </a:lnTo>
                  <a:lnTo>
                    <a:pt x="9602" y="2288"/>
                  </a:lnTo>
                  <a:lnTo>
                    <a:pt x="9605" y="2284"/>
                  </a:lnTo>
                  <a:close/>
                  <a:moveTo>
                    <a:pt x="9702" y="2278"/>
                  </a:moveTo>
                  <a:lnTo>
                    <a:pt x="9702" y="2219"/>
                  </a:lnTo>
                  <a:lnTo>
                    <a:pt x="9699" y="2212"/>
                  </a:lnTo>
                  <a:lnTo>
                    <a:pt x="9693" y="2209"/>
                  </a:lnTo>
                  <a:lnTo>
                    <a:pt x="9675" y="2209"/>
                  </a:lnTo>
                  <a:lnTo>
                    <a:pt x="9668" y="2212"/>
                  </a:lnTo>
                  <a:lnTo>
                    <a:pt x="9667" y="2219"/>
                  </a:lnTo>
                  <a:lnTo>
                    <a:pt x="9667" y="2278"/>
                  </a:lnTo>
                  <a:lnTo>
                    <a:pt x="9668" y="2286"/>
                  </a:lnTo>
                  <a:lnTo>
                    <a:pt x="9675" y="2289"/>
                  </a:lnTo>
                  <a:lnTo>
                    <a:pt x="9693" y="2289"/>
                  </a:lnTo>
                  <a:lnTo>
                    <a:pt x="9699" y="2286"/>
                  </a:lnTo>
                  <a:lnTo>
                    <a:pt x="9702" y="2278"/>
                  </a:lnTo>
                  <a:close/>
                  <a:moveTo>
                    <a:pt x="9492" y="716"/>
                  </a:moveTo>
                  <a:lnTo>
                    <a:pt x="9492" y="730"/>
                  </a:lnTo>
                  <a:lnTo>
                    <a:pt x="9802" y="730"/>
                  </a:lnTo>
                  <a:lnTo>
                    <a:pt x="9802" y="716"/>
                  </a:lnTo>
                  <a:lnTo>
                    <a:pt x="9492" y="716"/>
                  </a:lnTo>
                  <a:close/>
                  <a:moveTo>
                    <a:pt x="9748" y="2278"/>
                  </a:moveTo>
                  <a:lnTo>
                    <a:pt x="9748" y="2219"/>
                  </a:lnTo>
                  <a:lnTo>
                    <a:pt x="9745" y="2212"/>
                  </a:lnTo>
                  <a:lnTo>
                    <a:pt x="9740" y="2209"/>
                  </a:lnTo>
                  <a:lnTo>
                    <a:pt x="9722" y="2209"/>
                  </a:lnTo>
                  <a:lnTo>
                    <a:pt x="9716" y="2212"/>
                  </a:lnTo>
                  <a:lnTo>
                    <a:pt x="9713" y="2219"/>
                  </a:lnTo>
                  <a:lnTo>
                    <a:pt x="9713" y="2278"/>
                  </a:lnTo>
                  <a:lnTo>
                    <a:pt x="9716" y="2286"/>
                  </a:lnTo>
                  <a:lnTo>
                    <a:pt x="9722" y="2289"/>
                  </a:lnTo>
                  <a:lnTo>
                    <a:pt x="9740" y="2289"/>
                  </a:lnTo>
                  <a:lnTo>
                    <a:pt x="9745" y="2286"/>
                  </a:lnTo>
                  <a:lnTo>
                    <a:pt x="9748" y="2278"/>
                  </a:lnTo>
                  <a:close/>
                  <a:moveTo>
                    <a:pt x="9730" y="846"/>
                  </a:moveTo>
                  <a:lnTo>
                    <a:pt x="9732" y="863"/>
                  </a:lnTo>
                  <a:lnTo>
                    <a:pt x="9737" y="879"/>
                  </a:lnTo>
                  <a:lnTo>
                    <a:pt x="9745" y="894"/>
                  </a:lnTo>
                  <a:lnTo>
                    <a:pt x="9756" y="908"/>
                  </a:lnTo>
                  <a:lnTo>
                    <a:pt x="9770" y="918"/>
                  </a:lnTo>
                  <a:lnTo>
                    <a:pt x="9784" y="926"/>
                  </a:lnTo>
                  <a:lnTo>
                    <a:pt x="9802" y="932"/>
                  </a:lnTo>
                  <a:lnTo>
                    <a:pt x="9820" y="933"/>
                  </a:lnTo>
                  <a:lnTo>
                    <a:pt x="9837" y="932"/>
                  </a:lnTo>
                  <a:lnTo>
                    <a:pt x="9855" y="926"/>
                  </a:lnTo>
                  <a:lnTo>
                    <a:pt x="9869" y="918"/>
                  </a:lnTo>
                  <a:lnTo>
                    <a:pt x="9883" y="908"/>
                  </a:lnTo>
                  <a:lnTo>
                    <a:pt x="9894" y="894"/>
                  </a:lnTo>
                  <a:lnTo>
                    <a:pt x="9902" y="879"/>
                  </a:lnTo>
                  <a:lnTo>
                    <a:pt x="9906" y="863"/>
                  </a:lnTo>
                  <a:lnTo>
                    <a:pt x="9909" y="846"/>
                  </a:lnTo>
                  <a:lnTo>
                    <a:pt x="9906" y="827"/>
                  </a:lnTo>
                  <a:lnTo>
                    <a:pt x="9902" y="810"/>
                  </a:lnTo>
                  <a:lnTo>
                    <a:pt x="9894" y="796"/>
                  </a:lnTo>
                  <a:lnTo>
                    <a:pt x="9883" y="782"/>
                  </a:lnTo>
                  <a:lnTo>
                    <a:pt x="9869" y="771"/>
                  </a:lnTo>
                  <a:lnTo>
                    <a:pt x="9855" y="763"/>
                  </a:lnTo>
                  <a:lnTo>
                    <a:pt x="9837" y="758"/>
                  </a:lnTo>
                  <a:lnTo>
                    <a:pt x="9820" y="756"/>
                  </a:lnTo>
                  <a:lnTo>
                    <a:pt x="9802" y="758"/>
                  </a:lnTo>
                  <a:lnTo>
                    <a:pt x="9784" y="763"/>
                  </a:lnTo>
                  <a:lnTo>
                    <a:pt x="9770" y="771"/>
                  </a:lnTo>
                  <a:lnTo>
                    <a:pt x="9756" y="782"/>
                  </a:lnTo>
                  <a:lnTo>
                    <a:pt x="9745" y="796"/>
                  </a:lnTo>
                  <a:lnTo>
                    <a:pt x="9737" y="810"/>
                  </a:lnTo>
                  <a:lnTo>
                    <a:pt x="9732" y="827"/>
                  </a:lnTo>
                  <a:lnTo>
                    <a:pt x="9730" y="846"/>
                  </a:lnTo>
                  <a:close/>
                  <a:moveTo>
                    <a:pt x="9965" y="2475"/>
                  </a:moveTo>
                  <a:lnTo>
                    <a:pt x="9969" y="2464"/>
                  </a:lnTo>
                  <a:lnTo>
                    <a:pt x="9968" y="2381"/>
                  </a:lnTo>
                  <a:lnTo>
                    <a:pt x="9965" y="2382"/>
                  </a:lnTo>
                  <a:lnTo>
                    <a:pt x="9965" y="2369"/>
                  </a:lnTo>
                  <a:lnTo>
                    <a:pt x="9948" y="2375"/>
                  </a:lnTo>
                  <a:lnTo>
                    <a:pt x="9948" y="2466"/>
                  </a:lnTo>
                  <a:lnTo>
                    <a:pt x="9957" y="2468"/>
                  </a:lnTo>
                  <a:lnTo>
                    <a:pt x="9965" y="2475"/>
                  </a:lnTo>
                  <a:close/>
                  <a:moveTo>
                    <a:pt x="10014" y="2421"/>
                  </a:moveTo>
                  <a:lnTo>
                    <a:pt x="10014" y="2367"/>
                  </a:lnTo>
                  <a:lnTo>
                    <a:pt x="10013" y="2366"/>
                  </a:lnTo>
                  <a:lnTo>
                    <a:pt x="10013" y="2332"/>
                  </a:lnTo>
                  <a:lnTo>
                    <a:pt x="10008" y="2327"/>
                  </a:lnTo>
                  <a:lnTo>
                    <a:pt x="10004" y="2321"/>
                  </a:lnTo>
                  <a:lnTo>
                    <a:pt x="9999" y="2334"/>
                  </a:lnTo>
                  <a:lnTo>
                    <a:pt x="9991" y="2346"/>
                  </a:lnTo>
                  <a:lnTo>
                    <a:pt x="9991" y="2433"/>
                  </a:lnTo>
                  <a:lnTo>
                    <a:pt x="10003" y="2427"/>
                  </a:lnTo>
                  <a:lnTo>
                    <a:pt x="10014" y="2421"/>
                  </a:lnTo>
                  <a:close/>
                  <a:moveTo>
                    <a:pt x="10031" y="2234"/>
                  </a:moveTo>
                  <a:lnTo>
                    <a:pt x="10031" y="2180"/>
                  </a:lnTo>
                  <a:lnTo>
                    <a:pt x="10029" y="2180"/>
                  </a:lnTo>
                  <a:lnTo>
                    <a:pt x="10029" y="2170"/>
                  </a:lnTo>
                  <a:lnTo>
                    <a:pt x="10021" y="2157"/>
                  </a:lnTo>
                  <a:lnTo>
                    <a:pt x="10014" y="2142"/>
                  </a:lnTo>
                  <a:lnTo>
                    <a:pt x="10014" y="2246"/>
                  </a:lnTo>
                  <a:lnTo>
                    <a:pt x="10022" y="2239"/>
                  </a:lnTo>
                  <a:lnTo>
                    <a:pt x="10031" y="2234"/>
                  </a:lnTo>
                  <a:close/>
                  <a:moveTo>
                    <a:pt x="10075" y="2431"/>
                  </a:moveTo>
                  <a:lnTo>
                    <a:pt x="10075" y="2412"/>
                  </a:lnTo>
                  <a:lnTo>
                    <a:pt x="10072" y="2408"/>
                  </a:lnTo>
                  <a:lnTo>
                    <a:pt x="10072" y="2358"/>
                  </a:lnTo>
                  <a:lnTo>
                    <a:pt x="10062" y="2355"/>
                  </a:lnTo>
                  <a:lnTo>
                    <a:pt x="10054" y="2350"/>
                  </a:lnTo>
                  <a:lnTo>
                    <a:pt x="10049" y="2350"/>
                  </a:lnTo>
                  <a:lnTo>
                    <a:pt x="10049" y="2379"/>
                  </a:lnTo>
                  <a:lnTo>
                    <a:pt x="10038" y="2374"/>
                  </a:lnTo>
                  <a:lnTo>
                    <a:pt x="10038" y="2418"/>
                  </a:lnTo>
                  <a:lnTo>
                    <a:pt x="10057" y="2423"/>
                  </a:lnTo>
                  <a:lnTo>
                    <a:pt x="10075" y="2431"/>
                  </a:lnTo>
                  <a:close/>
                  <a:moveTo>
                    <a:pt x="10072" y="2224"/>
                  </a:moveTo>
                  <a:lnTo>
                    <a:pt x="10071" y="2217"/>
                  </a:lnTo>
                  <a:lnTo>
                    <a:pt x="10071" y="2197"/>
                  </a:lnTo>
                  <a:lnTo>
                    <a:pt x="10054" y="2192"/>
                  </a:lnTo>
                  <a:lnTo>
                    <a:pt x="10054" y="2231"/>
                  </a:lnTo>
                  <a:lnTo>
                    <a:pt x="10064" y="2234"/>
                  </a:lnTo>
                  <a:lnTo>
                    <a:pt x="10072" y="2238"/>
                  </a:lnTo>
                  <a:lnTo>
                    <a:pt x="10072" y="2224"/>
                  </a:lnTo>
                  <a:close/>
                  <a:moveTo>
                    <a:pt x="10115" y="2458"/>
                  </a:moveTo>
                  <a:lnTo>
                    <a:pt x="10115" y="2393"/>
                  </a:lnTo>
                  <a:lnTo>
                    <a:pt x="10114" y="2378"/>
                  </a:lnTo>
                  <a:lnTo>
                    <a:pt x="10106" y="2365"/>
                  </a:lnTo>
                  <a:lnTo>
                    <a:pt x="10099" y="2350"/>
                  </a:lnTo>
                  <a:lnTo>
                    <a:pt x="10099" y="2459"/>
                  </a:lnTo>
                  <a:lnTo>
                    <a:pt x="10104" y="2472"/>
                  </a:lnTo>
                  <a:lnTo>
                    <a:pt x="10115" y="2458"/>
                  </a:lnTo>
                  <a:close/>
                  <a:moveTo>
                    <a:pt x="10116" y="2259"/>
                  </a:moveTo>
                  <a:lnTo>
                    <a:pt x="10116" y="2191"/>
                  </a:lnTo>
                  <a:lnTo>
                    <a:pt x="10096" y="2197"/>
                  </a:lnTo>
                  <a:lnTo>
                    <a:pt x="10096" y="2269"/>
                  </a:lnTo>
                  <a:lnTo>
                    <a:pt x="10100" y="2288"/>
                  </a:lnTo>
                  <a:lnTo>
                    <a:pt x="10107" y="2273"/>
                  </a:lnTo>
                  <a:lnTo>
                    <a:pt x="10116" y="2259"/>
                  </a:lnTo>
                  <a:close/>
                  <a:moveTo>
                    <a:pt x="10157" y="2445"/>
                  </a:moveTo>
                  <a:lnTo>
                    <a:pt x="10157" y="2405"/>
                  </a:lnTo>
                  <a:lnTo>
                    <a:pt x="10139" y="2400"/>
                  </a:lnTo>
                  <a:lnTo>
                    <a:pt x="10139" y="2445"/>
                  </a:lnTo>
                  <a:lnTo>
                    <a:pt x="10149" y="2444"/>
                  </a:lnTo>
                  <a:lnTo>
                    <a:pt x="10157" y="2445"/>
                  </a:lnTo>
                  <a:close/>
                  <a:moveTo>
                    <a:pt x="10164" y="2235"/>
                  </a:moveTo>
                  <a:lnTo>
                    <a:pt x="10164" y="2158"/>
                  </a:lnTo>
                  <a:lnTo>
                    <a:pt x="10153" y="2145"/>
                  </a:lnTo>
                  <a:lnTo>
                    <a:pt x="10149" y="2157"/>
                  </a:lnTo>
                  <a:lnTo>
                    <a:pt x="10141" y="2168"/>
                  </a:lnTo>
                  <a:lnTo>
                    <a:pt x="10141" y="2240"/>
                  </a:lnTo>
                  <a:lnTo>
                    <a:pt x="10152" y="2236"/>
                  </a:lnTo>
                  <a:lnTo>
                    <a:pt x="10164" y="2235"/>
                  </a:lnTo>
                  <a:close/>
                  <a:moveTo>
                    <a:pt x="10153" y="2083"/>
                  </a:moveTo>
                  <a:lnTo>
                    <a:pt x="10162" y="2070"/>
                  </a:lnTo>
                  <a:lnTo>
                    <a:pt x="10172" y="2061"/>
                  </a:lnTo>
                  <a:lnTo>
                    <a:pt x="10184" y="2056"/>
                  </a:lnTo>
                  <a:lnTo>
                    <a:pt x="10197" y="2053"/>
                  </a:lnTo>
                  <a:lnTo>
                    <a:pt x="10212" y="2056"/>
                  </a:lnTo>
                  <a:lnTo>
                    <a:pt x="10226" y="2062"/>
                  </a:lnTo>
                  <a:lnTo>
                    <a:pt x="10237" y="2073"/>
                  </a:lnTo>
                  <a:lnTo>
                    <a:pt x="10245" y="2087"/>
                  </a:lnTo>
                  <a:lnTo>
                    <a:pt x="10245" y="2058"/>
                  </a:lnTo>
                  <a:lnTo>
                    <a:pt x="10233" y="2056"/>
                  </a:lnTo>
                  <a:lnTo>
                    <a:pt x="10227" y="2052"/>
                  </a:lnTo>
                  <a:lnTo>
                    <a:pt x="10223" y="2048"/>
                  </a:lnTo>
                  <a:lnTo>
                    <a:pt x="10216" y="2037"/>
                  </a:lnTo>
                  <a:lnTo>
                    <a:pt x="10214" y="2022"/>
                  </a:lnTo>
                  <a:lnTo>
                    <a:pt x="10214" y="2021"/>
                  </a:lnTo>
                  <a:lnTo>
                    <a:pt x="10218" y="2002"/>
                  </a:lnTo>
                  <a:lnTo>
                    <a:pt x="10228" y="1990"/>
                  </a:lnTo>
                  <a:lnTo>
                    <a:pt x="10180" y="1990"/>
                  </a:lnTo>
                  <a:lnTo>
                    <a:pt x="10137" y="1994"/>
                  </a:lnTo>
                  <a:lnTo>
                    <a:pt x="10098" y="1999"/>
                  </a:lnTo>
                  <a:lnTo>
                    <a:pt x="10062" y="2006"/>
                  </a:lnTo>
                  <a:lnTo>
                    <a:pt x="10030" y="2015"/>
                  </a:lnTo>
                  <a:lnTo>
                    <a:pt x="10002" y="2026"/>
                  </a:lnTo>
                  <a:lnTo>
                    <a:pt x="9975" y="2037"/>
                  </a:lnTo>
                  <a:lnTo>
                    <a:pt x="9950" y="2050"/>
                  </a:lnTo>
                  <a:lnTo>
                    <a:pt x="9927" y="2064"/>
                  </a:lnTo>
                  <a:lnTo>
                    <a:pt x="9906" y="2077"/>
                  </a:lnTo>
                  <a:lnTo>
                    <a:pt x="9864" y="2107"/>
                  </a:lnTo>
                  <a:lnTo>
                    <a:pt x="9820" y="2137"/>
                  </a:lnTo>
                  <a:lnTo>
                    <a:pt x="9771" y="2164"/>
                  </a:lnTo>
                  <a:lnTo>
                    <a:pt x="9884" y="2164"/>
                  </a:lnTo>
                  <a:lnTo>
                    <a:pt x="9890" y="2164"/>
                  </a:lnTo>
                  <a:lnTo>
                    <a:pt x="9894" y="2166"/>
                  </a:lnTo>
                  <a:lnTo>
                    <a:pt x="9896" y="2172"/>
                  </a:lnTo>
                  <a:lnTo>
                    <a:pt x="9899" y="2182"/>
                  </a:lnTo>
                  <a:lnTo>
                    <a:pt x="9902" y="2213"/>
                  </a:lnTo>
                  <a:lnTo>
                    <a:pt x="9918" y="2207"/>
                  </a:lnTo>
                  <a:lnTo>
                    <a:pt x="9934" y="2204"/>
                  </a:lnTo>
                  <a:lnTo>
                    <a:pt x="9950" y="2207"/>
                  </a:lnTo>
                  <a:lnTo>
                    <a:pt x="9965" y="2212"/>
                  </a:lnTo>
                  <a:lnTo>
                    <a:pt x="9979" y="2220"/>
                  </a:lnTo>
                  <a:lnTo>
                    <a:pt x="9984" y="2226"/>
                  </a:lnTo>
                  <a:lnTo>
                    <a:pt x="9990" y="2232"/>
                  </a:lnTo>
                  <a:lnTo>
                    <a:pt x="9990" y="2192"/>
                  </a:lnTo>
                  <a:lnTo>
                    <a:pt x="9988" y="2151"/>
                  </a:lnTo>
                  <a:lnTo>
                    <a:pt x="9976" y="2147"/>
                  </a:lnTo>
                  <a:lnTo>
                    <a:pt x="9968" y="2139"/>
                  </a:lnTo>
                  <a:lnTo>
                    <a:pt x="9961" y="2128"/>
                  </a:lnTo>
                  <a:lnTo>
                    <a:pt x="9959" y="2115"/>
                  </a:lnTo>
                  <a:lnTo>
                    <a:pt x="9959" y="2112"/>
                  </a:lnTo>
                  <a:lnTo>
                    <a:pt x="9961" y="2097"/>
                  </a:lnTo>
                  <a:lnTo>
                    <a:pt x="9969" y="2085"/>
                  </a:lnTo>
                  <a:lnTo>
                    <a:pt x="9973" y="2081"/>
                  </a:lnTo>
                  <a:lnTo>
                    <a:pt x="9980" y="2077"/>
                  </a:lnTo>
                  <a:lnTo>
                    <a:pt x="9992" y="2074"/>
                  </a:lnTo>
                  <a:lnTo>
                    <a:pt x="10004" y="2077"/>
                  </a:lnTo>
                  <a:lnTo>
                    <a:pt x="10014" y="2084"/>
                  </a:lnTo>
                  <a:lnTo>
                    <a:pt x="10025" y="2061"/>
                  </a:lnTo>
                  <a:lnTo>
                    <a:pt x="10033" y="2052"/>
                  </a:lnTo>
                  <a:lnTo>
                    <a:pt x="10041" y="2043"/>
                  </a:lnTo>
                  <a:lnTo>
                    <a:pt x="10061" y="2031"/>
                  </a:lnTo>
                  <a:lnTo>
                    <a:pt x="10084" y="2027"/>
                  </a:lnTo>
                  <a:lnTo>
                    <a:pt x="10107" y="2031"/>
                  </a:lnTo>
                  <a:lnTo>
                    <a:pt x="10127" y="2042"/>
                  </a:lnTo>
                  <a:lnTo>
                    <a:pt x="10142" y="2060"/>
                  </a:lnTo>
                  <a:lnTo>
                    <a:pt x="10153" y="2083"/>
                  </a:lnTo>
                  <a:close/>
                  <a:moveTo>
                    <a:pt x="10268" y="2263"/>
                  </a:moveTo>
                  <a:lnTo>
                    <a:pt x="10268" y="2243"/>
                  </a:lnTo>
                  <a:lnTo>
                    <a:pt x="10255" y="2239"/>
                  </a:lnTo>
                  <a:lnTo>
                    <a:pt x="10250" y="2236"/>
                  </a:lnTo>
                  <a:lnTo>
                    <a:pt x="10246" y="2232"/>
                  </a:lnTo>
                  <a:lnTo>
                    <a:pt x="10239" y="2220"/>
                  </a:lnTo>
                  <a:lnTo>
                    <a:pt x="10237" y="2207"/>
                  </a:lnTo>
                  <a:lnTo>
                    <a:pt x="10237" y="2204"/>
                  </a:lnTo>
                  <a:lnTo>
                    <a:pt x="10238" y="2191"/>
                  </a:lnTo>
                  <a:lnTo>
                    <a:pt x="10245" y="2180"/>
                  </a:lnTo>
                  <a:lnTo>
                    <a:pt x="10245" y="2139"/>
                  </a:lnTo>
                  <a:lnTo>
                    <a:pt x="10237" y="2153"/>
                  </a:lnTo>
                  <a:lnTo>
                    <a:pt x="10226" y="2164"/>
                  </a:lnTo>
                  <a:lnTo>
                    <a:pt x="10212" y="2170"/>
                  </a:lnTo>
                  <a:lnTo>
                    <a:pt x="10197" y="2173"/>
                  </a:lnTo>
                  <a:lnTo>
                    <a:pt x="10188" y="2172"/>
                  </a:lnTo>
                  <a:lnTo>
                    <a:pt x="10188" y="2238"/>
                  </a:lnTo>
                  <a:lnTo>
                    <a:pt x="10204" y="2244"/>
                  </a:lnTo>
                  <a:lnTo>
                    <a:pt x="10219" y="2257"/>
                  </a:lnTo>
                  <a:lnTo>
                    <a:pt x="10230" y="2271"/>
                  </a:lnTo>
                  <a:lnTo>
                    <a:pt x="10238" y="2289"/>
                  </a:lnTo>
                  <a:lnTo>
                    <a:pt x="10243" y="2281"/>
                  </a:lnTo>
                  <a:lnTo>
                    <a:pt x="10250" y="2273"/>
                  </a:lnTo>
                  <a:lnTo>
                    <a:pt x="10268" y="2263"/>
                  </a:lnTo>
                  <a:close/>
                  <a:moveTo>
                    <a:pt x="10285" y="2172"/>
                  </a:moveTo>
                  <a:lnTo>
                    <a:pt x="10285" y="2080"/>
                  </a:lnTo>
                  <a:lnTo>
                    <a:pt x="10276" y="2066"/>
                  </a:lnTo>
                  <a:lnTo>
                    <a:pt x="10269" y="2050"/>
                  </a:lnTo>
                  <a:lnTo>
                    <a:pt x="10269" y="2168"/>
                  </a:lnTo>
                  <a:lnTo>
                    <a:pt x="10285" y="2172"/>
                  </a:lnTo>
                  <a:close/>
                  <a:moveTo>
                    <a:pt x="10308" y="2269"/>
                  </a:moveTo>
                  <a:lnTo>
                    <a:pt x="10308" y="2265"/>
                  </a:lnTo>
                  <a:lnTo>
                    <a:pt x="10299" y="2250"/>
                  </a:lnTo>
                  <a:lnTo>
                    <a:pt x="10292" y="2234"/>
                  </a:lnTo>
                  <a:lnTo>
                    <a:pt x="10292" y="2262"/>
                  </a:lnTo>
                  <a:lnTo>
                    <a:pt x="10308" y="2269"/>
                  </a:lnTo>
                  <a:close/>
                  <a:moveTo>
                    <a:pt x="10327" y="2130"/>
                  </a:moveTo>
                  <a:lnTo>
                    <a:pt x="10327" y="2106"/>
                  </a:lnTo>
                  <a:lnTo>
                    <a:pt x="10309" y="2100"/>
                  </a:lnTo>
                  <a:lnTo>
                    <a:pt x="10309" y="2145"/>
                  </a:lnTo>
                  <a:lnTo>
                    <a:pt x="10327" y="2130"/>
                  </a:lnTo>
                  <a:close/>
                  <a:moveTo>
                    <a:pt x="10350" y="2365"/>
                  </a:moveTo>
                  <a:lnTo>
                    <a:pt x="10350" y="2290"/>
                  </a:lnTo>
                  <a:lnTo>
                    <a:pt x="10332" y="2284"/>
                  </a:lnTo>
                  <a:lnTo>
                    <a:pt x="10332" y="2305"/>
                  </a:lnTo>
                  <a:lnTo>
                    <a:pt x="10334" y="2319"/>
                  </a:lnTo>
                  <a:lnTo>
                    <a:pt x="10334" y="2321"/>
                  </a:lnTo>
                  <a:lnTo>
                    <a:pt x="10332" y="2335"/>
                  </a:lnTo>
                  <a:lnTo>
                    <a:pt x="10332" y="2356"/>
                  </a:lnTo>
                  <a:lnTo>
                    <a:pt x="10342" y="2359"/>
                  </a:lnTo>
                  <a:lnTo>
                    <a:pt x="10350" y="2365"/>
                  </a:lnTo>
                  <a:close/>
                  <a:moveTo>
                    <a:pt x="10255" y="1005"/>
                  </a:moveTo>
                  <a:lnTo>
                    <a:pt x="10262" y="990"/>
                  </a:lnTo>
                  <a:lnTo>
                    <a:pt x="10272" y="974"/>
                  </a:lnTo>
                  <a:lnTo>
                    <a:pt x="10282" y="960"/>
                  </a:lnTo>
                  <a:lnTo>
                    <a:pt x="10296" y="947"/>
                  </a:lnTo>
                  <a:lnTo>
                    <a:pt x="10330" y="924"/>
                  </a:lnTo>
                  <a:lnTo>
                    <a:pt x="10370" y="908"/>
                  </a:lnTo>
                  <a:lnTo>
                    <a:pt x="10416" y="862"/>
                  </a:lnTo>
                  <a:lnTo>
                    <a:pt x="10378" y="860"/>
                  </a:lnTo>
                  <a:lnTo>
                    <a:pt x="10233" y="1005"/>
                  </a:lnTo>
                  <a:lnTo>
                    <a:pt x="10255" y="1005"/>
                  </a:lnTo>
                  <a:close/>
                  <a:moveTo>
                    <a:pt x="10372" y="2120"/>
                  </a:moveTo>
                  <a:lnTo>
                    <a:pt x="10372" y="2097"/>
                  </a:lnTo>
                  <a:lnTo>
                    <a:pt x="10351" y="2106"/>
                  </a:lnTo>
                  <a:lnTo>
                    <a:pt x="10351" y="2120"/>
                  </a:lnTo>
                  <a:lnTo>
                    <a:pt x="10362" y="2119"/>
                  </a:lnTo>
                  <a:lnTo>
                    <a:pt x="10372" y="2120"/>
                  </a:lnTo>
                  <a:close/>
                  <a:moveTo>
                    <a:pt x="10394" y="2315"/>
                  </a:moveTo>
                  <a:lnTo>
                    <a:pt x="10394" y="2282"/>
                  </a:lnTo>
                  <a:lnTo>
                    <a:pt x="10374" y="2290"/>
                  </a:lnTo>
                  <a:lnTo>
                    <a:pt x="10374" y="2329"/>
                  </a:lnTo>
                  <a:lnTo>
                    <a:pt x="10394" y="2315"/>
                  </a:lnTo>
                  <a:close/>
                  <a:moveTo>
                    <a:pt x="10408" y="2138"/>
                  </a:moveTo>
                  <a:lnTo>
                    <a:pt x="10408" y="2052"/>
                  </a:lnTo>
                  <a:lnTo>
                    <a:pt x="10396" y="2076"/>
                  </a:lnTo>
                  <a:lnTo>
                    <a:pt x="10396" y="2128"/>
                  </a:lnTo>
                  <a:lnTo>
                    <a:pt x="10408" y="2138"/>
                  </a:lnTo>
                  <a:close/>
                  <a:moveTo>
                    <a:pt x="10450" y="894"/>
                  </a:moveTo>
                  <a:lnTo>
                    <a:pt x="10482" y="862"/>
                  </a:lnTo>
                  <a:lnTo>
                    <a:pt x="10444" y="860"/>
                  </a:lnTo>
                  <a:lnTo>
                    <a:pt x="10405" y="898"/>
                  </a:lnTo>
                  <a:lnTo>
                    <a:pt x="10450" y="894"/>
                  </a:lnTo>
                  <a:close/>
                  <a:moveTo>
                    <a:pt x="10505" y="904"/>
                  </a:moveTo>
                  <a:lnTo>
                    <a:pt x="10548" y="862"/>
                  </a:lnTo>
                  <a:lnTo>
                    <a:pt x="10509" y="860"/>
                  </a:lnTo>
                  <a:lnTo>
                    <a:pt x="10475" y="895"/>
                  </a:lnTo>
                  <a:lnTo>
                    <a:pt x="10490" y="898"/>
                  </a:lnTo>
                  <a:lnTo>
                    <a:pt x="10505" y="904"/>
                  </a:lnTo>
                  <a:close/>
                  <a:moveTo>
                    <a:pt x="10546" y="929"/>
                  </a:moveTo>
                  <a:lnTo>
                    <a:pt x="10613" y="862"/>
                  </a:lnTo>
                  <a:lnTo>
                    <a:pt x="10575" y="860"/>
                  </a:lnTo>
                  <a:lnTo>
                    <a:pt x="10523" y="913"/>
                  </a:lnTo>
                  <a:lnTo>
                    <a:pt x="10546" y="929"/>
                  </a:lnTo>
                  <a:close/>
                  <a:moveTo>
                    <a:pt x="10562" y="939"/>
                  </a:moveTo>
                  <a:lnTo>
                    <a:pt x="10587" y="953"/>
                  </a:lnTo>
                  <a:lnTo>
                    <a:pt x="10679" y="862"/>
                  </a:lnTo>
                  <a:lnTo>
                    <a:pt x="10641" y="860"/>
                  </a:lnTo>
                  <a:lnTo>
                    <a:pt x="10562" y="939"/>
                  </a:lnTo>
                  <a:close/>
                  <a:moveTo>
                    <a:pt x="10644" y="962"/>
                  </a:moveTo>
                  <a:lnTo>
                    <a:pt x="10745" y="862"/>
                  </a:lnTo>
                  <a:lnTo>
                    <a:pt x="10706" y="860"/>
                  </a:lnTo>
                  <a:lnTo>
                    <a:pt x="10608" y="959"/>
                  </a:lnTo>
                  <a:lnTo>
                    <a:pt x="10637" y="962"/>
                  </a:lnTo>
                  <a:lnTo>
                    <a:pt x="10644" y="962"/>
                  </a:lnTo>
                  <a:close/>
                  <a:moveTo>
                    <a:pt x="10766" y="906"/>
                  </a:moveTo>
                  <a:lnTo>
                    <a:pt x="10810" y="862"/>
                  </a:lnTo>
                  <a:lnTo>
                    <a:pt x="10772" y="860"/>
                  </a:lnTo>
                  <a:lnTo>
                    <a:pt x="10677" y="956"/>
                  </a:lnTo>
                  <a:lnTo>
                    <a:pt x="10702" y="947"/>
                  </a:lnTo>
                  <a:lnTo>
                    <a:pt x="10714" y="941"/>
                  </a:lnTo>
                  <a:lnTo>
                    <a:pt x="10725" y="936"/>
                  </a:lnTo>
                  <a:lnTo>
                    <a:pt x="10747" y="921"/>
                  </a:lnTo>
                  <a:lnTo>
                    <a:pt x="10766" y="906"/>
                  </a:lnTo>
                  <a:close/>
                  <a:moveTo>
                    <a:pt x="11448" y="750"/>
                  </a:moveTo>
                  <a:lnTo>
                    <a:pt x="11516" y="746"/>
                  </a:lnTo>
                  <a:lnTo>
                    <a:pt x="11516" y="1529"/>
                  </a:lnTo>
                  <a:lnTo>
                    <a:pt x="11516" y="2315"/>
                  </a:lnTo>
                  <a:lnTo>
                    <a:pt x="11478" y="2293"/>
                  </a:lnTo>
                  <a:lnTo>
                    <a:pt x="11462" y="2280"/>
                  </a:lnTo>
                  <a:lnTo>
                    <a:pt x="11446" y="2266"/>
                  </a:lnTo>
                  <a:lnTo>
                    <a:pt x="11416" y="2236"/>
                  </a:lnTo>
                  <a:lnTo>
                    <a:pt x="11388" y="2205"/>
                  </a:lnTo>
                  <a:lnTo>
                    <a:pt x="11359" y="2176"/>
                  </a:lnTo>
                  <a:lnTo>
                    <a:pt x="11328" y="2150"/>
                  </a:lnTo>
                  <a:lnTo>
                    <a:pt x="11311" y="2139"/>
                  </a:lnTo>
                  <a:lnTo>
                    <a:pt x="11292" y="2128"/>
                  </a:lnTo>
                  <a:lnTo>
                    <a:pt x="11272" y="2122"/>
                  </a:lnTo>
                  <a:lnTo>
                    <a:pt x="11249" y="2116"/>
                  </a:lnTo>
                  <a:lnTo>
                    <a:pt x="11242" y="2096"/>
                  </a:lnTo>
                  <a:lnTo>
                    <a:pt x="11231" y="2074"/>
                  </a:lnTo>
                  <a:lnTo>
                    <a:pt x="11218" y="2058"/>
                  </a:lnTo>
                  <a:lnTo>
                    <a:pt x="11210" y="2053"/>
                  </a:lnTo>
                  <a:lnTo>
                    <a:pt x="11201" y="2052"/>
                  </a:lnTo>
                  <a:lnTo>
                    <a:pt x="11188" y="2052"/>
                  </a:lnTo>
                  <a:lnTo>
                    <a:pt x="11177" y="2053"/>
                  </a:lnTo>
                  <a:lnTo>
                    <a:pt x="11166" y="2058"/>
                  </a:lnTo>
                  <a:lnTo>
                    <a:pt x="11160" y="2068"/>
                  </a:lnTo>
                  <a:lnTo>
                    <a:pt x="11154" y="2057"/>
                  </a:lnTo>
                  <a:lnTo>
                    <a:pt x="11149" y="2049"/>
                  </a:lnTo>
                  <a:lnTo>
                    <a:pt x="11141" y="2042"/>
                  </a:lnTo>
                  <a:lnTo>
                    <a:pt x="11133" y="2037"/>
                  </a:lnTo>
                  <a:lnTo>
                    <a:pt x="11112" y="2031"/>
                  </a:lnTo>
                  <a:lnTo>
                    <a:pt x="11089" y="2029"/>
                  </a:lnTo>
                  <a:lnTo>
                    <a:pt x="11087" y="2029"/>
                  </a:lnTo>
                  <a:lnTo>
                    <a:pt x="11087" y="1981"/>
                  </a:lnTo>
                  <a:lnTo>
                    <a:pt x="11094" y="1971"/>
                  </a:lnTo>
                  <a:lnTo>
                    <a:pt x="11099" y="1958"/>
                  </a:lnTo>
                  <a:lnTo>
                    <a:pt x="11107" y="1969"/>
                  </a:lnTo>
                  <a:lnTo>
                    <a:pt x="11118" y="1979"/>
                  </a:lnTo>
                  <a:lnTo>
                    <a:pt x="11129" y="1984"/>
                  </a:lnTo>
                  <a:lnTo>
                    <a:pt x="11142" y="1985"/>
                  </a:lnTo>
                  <a:lnTo>
                    <a:pt x="11162" y="1981"/>
                  </a:lnTo>
                  <a:lnTo>
                    <a:pt x="11177" y="1969"/>
                  </a:lnTo>
                  <a:lnTo>
                    <a:pt x="11188" y="1952"/>
                  </a:lnTo>
                  <a:lnTo>
                    <a:pt x="11193" y="1929"/>
                  </a:lnTo>
                  <a:lnTo>
                    <a:pt x="11193" y="1926"/>
                  </a:lnTo>
                  <a:lnTo>
                    <a:pt x="11192" y="1915"/>
                  </a:lnTo>
                  <a:lnTo>
                    <a:pt x="11188" y="1905"/>
                  </a:lnTo>
                  <a:lnTo>
                    <a:pt x="11177" y="1887"/>
                  </a:lnTo>
                  <a:lnTo>
                    <a:pt x="11170" y="1879"/>
                  </a:lnTo>
                  <a:lnTo>
                    <a:pt x="11162" y="1875"/>
                  </a:lnTo>
                  <a:lnTo>
                    <a:pt x="11142" y="1869"/>
                  </a:lnTo>
                  <a:lnTo>
                    <a:pt x="11130" y="1872"/>
                  </a:lnTo>
                  <a:lnTo>
                    <a:pt x="11118" y="1876"/>
                  </a:lnTo>
                  <a:lnTo>
                    <a:pt x="11108" y="1884"/>
                  </a:lnTo>
                  <a:lnTo>
                    <a:pt x="11100" y="1895"/>
                  </a:lnTo>
                  <a:lnTo>
                    <a:pt x="11100" y="1802"/>
                  </a:lnTo>
                  <a:lnTo>
                    <a:pt x="11110" y="1805"/>
                  </a:lnTo>
                  <a:lnTo>
                    <a:pt x="11121" y="1806"/>
                  </a:lnTo>
                  <a:lnTo>
                    <a:pt x="11139" y="1802"/>
                  </a:lnTo>
                  <a:lnTo>
                    <a:pt x="11156" y="1790"/>
                  </a:lnTo>
                  <a:lnTo>
                    <a:pt x="11162" y="1780"/>
                  </a:lnTo>
                  <a:lnTo>
                    <a:pt x="11166" y="1771"/>
                  </a:lnTo>
                  <a:lnTo>
                    <a:pt x="11169" y="1760"/>
                  </a:lnTo>
                  <a:lnTo>
                    <a:pt x="11170" y="1749"/>
                  </a:lnTo>
                  <a:lnTo>
                    <a:pt x="11169" y="1737"/>
                  </a:lnTo>
                  <a:lnTo>
                    <a:pt x="11166" y="1725"/>
                  </a:lnTo>
                  <a:lnTo>
                    <a:pt x="11156" y="1708"/>
                  </a:lnTo>
                  <a:lnTo>
                    <a:pt x="11149" y="1699"/>
                  </a:lnTo>
                  <a:lnTo>
                    <a:pt x="11139" y="1694"/>
                  </a:lnTo>
                  <a:lnTo>
                    <a:pt x="11121" y="1690"/>
                  </a:lnTo>
                  <a:lnTo>
                    <a:pt x="11107" y="1693"/>
                  </a:lnTo>
                  <a:lnTo>
                    <a:pt x="11095" y="1698"/>
                  </a:lnTo>
                  <a:lnTo>
                    <a:pt x="11085" y="1706"/>
                  </a:lnTo>
                  <a:lnTo>
                    <a:pt x="11077" y="1718"/>
                  </a:lnTo>
                  <a:lnTo>
                    <a:pt x="11067" y="1697"/>
                  </a:lnTo>
                  <a:lnTo>
                    <a:pt x="11050" y="1679"/>
                  </a:lnTo>
                  <a:lnTo>
                    <a:pt x="11042" y="1674"/>
                  </a:lnTo>
                  <a:lnTo>
                    <a:pt x="11031" y="1668"/>
                  </a:lnTo>
                  <a:lnTo>
                    <a:pt x="11010" y="1664"/>
                  </a:lnTo>
                  <a:lnTo>
                    <a:pt x="10987" y="1668"/>
                  </a:lnTo>
                  <a:lnTo>
                    <a:pt x="10968" y="1681"/>
                  </a:lnTo>
                  <a:lnTo>
                    <a:pt x="10952" y="1698"/>
                  </a:lnTo>
                  <a:lnTo>
                    <a:pt x="10941" y="1720"/>
                  </a:lnTo>
                  <a:lnTo>
                    <a:pt x="10932" y="1713"/>
                  </a:lnTo>
                  <a:lnTo>
                    <a:pt x="10919" y="1710"/>
                  </a:lnTo>
                  <a:lnTo>
                    <a:pt x="10907" y="1713"/>
                  </a:lnTo>
                  <a:lnTo>
                    <a:pt x="10896" y="1721"/>
                  </a:lnTo>
                  <a:lnTo>
                    <a:pt x="10890" y="1733"/>
                  </a:lnTo>
                  <a:lnTo>
                    <a:pt x="10887" y="1747"/>
                  </a:lnTo>
                  <a:lnTo>
                    <a:pt x="10887" y="1749"/>
                  </a:lnTo>
                  <a:lnTo>
                    <a:pt x="10890" y="1763"/>
                  </a:lnTo>
                  <a:lnTo>
                    <a:pt x="10896" y="1774"/>
                  </a:lnTo>
                  <a:lnTo>
                    <a:pt x="10906" y="1782"/>
                  </a:lnTo>
                  <a:lnTo>
                    <a:pt x="10917" y="1786"/>
                  </a:lnTo>
                  <a:lnTo>
                    <a:pt x="10917" y="1813"/>
                  </a:lnTo>
                  <a:lnTo>
                    <a:pt x="10910" y="1799"/>
                  </a:lnTo>
                  <a:lnTo>
                    <a:pt x="10899" y="1789"/>
                  </a:lnTo>
                  <a:lnTo>
                    <a:pt x="10886" y="1782"/>
                  </a:lnTo>
                  <a:lnTo>
                    <a:pt x="10872" y="1780"/>
                  </a:lnTo>
                  <a:lnTo>
                    <a:pt x="10859" y="1782"/>
                  </a:lnTo>
                  <a:lnTo>
                    <a:pt x="10847" y="1787"/>
                  </a:lnTo>
                  <a:lnTo>
                    <a:pt x="10837" y="1797"/>
                  </a:lnTo>
                  <a:lnTo>
                    <a:pt x="10829" y="1807"/>
                  </a:lnTo>
                  <a:lnTo>
                    <a:pt x="10818" y="1786"/>
                  </a:lnTo>
                  <a:lnTo>
                    <a:pt x="10803" y="1770"/>
                  </a:lnTo>
                  <a:lnTo>
                    <a:pt x="10794" y="1763"/>
                  </a:lnTo>
                  <a:lnTo>
                    <a:pt x="10783" y="1759"/>
                  </a:lnTo>
                  <a:lnTo>
                    <a:pt x="10762" y="1755"/>
                  </a:lnTo>
                  <a:lnTo>
                    <a:pt x="10739" y="1759"/>
                  </a:lnTo>
                  <a:lnTo>
                    <a:pt x="10720" y="1770"/>
                  </a:lnTo>
                  <a:lnTo>
                    <a:pt x="10704" y="1787"/>
                  </a:lnTo>
                  <a:lnTo>
                    <a:pt x="10693" y="1810"/>
                  </a:lnTo>
                  <a:lnTo>
                    <a:pt x="10683" y="1803"/>
                  </a:lnTo>
                  <a:lnTo>
                    <a:pt x="10671" y="1801"/>
                  </a:lnTo>
                  <a:lnTo>
                    <a:pt x="10659" y="1803"/>
                  </a:lnTo>
                  <a:lnTo>
                    <a:pt x="10650" y="1811"/>
                  </a:lnTo>
                  <a:lnTo>
                    <a:pt x="10641" y="1822"/>
                  </a:lnTo>
                  <a:lnTo>
                    <a:pt x="10639" y="1837"/>
                  </a:lnTo>
                  <a:lnTo>
                    <a:pt x="10639" y="1838"/>
                  </a:lnTo>
                  <a:lnTo>
                    <a:pt x="10641" y="1852"/>
                  </a:lnTo>
                  <a:lnTo>
                    <a:pt x="10648" y="1864"/>
                  </a:lnTo>
                  <a:lnTo>
                    <a:pt x="10658" y="1872"/>
                  </a:lnTo>
                  <a:lnTo>
                    <a:pt x="10670" y="1875"/>
                  </a:lnTo>
                  <a:lnTo>
                    <a:pt x="10670" y="1954"/>
                  </a:lnTo>
                  <a:lnTo>
                    <a:pt x="10658" y="1944"/>
                  </a:lnTo>
                  <a:lnTo>
                    <a:pt x="10645" y="1934"/>
                  </a:lnTo>
                  <a:lnTo>
                    <a:pt x="10631" y="1929"/>
                  </a:lnTo>
                  <a:lnTo>
                    <a:pt x="10616" y="1927"/>
                  </a:lnTo>
                  <a:lnTo>
                    <a:pt x="10593" y="1931"/>
                  </a:lnTo>
                  <a:lnTo>
                    <a:pt x="10574" y="1942"/>
                  </a:lnTo>
                  <a:lnTo>
                    <a:pt x="10558" y="1960"/>
                  </a:lnTo>
                  <a:lnTo>
                    <a:pt x="10547" y="1983"/>
                  </a:lnTo>
                  <a:lnTo>
                    <a:pt x="10538" y="1976"/>
                  </a:lnTo>
                  <a:lnTo>
                    <a:pt x="10525" y="1973"/>
                  </a:lnTo>
                  <a:lnTo>
                    <a:pt x="10513" y="1976"/>
                  </a:lnTo>
                  <a:lnTo>
                    <a:pt x="10502" y="1984"/>
                  </a:lnTo>
                  <a:lnTo>
                    <a:pt x="10496" y="1995"/>
                  </a:lnTo>
                  <a:lnTo>
                    <a:pt x="10493" y="2010"/>
                  </a:lnTo>
                  <a:lnTo>
                    <a:pt x="10493" y="2011"/>
                  </a:lnTo>
                  <a:lnTo>
                    <a:pt x="10496" y="2026"/>
                  </a:lnTo>
                  <a:lnTo>
                    <a:pt x="10502" y="2037"/>
                  </a:lnTo>
                  <a:lnTo>
                    <a:pt x="10496" y="2054"/>
                  </a:lnTo>
                  <a:lnTo>
                    <a:pt x="10484" y="2068"/>
                  </a:lnTo>
                  <a:lnTo>
                    <a:pt x="10470" y="2077"/>
                  </a:lnTo>
                  <a:lnTo>
                    <a:pt x="10461" y="2080"/>
                  </a:lnTo>
                  <a:lnTo>
                    <a:pt x="10452" y="2080"/>
                  </a:lnTo>
                  <a:lnTo>
                    <a:pt x="10432" y="2076"/>
                  </a:lnTo>
                  <a:lnTo>
                    <a:pt x="10432" y="2172"/>
                  </a:lnTo>
                  <a:lnTo>
                    <a:pt x="10440" y="2161"/>
                  </a:lnTo>
                  <a:lnTo>
                    <a:pt x="10451" y="2153"/>
                  </a:lnTo>
                  <a:lnTo>
                    <a:pt x="10462" y="2147"/>
                  </a:lnTo>
                  <a:lnTo>
                    <a:pt x="10475" y="2146"/>
                  </a:lnTo>
                  <a:lnTo>
                    <a:pt x="10496" y="2150"/>
                  </a:lnTo>
                  <a:lnTo>
                    <a:pt x="10504" y="2155"/>
                  </a:lnTo>
                  <a:lnTo>
                    <a:pt x="10512" y="2162"/>
                  </a:lnTo>
                  <a:lnTo>
                    <a:pt x="10523" y="2181"/>
                  </a:lnTo>
                  <a:lnTo>
                    <a:pt x="10525" y="2192"/>
                  </a:lnTo>
                  <a:lnTo>
                    <a:pt x="10527" y="2204"/>
                  </a:lnTo>
                  <a:lnTo>
                    <a:pt x="10527" y="2207"/>
                  </a:lnTo>
                  <a:lnTo>
                    <a:pt x="10525" y="2219"/>
                  </a:lnTo>
                  <a:lnTo>
                    <a:pt x="10523" y="2230"/>
                  </a:lnTo>
                  <a:lnTo>
                    <a:pt x="10512" y="2247"/>
                  </a:lnTo>
                  <a:lnTo>
                    <a:pt x="10504" y="2255"/>
                  </a:lnTo>
                  <a:lnTo>
                    <a:pt x="10496" y="2261"/>
                  </a:lnTo>
                  <a:lnTo>
                    <a:pt x="10485" y="2263"/>
                  </a:lnTo>
                  <a:lnTo>
                    <a:pt x="10475" y="2265"/>
                  </a:lnTo>
                  <a:lnTo>
                    <a:pt x="10462" y="2262"/>
                  </a:lnTo>
                  <a:lnTo>
                    <a:pt x="10450" y="2257"/>
                  </a:lnTo>
                  <a:lnTo>
                    <a:pt x="10439" y="2247"/>
                  </a:lnTo>
                  <a:lnTo>
                    <a:pt x="10431" y="2236"/>
                  </a:lnTo>
                  <a:lnTo>
                    <a:pt x="10425" y="2249"/>
                  </a:lnTo>
                  <a:lnTo>
                    <a:pt x="10419" y="2261"/>
                  </a:lnTo>
                  <a:lnTo>
                    <a:pt x="10419" y="2309"/>
                  </a:lnTo>
                  <a:lnTo>
                    <a:pt x="10421" y="2309"/>
                  </a:lnTo>
                  <a:lnTo>
                    <a:pt x="10444" y="2313"/>
                  </a:lnTo>
                  <a:lnTo>
                    <a:pt x="10465" y="2324"/>
                  </a:lnTo>
                  <a:lnTo>
                    <a:pt x="10479" y="2342"/>
                  </a:lnTo>
                  <a:lnTo>
                    <a:pt x="10490" y="2365"/>
                  </a:lnTo>
                  <a:lnTo>
                    <a:pt x="10498" y="2352"/>
                  </a:lnTo>
                  <a:lnTo>
                    <a:pt x="10509" y="2343"/>
                  </a:lnTo>
                  <a:lnTo>
                    <a:pt x="10521" y="2338"/>
                  </a:lnTo>
                  <a:lnTo>
                    <a:pt x="10535" y="2335"/>
                  </a:lnTo>
                  <a:lnTo>
                    <a:pt x="10555" y="2340"/>
                  </a:lnTo>
                  <a:lnTo>
                    <a:pt x="10564" y="2346"/>
                  </a:lnTo>
                  <a:lnTo>
                    <a:pt x="10571" y="2352"/>
                  </a:lnTo>
                  <a:lnTo>
                    <a:pt x="10582" y="2371"/>
                  </a:lnTo>
                  <a:lnTo>
                    <a:pt x="10586" y="2382"/>
                  </a:lnTo>
                  <a:lnTo>
                    <a:pt x="10587" y="2394"/>
                  </a:lnTo>
                  <a:lnTo>
                    <a:pt x="10582" y="2418"/>
                  </a:lnTo>
                  <a:lnTo>
                    <a:pt x="10571" y="2437"/>
                  </a:lnTo>
                  <a:lnTo>
                    <a:pt x="10564" y="2444"/>
                  </a:lnTo>
                  <a:lnTo>
                    <a:pt x="10555" y="2450"/>
                  </a:lnTo>
                  <a:lnTo>
                    <a:pt x="10535" y="2455"/>
                  </a:lnTo>
                  <a:lnTo>
                    <a:pt x="10521" y="2452"/>
                  </a:lnTo>
                  <a:lnTo>
                    <a:pt x="10509" y="2447"/>
                  </a:lnTo>
                  <a:lnTo>
                    <a:pt x="10498" y="2437"/>
                  </a:lnTo>
                  <a:lnTo>
                    <a:pt x="10490" y="2425"/>
                  </a:lnTo>
                  <a:lnTo>
                    <a:pt x="10482" y="2445"/>
                  </a:lnTo>
                  <a:lnTo>
                    <a:pt x="10469" y="2462"/>
                  </a:lnTo>
                  <a:lnTo>
                    <a:pt x="10452" y="2472"/>
                  </a:lnTo>
                  <a:lnTo>
                    <a:pt x="10434" y="2479"/>
                  </a:lnTo>
                  <a:lnTo>
                    <a:pt x="10434" y="2599"/>
                  </a:lnTo>
                  <a:lnTo>
                    <a:pt x="10409" y="2599"/>
                  </a:lnTo>
                  <a:lnTo>
                    <a:pt x="10409" y="2479"/>
                  </a:lnTo>
                  <a:lnTo>
                    <a:pt x="10392" y="2474"/>
                  </a:lnTo>
                  <a:lnTo>
                    <a:pt x="10392" y="2570"/>
                  </a:lnTo>
                  <a:lnTo>
                    <a:pt x="10367" y="2570"/>
                  </a:lnTo>
                  <a:lnTo>
                    <a:pt x="10367" y="2455"/>
                  </a:lnTo>
                  <a:lnTo>
                    <a:pt x="10358" y="2440"/>
                  </a:lnTo>
                  <a:lnTo>
                    <a:pt x="10351" y="2424"/>
                  </a:lnTo>
                  <a:lnTo>
                    <a:pt x="10351" y="2557"/>
                  </a:lnTo>
                  <a:lnTo>
                    <a:pt x="10327" y="2557"/>
                  </a:lnTo>
                  <a:lnTo>
                    <a:pt x="10327" y="2433"/>
                  </a:lnTo>
                  <a:lnTo>
                    <a:pt x="10315" y="2429"/>
                  </a:lnTo>
                  <a:lnTo>
                    <a:pt x="10309" y="2425"/>
                  </a:lnTo>
                  <a:lnTo>
                    <a:pt x="10305" y="2421"/>
                  </a:lnTo>
                  <a:lnTo>
                    <a:pt x="10299" y="2410"/>
                  </a:lnTo>
                  <a:lnTo>
                    <a:pt x="10296" y="2397"/>
                  </a:lnTo>
                  <a:lnTo>
                    <a:pt x="10296" y="2394"/>
                  </a:lnTo>
                  <a:lnTo>
                    <a:pt x="10300" y="2377"/>
                  </a:lnTo>
                  <a:lnTo>
                    <a:pt x="10282" y="2379"/>
                  </a:lnTo>
                  <a:lnTo>
                    <a:pt x="10273" y="2378"/>
                  </a:lnTo>
                  <a:lnTo>
                    <a:pt x="10273" y="2495"/>
                  </a:lnTo>
                  <a:lnTo>
                    <a:pt x="10249" y="2495"/>
                  </a:lnTo>
                  <a:lnTo>
                    <a:pt x="10249" y="2365"/>
                  </a:lnTo>
                  <a:lnTo>
                    <a:pt x="10238" y="2351"/>
                  </a:lnTo>
                  <a:lnTo>
                    <a:pt x="10233" y="2365"/>
                  </a:lnTo>
                  <a:lnTo>
                    <a:pt x="10226" y="2375"/>
                  </a:lnTo>
                  <a:lnTo>
                    <a:pt x="10226" y="2495"/>
                  </a:lnTo>
                  <a:lnTo>
                    <a:pt x="10201" y="2495"/>
                  </a:lnTo>
                  <a:lnTo>
                    <a:pt x="10201" y="2397"/>
                  </a:lnTo>
                  <a:lnTo>
                    <a:pt x="10181" y="2405"/>
                  </a:lnTo>
                  <a:lnTo>
                    <a:pt x="10181" y="2458"/>
                  </a:lnTo>
                  <a:lnTo>
                    <a:pt x="10189" y="2467"/>
                  </a:lnTo>
                  <a:lnTo>
                    <a:pt x="10195" y="2478"/>
                  </a:lnTo>
                  <a:lnTo>
                    <a:pt x="10199" y="2489"/>
                  </a:lnTo>
                  <a:lnTo>
                    <a:pt x="10200" y="2502"/>
                  </a:lnTo>
                  <a:lnTo>
                    <a:pt x="10200" y="2505"/>
                  </a:lnTo>
                  <a:lnTo>
                    <a:pt x="10199" y="2517"/>
                  </a:lnTo>
                  <a:lnTo>
                    <a:pt x="10196" y="2528"/>
                  </a:lnTo>
                  <a:lnTo>
                    <a:pt x="10184" y="2547"/>
                  </a:lnTo>
                  <a:lnTo>
                    <a:pt x="10177" y="2553"/>
                  </a:lnTo>
                  <a:lnTo>
                    <a:pt x="10168" y="2559"/>
                  </a:lnTo>
                  <a:lnTo>
                    <a:pt x="10149" y="2563"/>
                  </a:lnTo>
                  <a:lnTo>
                    <a:pt x="10135" y="2561"/>
                  </a:lnTo>
                  <a:lnTo>
                    <a:pt x="10123" y="2556"/>
                  </a:lnTo>
                  <a:lnTo>
                    <a:pt x="10112" y="2547"/>
                  </a:lnTo>
                  <a:lnTo>
                    <a:pt x="10104" y="2535"/>
                  </a:lnTo>
                  <a:lnTo>
                    <a:pt x="10093" y="2557"/>
                  </a:lnTo>
                  <a:lnTo>
                    <a:pt x="10085" y="2566"/>
                  </a:lnTo>
                  <a:lnTo>
                    <a:pt x="10077" y="2574"/>
                  </a:lnTo>
                  <a:lnTo>
                    <a:pt x="10068" y="2580"/>
                  </a:lnTo>
                  <a:lnTo>
                    <a:pt x="10057" y="2586"/>
                  </a:lnTo>
                  <a:lnTo>
                    <a:pt x="10034" y="2590"/>
                  </a:lnTo>
                  <a:lnTo>
                    <a:pt x="10011" y="2586"/>
                  </a:lnTo>
                  <a:lnTo>
                    <a:pt x="9991" y="2574"/>
                  </a:lnTo>
                  <a:lnTo>
                    <a:pt x="9983" y="2566"/>
                  </a:lnTo>
                  <a:lnTo>
                    <a:pt x="9976" y="2556"/>
                  </a:lnTo>
                  <a:lnTo>
                    <a:pt x="9965" y="2533"/>
                  </a:lnTo>
                  <a:lnTo>
                    <a:pt x="9964" y="2667"/>
                  </a:lnTo>
                  <a:lnTo>
                    <a:pt x="9940" y="2667"/>
                  </a:lnTo>
                  <a:lnTo>
                    <a:pt x="9940" y="2541"/>
                  </a:lnTo>
                  <a:lnTo>
                    <a:pt x="9929" y="2539"/>
                  </a:lnTo>
                  <a:lnTo>
                    <a:pt x="9923" y="2535"/>
                  </a:lnTo>
                  <a:lnTo>
                    <a:pt x="9919" y="2530"/>
                  </a:lnTo>
                  <a:lnTo>
                    <a:pt x="9913" y="2520"/>
                  </a:lnTo>
                  <a:lnTo>
                    <a:pt x="9909" y="2505"/>
                  </a:lnTo>
                  <a:lnTo>
                    <a:pt x="9909" y="2503"/>
                  </a:lnTo>
                  <a:lnTo>
                    <a:pt x="9910" y="2494"/>
                  </a:lnTo>
                  <a:lnTo>
                    <a:pt x="9913" y="2486"/>
                  </a:lnTo>
                  <a:lnTo>
                    <a:pt x="9918" y="2479"/>
                  </a:lnTo>
                  <a:lnTo>
                    <a:pt x="9923" y="2472"/>
                  </a:lnTo>
                  <a:lnTo>
                    <a:pt x="9923" y="2414"/>
                  </a:lnTo>
                  <a:lnTo>
                    <a:pt x="9921" y="2414"/>
                  </a:lnTo>
                  <a:lnTo>
                    <a:pt x="9921" y="2374"/>
                  </a:lnTo>
                  <a:lnTo>
                    <a:pt x="9906" y="2369"/>
                  </a:lnTo>
                  <a:lnTo>
                    <a:pt x="9906" y="2464"/>
                  </a:lnTo>
                  <a:lnTo>
                    <a:pt x="9882" y="2464"/>
                  </a:lnTo>
                  <a:lnTo>
                    <a:pt x="9882" y="2432"/>
                  </a:lnTo>
                  <a:lnTo>
                    <a:pt x="9864" y="2432"/>
                  </a:lnTo>
                  <a:lnTo>
                    <a:pt x="9864" y="2454"/>
                  </a:lnTo>
                  <a:lnTo>
                    <a:pt x="9840" y="2454"/>
                  </a:lnTo>
                  <a:lnTo>
                    <a:pt x="9840" y="2432"/>
                  </a:lnTo>
                  <a:lnTo>
                    <a:pt x="9784" y="2432"/>
                  </a:lnTo>
                  <a:lnTo>
                    <a:pt x="9783" y="2441"/>
                  </a:lnTo>
                  <a:lnTo>
                    <a:pt x="9778" y="2450"/>
                  </a:lnTo>
                  <a:lnTo>
                    <a:pt x="9770" y="2454"/>
                  </a:lnTo>
                  <a:lnTo>
                    <a:pt x="9761" y="2456"/>
                  </a:lnTo>
                  <a:lnTo>
                    <a:pt x="9752" y="2454"/>
                  </a:lnTo>
                  <a:lnTo>
                    <a:pt x="9745" y="2450"/>
                  </a:lnTo>
                  <a:lnTo>
                    <a:pt x="9740" y="2441"/>
                  </a:lnTo>
                  <a:lnTo>
                    <a:pt x="9737" y="2432"/>
                  </a:lnTo>
                  <a:lnTo>
                    <a:pt x="9733" y="2432"/>
                  </a:lnTo>
                  <a:lnTo>
                    <a:pt x="9730" y="2441"/>
                  </a:lnTo>
                  <a:lnTo>
                    <a:pt x="9726" y="2450"/>
                  </a:lnTo>
                  <a:lnTo>
                    <a:pt x="9718" y="2454"/>
                  </a:lnTo>
                  <a:lnTo>
                    <a:pt x="9709" y="2456"/>
                  </a:lnTo>
                  <a:lnTo>
                    <a:pt x="9701" y="2454"/>
                  </a:lnTo>
                  <a:lnTo>
                    <a:pt x="9693" y="2450"/>
                  </a:lnTo>
                  <a:lnTo>
                    <a:pt x="9689" y="2441"/>
                  </a:lnTo>
                  <a:lnTo>
                    <a:pt x="9686" y="2432"/>
                  </a:lnTo>
                  <a:lnTo>
                    <a:pt x="9459" y="2432"/>
                  </a:lnTo>
                  <a:lnTo>
                    <a:pt x="9456" y="2441"/>
                  </a:lnTo>
                  <a:lnTo>
                    <a:pt x="9452" y="2450"/>
                  </a:lnTo>
                  <a:lnTo>
                    <a:pt x="9444" y="2454"/>
                  </a:lnTo>
                  <a:lnTo>
                    <a:pt x="9436" y="2456"/>
                  </a:lnTo>
                  <a:lnTo>
                    <a:pt x="9427" y="2454"/>
                  </a:lnTo>
                  <a:lnTo>
                    <a:pt x="9419" y="2450"/>
                  </a:lnTo>
                  <a:lnTo>
                    <a:pt x="9415" y="2441"/>
                  </a:lnTo>
                  <a:lnTo>
                    <a:pt x="9412" y="2432"/>
                  </a:lnTo>
                  <a:lnTo>
                    <a:pt x="9407" y="2432"/>
                  </a:lnTo>
                  <a:lnTo>
                    <a:pt x="9405" y="2441"/>
                  </a:lnTo>
                  <a:lnTo>
                    <a:pt x="9400" y="2450"/>
                  </a:lnTo>
                  <a:lnTo>
                    <a:pt x="9393" y="2454"/>
                  </a:lnTo>
                  <a:lnTo>
                    <a:pt x="9384" y="2456"/>
                  </a:lnTo>
                  <a:lnTo>
                    <a:pt x="9376" y="2454"/>
                  </a:lnTo>
                  <a:lnTo>
                    <a:pt x="9367" y="2450"/>
                  </a:lnTo>
                  <a:lnTo>
                    <a:pt x="9362" y="2441"/>
                  </a:lnTo>
                  <a:lnTo>
                    <a:pt x="9361" y="2432"/>
                  </a:lnTo>
                  <a:lnTo>
                    <a:pt x="9133" y="2432"/>
                  </a:lnTo>
                  <a:lnTo>
                    <a:pt x="9131" y="2441"/>
                  </a:lnTo>
                  <a:lnTo>
                    <a:pt x="9126" y="2450"/>
                  </a:lnTo>
                  <a:lnTo>
                    <a:pt x="9119" y="2454"/>
                  </a:lnTo>
                  <a:lnTo>
                    <a:pt x="9110" y="2456"/>
                  </a:lnTo>
                  <a:lnTo>
                    <a:pt x="9100" y="2454"/>
                  </a:lnTo>
                  <a:lnTo>
                    <a:pt x="9093" y="2450"/>
                  </a:lnTo>
                  <a:lnTo>
                    <a:pt x="9088" y="2441"/>
                  </a:lnTo>
                  <a:lnTo>
                    <a:pt x="9087" y="2432"/>
                  </a:lnTo>
                  <a:lnTo>
                    <a:pt x="9081" y="2432"/>
                  </a:lnTo>
                  <a:lnTo>
                    <a:pt x="9080" y="2441"/>
                  </a:lnTo>
                  <a:lnTo>
                    <a:pt x="9075" y="2450"/>
                  </a:lnTo>
                  <a:lnTo>
                    <a:pt x="9068" y="2454"/>
                  </a:lnTo>
                  <a:lnTo>
                    <a:pt x="9058" y="2456"/>
                  </a:lnTo>
                  <a:lnTo>
                    <a:pt x="9049" y="2454"/>
                  </a:lnTo>
                  <a:lnTo>
                    <a:pt x="9042" y="2450"/>
                  </a:lnTo>
                  <a:lnTo>
                    <a:pt x="9037" y="2441"/>
                  </a:lnTo>
                  <a:lnTo>
                    <a:pt x="9035" y="2432"/>
                  </a:lnTo>
                  <a:lnTo>
                    <a:pt x="8807" y="2432"/>
                  </a:lnTo>
                  <a:lnTo>
                    <a:pt x="8806" y="2441"/>
                  </a:lnTo>
                  <a:lnTo>
                    <a:pt x="8801" y="2450"/>
                  </a:lnTo>
                  <a:lnTo>
                    <a:pt x="8794" y="2454"/>
                  </a:lnTo>
                  <a:lnTo>
                    <a:pt x="8784" y="2456"/>
                  </a:lnTo>
                  <a:lnTo>
                    <a:pt x="8775" y="2454"/>
                  </a:lnTo>
                  <a:lnTo>
                    <a:pt x="8768" y="2450"/>
                  </a:lnTo>
                  <a:lnTo>
                    <a:pt x="8763" y="2441"/>
                  </a:lnTo>
                  <a:lnTo>
                    <a:pt x="8761" y="2432"/>
                  </a:lnTo>
                  <a:lnTo>
                    <a:pt x="8756" y="2432"/>
                  </a:lnTo>
                  <a:lnTo>
                    <a:pt x="8755" y="2441"/>
                  </a:lnTo>
                  <a:lnTo>
                    <a:pt x="8749" y="2450"/>
                  </a:lnTo>
                  <a:lnTo>
                    <a:pt x="8741" y="2454"/>
                  </a:lnTo>
                  <a:lnTo>
                    <a:pt x="8733" y="2456"/>
                  </a:lnTo>
                  <a:lnTo>
                    <a:pt x="8724" y="2454"/>
                  </a:lnTo>
                  <a:lnTo>
                    <a:pt x="8717" y="2450"/>
                  </a:lnTo>
                  <a:lnTo>
                    <a:pt x="8712" y="2441"/>
                  </a:lnTo>
                  <a:lnTo>
                    <a:pt x="8710" y="2432"/>
                  </a:lnTo>
                  <a:lnTo>
                    <a:pt x="8601" y="2432"/>
                  </a:lnTo>
                  <a:lnTo>
                    <a:pt x="8595" y="2431"/>
                  </a:lnTo>
                  <a:lnTo>
                    <a:pt x="8591" y="2428"/>
                  </a:lnTo>
                  <a:lnTo>
                    <a:pt x="8589" y="2421"/>
                  </a:lnTo>
                  <a:lnTo>
                    <a:pt x="8587" y="2413"/>
                  </a:lnTo>
                  <a:lnTo>
                    <a:pt x="8574" y="2312"/>
                  </a:lnTo>
                  <a:lnTo>
                    <a:pt x="8587" y="2182"/>
                  </a:lnTo>
                  <a:lnTo>
                    <a:pt x="8591" y="2166"/>
                  </a:lnTo>
                  <a:lnTo>
                    <a:pt x="8595" y="2164"/>
                  </a:lnTo>
                  <a:lnTo>
                    <a:pt x="8601" y="2164"/>
                  </a:lnTo>
                  <a:lnTo>
                    <a:pt x="8802" y="2164"/>
                  </a:lnTo>
                  <a:lnTo>
                    <a:pt x="8802" y="2162"/>
                  </a:lnTo>
                  <a:lnTo>
                    <a:pt x="8736" y="2143"/>
                  </a:lnTo>
                  <a:lnTo>
                    <a:pt x="8741" y="2142"/>
                  </a:lnTo>
                  <a:lnTo>
                    <a:pt x="8734" y="2141"/>
                  </a:lnTo>
                  <a:lnTo>
                    <a:pt x="8810" y="2123"/>
                  </a:lnTo>
                  <a:lnTo>
                    <a:pt x="8814" y="2127"/>
                  </a:lnTo>
                  <a:lnTo>
                    <a:pt x="8749" y="2142"/>
                  </a:lnTo>
                  <a:lnTo>
                    <a:pt x="8810" y="2159"/>
                  </a:lnTo>
                  <a:lnTo>
                    <a:pt x="8844" y="2161"/>
                  </a:lnTo>
                  <a:lnTo>
                    <a:pt x="8844" y="2164"/>
                  </a:lnTo>
                  <a:lnTo>
                    <a:pt x="9462" y="2164"/>
                  </a:lnTo>
                  <a:lnTo>
                    <a:pt x="9417" y="2159"/>
                  </a:lnTo>
                  <a:lnTo>
                    <a:pt x="9342" y="2154"/>
                  </a:lnTo>
                  <a:lnTo>
                    <a:pt x="9311" y="2151"/>
                  </a:lnTo>
                  <a:lnTo>
                    <a:pt x="9285" y="2146"/>
                  </a:lnTo>
                  <a:lnTo>
                    <a:pt x="9264" y="2138"/>
                  </a:lnTo>
                  <a:lnTo>
                    <a:pt x="9243" y="2127"/>
                  </a:lnTo>
                  <a:lnTo>
                    <a:pt x="9226" y="2115"/>
                  </a:lnTo>
                  <a:lnTo>
                    <a:pt x="9211" y="2101"/>
                  </a:lnTo>
                  <a:lnTo>
                    <a:pt x="9181" y="2073"/>
                  </a:lnTo>
                  <a:lnTo>
                    <a:pt x="9151" y="2045"/>
                  </a:lnTo>
                  <a:lnTo>
                    <a:pt x="9135" y="2031"/>
                  </a:lnTo>
                  <a:lnTo>
                    <a:pt x="9115" y="2019"/>
                  </a:lnTo>
                  <a:lnTo>
                    <a:pt x="9093" y="2010"/>
                  </a:lnTo>
                  <a:lnTo>
                    <a:pt x="9068" y="2002"/>
                  </a:lnTo>
                  <a:lnTo>
                    <a:pt x="9038" y="1998"/>
                  </a:lnTo>
                  <a:lnTo>
                    <a:pt x="9004" y="1995"/>
                  </a:lnTo>
                  <a:lnTo>
                    <a:pt x="8975" y="1999"/>
                  </a:lnTo>
                  <a:lnTo>
                    <a:pt x="8945" y="2008"/>
                  </a:lnTo>
                  <a:lnTo>
                    <a:pt x="8880" y="2038"/>
                  </a:lnTo>
                  <a:lnTo>
                    <a:pt x="8841" y="2054"/>
                  </a:lnTo>
                  <a:lnTo>
                    <a:pt x="8793" y="2068"/>
                  </a:lnTo>
                  <a:lnTo>
                    <a:pt x="8733" y="2076"/>
                  </a:lnTo>
                  <a:lnTo>
                    <a:pt x="8699" y="2079"/>
                  </a:lnTo>
                  <a:lnTo>
                    <a:pt x="8660" y="2079"/>
                  </a:lnTo>
                  <a:lnTo>
                    <a:pt x="8621" y="2077"/>
                  </a:lnTo>
                  <a:lnTo>
                    <a:pt x="8586" y="2073"/>
                  </a:lnTo>
                  <a:lnTo>
                    <a:pt x="8555" y="2068"/>
                  </a:lnTo>
                  <a:lnTo>
                    <a:pt x="8528" y="2060"/>
                  </a:lnTo>
                  <a:lnTo>
                    <a:pt x="8504" y="2052"/>
                  </a:lnTo>
                  <a:lnTo>
                    <a:pt x="8482" y="2042"/>
                  </a:lnTo>
                  <a:lnTo>
                    <a:pt x="8446" y="2021"/>
                  </a:lnTo>
                  <a:lnTo>
                    <a:pt x="8384" y="1975"/>
                  </a:lnTo>
                  <a:lnTo>
                    <a:pt x="8353" y="1954"/>
                  </a:lnTo>
                  <a:lnTo>
                    <a:pt x="8315" y="1940"/>
                  </a:lnTo>
                  <a:lnTo>
                    <a:pt x="8315" y="1913"/>
                  </a:lnTo>
                  <a:lnTo>
                    <a:pt x="8362" y="1913"/>
                  </a:lnTo>
                  <a:lnTo>
                    <a:pt x="8353" y="1863"/>
                  </a:lnTo>
                  <a:lnTo>
                    <a:pt x="8315" y="1856"/>
                  </a:lnTo>
                  <a:lnTo>
                    <a:pt x="8315" y="1852"/>
                  </a:lnTo>
                  <a:lnTo>
                    <a:pt x="8348" y="1840"/>
                  </a:lnTo>
                  <a:lnTo>
                    <a:pt x="8344" y="1822"/>
                  </a:lnTo>
                  <a:lnTo>
                    <a:pt x="8319" y="1818"/>
                  </a:lnTo>
                  <a:lnTo>
                    <a:pt x="8342" y="1807"/>
                  </a:lnTo>
                  <a:lnTo>
                    <a:pt x="8295" y="1555"/>
                  </a:lnTo>
                  <a:lnTo>
                    <a:pt x="8227" y="1913"/>
                  </a:lnTo>
                  <a:lnTo>
                    <a:pt x="8276" y="1913"/>
                  </a:lnTo>
                  <a:lnTo>
                    <a:pt x="8276" y="1930"/>
                  </a:lnTo>
                  <a:lnTo>
                    <a:pt x="8239" y="1925"/>
                  </a:lnTo>
                  <a:lnTo>
                    <a:pt x="8197" y="1921"/>
                  </a:lnTo>
                  <a:lnTo>
                    <a:pt x="8196" y="1910"/>
                  </a:lnTo>
                  <a:lnTo>
                    <a:pt x="8157" y="1902"/>
                  </a:lnTo>
                  <a:lnTo>
                    <a:pt x="8157" y="1898"/>
                  </a:lnTo>
                  <a:lnTo>
                    <a:pt x="8191" y="1886"/>
                  </a:lnTo>
                  <a:lnTo>
                    <a:pt x="8188" y="1868"/>
                  </a:lnTo>
                  <a:lnTo>
                    <a:pt x="8162" y="1864"/>
                  </a:lnTo>
                  <a:lnTo>
                    <a:pt x="8185" y="1855"/>
                  </a:lnTo>
                  <a:lnTo>
                    <a:pt x="8138" y="1609"/>
                  </a:lnTo>
                  <a:lnTo>
                    <a:pt x="8087" y="1863"/>
                  </a:lnTo>
                  <a:lnTo>
                    <a:pt x="8076" y="1833"/>
                  </a:lnTo>
                  <a:lnTo>
                    <a:pt x="8038" y="1825"/>
                  </a:lnTo>
                  <a:lnTo>
                    <a:pt x="8038" y="1821"/>
                  </a:lnTo>
                  <a:lnTo>
                    <a:pt x="8072" y="1809"/>
                  </a:lnTo>
                  <a:lnTo>
                    <a:pt x="8068" y="1791"/>
                  </a:lnTo>
                  <a:lnTo>
                    <a:pt x="8043" y="1787"/>
                  </a:lnTo>
                  <a:lnTo>
                    <a:pt x="8065" y="1778"/>
                  </a:lnTo>
                  <a:lnTo>
                    <a:pt x="8018" y="1525"/>
                  </a:lnTo>
                  <a:lnTo>
                    <a:pt x="7950" y="1882"/>
                  </a:lnTo>
                  <a:lnTo>
                    <a:pt x="7999" y="1882"/>
                  </a:lnTo>
                  <a:lnTo>
                    <a:pt x="7999" y="1923"/>
                  </a:lnTo>
                  <a:lnTo>
                    <a:pt x="7923" y="1942"/>
                  </a:lnTo>
                  <a:lnTo>
                    <a:pt x="7915" y="1899"/>
                  </a:lnTo>
                  <a:lnTo>
                    <a:pt x="7877" y="1892"/>
                  </a:lnTo>
                  <a:lnTo>
                    <a:pt x="7877" y="1888"/>
                  </a:lnTo>
                  <a:lnTo>
                    <a:pt x="7911" y="1876"/>
                  </a:lnTo>
                  <a:lnTo>
                    <a:pt x="7909" y="1859"/>
                  </a:lnTo>
                  <a:lnTo>
                    <a:pt x="7883" y="1855"/>
                  </a:lnTo>
                  <a:lnTo>
                    <a:pt x="7904" y="1844"/>
                  </a:lnTo>
                  <a:lnTo>
                    <a:pt x="7857" y="1598"/>
                  </a:lnTo>
                  <a:lnTo>
                    <a:pt x="7790" y="1949"/>
                  </a:lnTo>
                  <a:lnTo>
                    <a:pt x="7838" y="1949"/>
                  </a:lnTo>
                  <a:lnTo>
                    <a:pt x="7838" y="1975"/>
                  </a:lnTo>
                  <a:lnTo>
                    <a:pt x="7813" y="1984"/>
                  </a:lnTo>
                  <a:lnTo>
                    <a:pt x="7784" y="1990"/>
                  </a:lnTo>
                  <a:lnTo>
                    <a:pt x="7756" y="1992"/>
                  </a:lnTo>
                  <a:lnTo>
                    <a:pt x="7726" y="1992"/>
                  </a:lnTo>
                  <a:lnTo>
                    <a:pt x="7666" y="1990"/>
                  </a:lnTo>
                  <a:lnTo>
                    <a:pt x="7606" y="1988"/>
                  </a:lnTo>
                  <a:lnTo>
                    <a:pt x="7578" y="1991"/>
                  </a:lnTo>
                  <a:lnTo>
                    <a:pt x="7550" y="1998"/>
                  </a:lnTo>
                  <a:lnTo>
                    <a:pt x="7524" y="2007"/>
                  </a:lnTo>
                  <a:lnTo>
                    <a:pt x="7498" y="2022"/>
                  </a:lnTo>
                  <a:lnTo>
                    <a:pt x="7477" y="2042"/>
                  </a:lnTo>
                  <a:lnTo>
                    <a:pt x="7456" y="2069"/>
                  </a:lnTo>
                  <a:lnTo>
                    <a:pt x="7439" y="2104"/>
                  </a:lnTo>
                  <a:lnTo>
                    <a:pt x="7425" y="2147"/>
                  </a:lnTo>
                  <a:lnTo>
                    <a:pt x="7428" y="2151"/>
                  </a:lnTo>
                  <a:lnTo>
                    <a:pt x="7433" y="2155"/>
                  </a:lnTo>
                  <a:lnTo>
                    <a:pt x="7443" y="2159"/>
                  </a:lnTo>
                  <a:lnTo>
                    <a:pt x="7477" y="2159"/>
                  </a:lnTo>
                  <a:lnTo>
                    <a:pt x="7477" y="2164"/>
                  </a:lnTo>
                  <a:lnTo>
                    <a:pt x="8211" y="2164"/>
                  </a:lnTo>
                  <a:lnTo>
                    <a:pt x="8211" y="2161"/>
                  </a:lnTo>
                  <a:lnTo>
                    <a:pt x="8145" y="2143"/>
                  </a:lnTo>
                  <a:lnTo>
                    <a:pt x="8149" y="2142"/>
                  </a:lnTo>
                  <a:lnTo>
                    <a:pt x="8143" y="2141"/>
                  </a:lnTo>
                  <a:lnTo>
                    <a:pt x="8218" y="2123"/>
                  </a:lnTo>
                  <a:lnTo>
                    <a:pt x="8222" y="2127"/>
                  </a:lnTo>
                  <a:lnTo>
                    <a:pt x="8157" y="2142"/>
                  </a:lnTo>
                  <a:lnTo>
                    <a:pt x="8219" y="2159"/>
                  </a:lnTo>
                  <a:lnTo>
                    <a:pt x="8251" y="2159"/>
                  </a:lnTo>
                  <a:lnTo>
                    <a:pt x="8251" y="2164"/>
                  </a:lnTo>
                  <a:lnTo>
                    <a:pt x="8517" y="2164"/>
                  </a:lnTo>
                  <a:lnTo>
                    <a:pt x="8523" y="2164"/>
                  </a:lnTo>
                  <a:lnTo>
                    <a:pt x="8527" y="2166"/>
                  </a:lnTo>
                  <a:lnTo>
                    <a:pt x="8529" y="2172"/>
                  </a:lnTo>
                  <a:lnTo>
                    <a:pt x="8531" y="2182"/>
                  </a:lnTo>
                  <a:lnTo>
                    <a:pt x="8544" y="2312"/>
                  </a:lnTo>
                  <a:lnTo>
                    <a:pt x="8532" y="2412"/>
                  </a:lnTo>
                  <a:lnTo>
                    <a:pt x="8529" y="2421"/>
                  </a:lnTo>
                  <a:lnTo>
                    <a:pt x="8527" y="2427"/>
                  </a:lnTo>
                  <a:lnTo>
                    <a:pt x="8523" y="2431"/>
                  </a:lnTo>
                  <a:lnTo>
                    <a:pt x="8519" y="2432"/>
                  </a:lnTo>
                  <a:lnTo>
                    <a:pt x="8417" y="2432"/>
                  </a:lnTo>
                  <a:lnTo>
                    <a:pt x="8415" y="2441"/>
                  </a:lnTo>
                  <a:lnTo>
                    <a:pt x="8411" y="2448"/>
                  </a:lnTo>
                  <a:lnTo>
                    <a:pt x="8402" y="2454"/>
                  </a:lnTo>
                  <a:lnTo>
                    <a:pt x="8393" y="2455"/>
                  </a:lnTo>
                  <a:lnTo>
                    <a:pt x="8385" y="2454"/>
                  </a:lnTo>
                  <a:lnTo>
                    <a:pt x="8377" y="2448"/>
                  </a:lnTo>
                  <a:lnTo>
                    <a:pt x="8373" y="2441"/>
                  </a:lnTo>
                  <a:lnTo>
                    <a:pt x="8370" y="2432"/>
                  </a:lnTo>
                  <a:lnTo>
                    <a:pt x="8365" y="2432"/>
                  </a:lnTo>
                  <a:lnTo>
                    <a:pt x="8363" y="2441"/>
                  </a:lnTo>
                  <a:lnTo>
                    <a:pt x="8358" y="2448"/>
                  </a:lnTo>
                  <a:lnTo>
                    <a:pt x="8351" y="2454"/>
                  </a:lnTo>
                  <a:lnTo>
                    <a:pt x="8342" y="2455"/>
                  </a:lnTo>
                  <a:lnTo>
                    <a:pt x="8332" y="2454"/>
                  </a:lnTo>
                  <a:lnTo>
                    <a:pt x="8326" y="2448"/>
                  </a:lnTo>
                  <a:lnTo>
                    <a:pt x="8320" y="2441"/>
                  </a:lnTo>
                  <a:lnTo>
                    <a:pt x="8319" y="2432"/>
                  </a:lnTo>
                  <a:lnTo>
                    <a:pt x="8091" y="2432"/>
                  </a:lnTo>
                  <a:lnTo>
                    <a:pt x="8089" y="2441"/>
                  </a:lnTo>
                  <a:lnTo>
                    <a:pt x="8084" y="2448"/>
                  </a:lnTo>
                  <a:lnTo>
                    <a:pt x="8077" y="2454"/>
                  </a:lnTo>
                  <a:lnTo>
                    <a:pt x="8068" y="2455"/>
                  </a:lnTo>
                  <a:lnTo>
                    <a:pt x="8060" y="2454"/>
                  </a:lnTo>
                  <a:lnTo>
                    <a:pt x="8052" y="2448"/>
                  </a:lnTo>
                  <a:lnTo>
                    <a:pt x="8046" y="2441"/>
                  </a:lnTo>
                  <a:lnTo>
                    <a:pt x="8045" y="2432"/>
                  </a:lnTo>
                  <a:lnTo>
                    <a:pt x="8039" y="2432"/>
                  </a:lnTo>
                  <a:lnTo>
                    <a:pt x="8038" y="2441"/>
                  </a:lnTo>
                  <a:lnTo>
                    <a:pt x="8033" y="2448"/>
                  </a:lnTo>
                  <a:lnTo>
                    <a:pt x="8026" y="2454"/>
                  </a:lnTo>
                  <a:lnTo>
                    <a:pt x="8016" y="2455"/>
                  </a:lnTo>
                  <a:lnTo>
                    <a:pt x="8007" y="2454"/>
                  </a:lnTo>
                  <a:lnTo>
                    <a:pt x="8000" y="2448"/>
                  </a:lnTo>
                  <a:lnTo>
                    <a:pt x="7995" y="2441"/>
                  </a:lnTo>
                  <a:lnTo>
                    <a:pt x="7994" y="2432"/>
                  </a:lnTo>
                  <a:lnTo>
                    <a:pt x="7765" y="2432"/>
                  </a:lnTo>
                  <a:lnTo>
                    <a:pt x="7764" y="2441"/>
                  </a:lnTo>
                  <a:lnTo>
                    <a:pt x="7759" y="2448"/>
                  </a:lnTo>
                  <a:lnTo>
                    <a:pt x="7752" y="2454"/>
                  </a:lnTo>
                  <a:lnTo>
                    <a:pt x="7743" y="2455"/>
                  </a:lnTo>
                  <a:lnTo>
                    <a:pt x="7733" y="2454"/>
                  </a:lnTo>
                  <a:lnTo>
                    <a:pt x="7726" y="2448"/>
                  </a:lnTo>
                  <a:lnTo>
                    <a:pt x="7721" y="2441"/>
                  </a:lnTo>
                  <a:lnTo>
                    <a:pt x="7720" y="2432"/>
                  </a:lnTo>
                  <a:lnTo>
                    <a:pt x="7714" y="2432"/>
                  </a:lnTo>
                  <a:lnTo>
                    <a:pt x="7711" y="2441"/>
                  </a:lnTo>
                  <a:lnTo>
                    <a:pt x="7707" y="2448"/>
                  </a:lnTo>
                  <a:lnTo>
                    <a:pt x="7699" y="2454"/>
                  </a:lnTo>
                  <a:lnTo>
                    <a:pt x="7691" y="2455"/>
                  </a:lnTo>
                  <a:lnTo>
                    <a:pt x="7682" y="2454"/>
                  </a:lnTo>
                  <a:lnTo>
                    <a:pt x="7674" y="2448"/>
                  </a:lnTo>
                  <a:lnTo>
                    <a:pt x="7670" y="2441"/>
                  </a:lnTo>
                  <a:lnTo>
                    <a:pt x="7667" y="2432"/>
                  </a:lnTo>
                  <a:lnTo>
                    <a:pt x="7440" y="2432"/>
                  </a:lnTo>
                  <a:lnTo>
                    <a:pt x="7439" y="2441"/>
                  </a:lnTo>
                  <a:lnTo>
                    <a:pt x="7433" y="2448"/>
                  </a:lnTo>
                  <a:lnTo>
                    <a:pt x="7427" y="2454"/>
                  </a:lnTo>
                  <a:lnTo>
                    <a:pt x="7417" y="2455"/>
                  </a:lnTo>
                  <a:lnTo>
                    <a:pt x="7408" y="2454"/>
                  </a:lnTo>
                  <a:lnTo>
                    <a:pt x="7401" y="2448"/>
                  </a:lnTo>
                  <a:lnTo>
                    <a:pt x="7396" y="2441"/>
                  </a:lnTo>
                  <a:lnTo>
                    <a:pt x="7394" y="2432"/>
                  </a:lnTo>
                  <a:lnTo>
                    <a:pt x="7389" y="2432"/>
                  </a:lnTo>
                  <a:lnTo>
                    <a:pt x="7386" y="2441"/>
                  </a:lnTo>
                  <a:lnTo>
                    <a:pt x="7382" y="2448"/>
                  </a:lnTo>
                  <a:lnTo>
                    <a:pt x="7374" y="2454"/>
                  </a:lnTo>
                  <a:lnTo>
                    <a:pt x="7366" y="2455"/>
                  </a:lnTo>
                  <a:lnTo>
                    <a:pt x="7357" y="2454"/>
                  </a:lnTo>
                  <a:lnTo>
                    <a:pt x="7348" y="2448"/>
                  </a:lnTo>
                  <a:lnTo>
                    <a:pt x="7344" y="2441"/>
                  </a:lnTo>
                  <a:lnTo>
                    <a:pt x="7342" y="2432"/>
                  </a:lnTo>
                  <a:lnTo>
                    <a:pt x="7234" y="2432"/>
                  </a:lnTo>
                  <a:lnTo>
                    <a:pt x="7228" y="2431"/>
                  </a:lnTo>
                  <a:lnTo>
                    <a:pt x="7224" y="2428"/>
                  </a:lnTo>
                  <a:lnTo>
                    <a:pt x="7222" y="2421"/>
                  </a:lnTo>
                  <a:lnTo>
                    <a:pt x="7219" y="2413"/>
                  </a:lnTo>
                  <a:lnTo>
                    <a:pt x="7207" y="2312"/>
                  </a:lnTo>
                  <a:lnTo>
                    <a:pt x="7220" y="2182"/>
                  </a:lnTo>
                  <a:lnTo>
                    <a:pt x="7224" y="2166"/>
                  </a:lnTo>
                  <a:lnTo>
                    <a:pt x="7228" y="2164"/>
                  </a:lnTo>
                  <a:lnTo>
                    <a:pt x="7234" y="2164"/>
                  </a:lnTo>
                  <a:lnTo>
                    <a:pt x="7402" y="2164"/>
                  </a:lnTo>
                  <a:lnTo>
                    <a:pt x="7370" y="2150"/>
                  </a:lnTo>
                  <a:lnTo>
                    <a:pt x="7365" y="2151"/>
                  </a:lnTo>
                  <a:lnTo>
                    <a:pt x="7369" y="1918"/>
                  </a:lnTo>
                  <a:lnTo>
                    <a:pt x="7297" y="1837"/>
                  </a:lnTo>
                  <a:lnTo>
                    <a:pt x="7227" y="1918"/>
                  </a:lnTo>
                  <a:lnTo>
                    <a:pt x="7157" y="1837"/>
                  </a:lnTo>
                  <a:lnTo>
                    <a:pt x="7085" y="1918"/>
                  </a:lnTo>
                  <a:lnTo>
                    <a:pt x="7015" y="1837"/>
                  </a:lnTo>
                  <a:lnTo>
                    <a:pt x="6945" y="1918"/>
                  </a:lnTo>
                  <a:lnTo>
                    <a:pt x="6942" y="2097"/>
                  </a:lnTo>
                  <a:lnTo>
                    <a:pt x="6926" y="2058"/>
                  </a:lnTo>
                  <a:lnTo>
                    <a:pt x="6917" y="2038"/>
                  </a:lnTo>
                  <a:lnTo>
                    <a:pt x="6904" y="2018"/>
                  </a:lnTo>
                  <a:lnTo>
                    <a:pt x="6891" y="1998"/>
                  </a:lnTo>
                  <a:lnTo>
                    <a:pt x="6873" y="1979"/>
                  </a:lnTo>
                  <a:lnTo>
                    <a:pt x="6852" y="1963"/>
                  </a:lnTo>
                  <a:lnTo>
                    <a:pt x="6826" y="1949"/>
                  </a:lnTo>
                  <a:lnTo>
                    <a:pt x="6833" y="1938"/>
                  </a:lnTo>
                  <a:lnTo>
                    <a:pt x="6838" y="1926"/>
                  </a:lnTo>
                  <a:lnTo>
                    <a:pt x="6845" y="1937"/>
                  </a:lnTo>
                  <a:lnTo>
                    <a:pt x="6855" y="1945"/>
                  </a:lnTo>
                  <a:lnTo>
                    <a:pt x="6867" y="1950"/>
                  </a:lnTo>
                  <a:lnTo>
                    <a:pt x="6879" y="1952"/>
                  </a:lnTo>
                  <a:lnTo>
                    <a:pt x="6896" y="1948"/>
                  </a:lnTo>
                  <a:lnTo>
                    <a:pt x="6904" y="1942"/>
                  </a:lnTo>
                  <a:lnTo>
                    <a:pt x="6913" y="1936"/>
                  </a:lnTo>
                  <a:lnTo>
                    <a:pt x="6922" y="1919"/>
                  </a:lnTo>
                  <a:lnTo>
                    <a:pt x="6925" y="1909"/>
                  </a:lnTo>
                  <a:lnTo>
                    <a:pt x="6926" y="1898"/>
                  </a:lnTo>
                  <a:lnTo>
                    <a:pt x="6925" y="1887"/>
                  </a:lnTo>
                  <a:lnTo>
                    <a:pt x="6922" y="1876"/>
                  </a:lnTo>
                  <a:lnTo>
                    <a:pt x="6918" y="1867"/>
                  </a:lnTo>
                  <a:lnTo>
                    <a:pt x="6913" y="1859"/>
                  </a:lnTo>
                  <a:lnTo>
                    <a:pt x="6904" y="1852"/>
                  </a:lnTo>
                  <a:lnTo>
                    <a:pt x="6896" y="1848"/>
                  </a:lnTo>
                  <a:lnTo>
                    <a:pt x="6879" y="1844"/>
                  </a:lnTo>
                  <a:lnTo>
                    <a:pt x="6867" y="1845"/>
                  </a:lnTo>
                  <a:lnTo>
                    <a:pt x="6855" y="1851"/>
                  </a:lnTo>
                  <a:lnTo>
                    <a:pt x="6845" y="1859"/>
                  </a:lnTo>
                  <a:lnTo>
                    <a:pt x="6838" y="1869"/>
                  </a:lnTo>
                  <a:lnTo>
                    <a:pt x="6829" y="1849"/>
                  </a:lnTo>
                  <a:lnTo>
                    <a:pt x="6814" y="1833"/>
                  </a:lnTo>
                  <a:lnTo>
                    <a:pt x="6795" y="1824"/>
                  </a:lnTo>
                  <a:lnTo>
                    <a:pt x="6775" y="1820"/>
                  </a:lnTo>
                  <a:lnTo>
                    <a:pt x="6772" y="1820"/>
                  </a:lnTo>
                  <a:lnTo>
                    <a:pt x="6772" y="1775"/>
                  </a:lnTo>
                  <a:lnTo>
                    <a:pt x="6784" y="1752"/>
                  </a:lnTo>
                  <a:lnTo>
                    <a:pt x="6791" y="1763"/>
                  </a:lnTo>
                  <a:lnTo>
                    <a:pt x="6801" y="1771"/>
                  </a:lnTo>
                  <a:lnTo>
                    <a:pt x="6811" y="1776"/>
                  </a:lnTo>
                  <a:lnTo>
                    <a:pt x="6823" y="1779"/>
                  </a:lnTo>
                  <a:lnTo>
                    <a:pt x="6842" y="1775"/>
                  </a:lnTo>
                  <a:lnTo>
                    <a:pt x="6857" y="1763"/>
                  </a:lnTo>
                  <a:lnTo>
                    <a:pt x="6867" y="1747"/>
                  </a:lnTo>
                  <a:lnTo>
                    <a:pt x="6871" y="1726"/>
                  </a:lnTo>
                  <a:lnTo>
                    <a:pt x="6871" y="1722"/>
                  </a:lnTo>
                  <a:lnTo>
                    <a:pt x="6871" y="1713"/>
                  </a:lnTo>
                  <a:lnTo>
                    <a:pt x="6867" y="1702"/>
                  </a:lnTo>
                  <a:lnTo>
                    <a:pt x="6863" y="1694"/>
                  </a:lnTo>
                  <a:lnTo>
                    <a:pt x="6857" y="1686"/>
                  </a:lnTo>
                  <a:lnTo>
                    <a:pt x="6850" y="1679"/>
                  </a:lnTo>
                  <a:lnTo>
                    <a:pt x="6842" y="1674"/>
                  </a:lnTo>
                  <a:lnTo>
                    <a:pt x="6823" y="1670"/>
                  </a:lnTo>
                  <a:lnTo>
                    <a:pt x="6813" y="1672"/>
                  </a:lnTo>
                  <a:lnTo>
                    <a:pt x="6802" y="1677"/>
                  </a:lnTo>
                  <a:lnTo>
                    <a:pt x="6792" y="1685"/>
                  </a:lnTo>
                  <a:lnTo>
                    <a:pt x="6784" y="1694"/>
                  </a:lnTo>
                  <a:lnTo>
                    <a:pt x="6784" y="1606"/>
                  </a:lnTo>
                  <a:lnTo>
                    <a:pt x="6803" y="1610"/>
                  </a:lnTo>
                  <a:lnTo>
                    <a:pt x="6822" y="1606"/>
                  </a:lnTo>
                  <a:lnTo>
                    <a:pt x="6830" y="1601"/>
                  </a:lnTo>
                  <a:lnTo>
                    <a:pt x="6837" y="1596"/>
                  </a:lnTo>
                  <a:lnTo>
                    <a:pt x="6846" y="1578"/>
                  </a:lnTo>
                  <a:lnTo>
                    <a:pt x="6849" y="1567"/>
                  </a:lnTo>
                  <a:lnTo>
                    <a:pt x="6850" y="1556"/>
                  </a:lnTo>
                  <a:lnTo>
                    <a:pt x="6849" y="1546"/>
                  </a:lnTo>
                  <a:lnTo>
                    <a:pt x="6846" y="1535"/>
                  </a:lnTo>
                  <a:lnTo>
                    <a:pt x="6842" y="1525"/>
                  </a:lnTo>
                  <a:lnTo>
                    <a:pt x="6837" y="1517"/>
                  </a:lnTo>
                  <a:lnTo>
                    <a:pt x="6830" y="1511"/>
                  </a:lnTo>
                  <a:lnTo>
                    <a:pt x="6822" y="1507"/>
                  </a:lnTo>
                  <a:lnTo>
                    <a:pt x="6803" y="1503"/>
                  </a:lnTo>
                  <a:lnTo>
                    <a:pt x="6791" y="1504"/>
                  </a:lnTo>
                  <a:lnTo>
                    <a:pt x="6780" y="1509"/>
                  </a:lnTo>
                  <a:lnTo>
                    <a:pt x="6771" y="1517"/>
                  </a:lnTo>
                  <a:lnTo>
                    <a:pt x="6763" y="1528"/>
                  </a:lnTo>
                  <a:lnTo>
                    <a:pt x="6753" y="1508"/>
                  </a:lnTo>
                  <a:lnTo>
                    <a:pt x="6738" y="1492"/>
                  </a:lnTo>
                  <a:lnTo>
                    <a:pt x="6721" y="1482"/>
                  </a:lnTo>
                  <a:lnTo>
                    <a:pt x="6699" y="1478"/>
                  </a:lnTo>
                  <a:lnTo>
                    <a:pt x="6679" y="1482"/>
                  </a:lnTo>
                  <a:lnTo>
                    <a:pt x="6660" y="1493"/>
                  </a:lnTo>
                  <a:lnTo>
                    <a:pt x="6645" y="1509"/>
                  </a:lnTo>
                  <a:lnTo>
                    <a:pt x="6636" y="1529"/>
                  </a:lnTo>
                  <a:lnTo>
                    <a:pt x="6626" y="1524"/>
                  </a:lnTo>
                  <a:lnTo>
                    <a:pt x="6616" y="1521"/>
                  </a:lnTo>
                  <a:lnTo>
                    <a:pt x="6605" y="1524"/>
                  </a:lnTo>
                  <a:lnTo>
                    <a:pt x="6594" y="1531"/>
                  </a:lnTo>
                  <a:lnTo>
                    <a:pt x="6587" y="1542"/>
                  </a:lnTo>
                  <a:lnTo>
                    <a:pt x="6585" y="1555"/>
                  </a:lnTo>
                  <a:lnTo>
                    <a:pt x="6585" y="1556"/>
                  </a:lnTo>
                  <a:lnTo>
                    <a:pt x="6587" y="1570"/>
                  </a:lnTo>
                  <a:lnTo>
                    <a:pt x="6594" y="1581"/>
                  </a:lnTo>
                  <a:lnTo>
                    <a:pt x="6602" y="1587"/>
                  </a:lnTo>
                  <a:lnTo>
                    <a:pt x="6613" y="1592"/>
                  </a:lnTo>
                  <a:lnTo>
                    <a:pt x="6613" y="1617"/>
                  </a:lnTo>
                  <a:lnTo>
                    <a:pt x="6606" y="1604"/>
                  </a:lnTo>
                  <a:lnTo>
                    <a:pt x="6597" y="1594"/>
                  </a:lnTo>
                  <a:lnTo>
                    <a:pt x="6585" y="1589"/>
                  </a:lnTo>
                  <a:lnTo>
                    <a:pt x="6571" y="1586"/>
                  </a:lnTo>
                  <a:lnTo>
                    <a:pt x="6559" y="1587"/>
                  </a:lnTo>
                  <a:lnTo>
                    <a:pt x="6548" y="1593"/>
                  </a:lnTo>
                  <a:lnTo>
                    <a:pt x="6539" y="1601"/>
                  </a:lnTo>
                  <a:lnTo>
                    <a:pt x="6531" y="1612"/>
                  </a:lnTo>
                  <a:lnTo>
                    <a:pt x="6521" y="1592"/>
                  </a:lnTo>
                  <a:lnTo>
                    <a:pt x="6506" y="1577"/>
                  </a:lnTo>
                  <a:lnTo>
                    <a:pt x="6489" y="1566"/>
                  </a:lnTo>
                  <a:lnTo>
                    <a:pt x="6467" y="1562"/>
                  </a:lnTo>
                  <a:lnTo>
                    <a:pt x="6447" y="1566"/>
                  </a:lnTo>
                  <a:lnTo>
                    <a:pt x="6428" y="1577"/>
                  </a:lnTo>
                  <a:lnTo>
                    <a:pt x="6413" y="1593"/>
                  </a:lnTo>
                  <a:lnTo>
                    <a:pt x="6404" y="1614"/>
                  </a:lnTo>
                  <a:lnTo>
                    <a:pt x="6394" y="1608"/>
                  </a:lnTo>
                  <a:lnTo>
                    <a:pt x="6384" y="1605"/>
                  </a:lnTo>
                  <a:lnTo>
                    <a:pt x="6371" y="1608"/>
                  </a:lnTo>
                  <a:lnTo>
                    <a:pt x="6362" y="1616"/>
                  </a:lnTo>
                  <a:lnTo>
                    <a:pt x="6355" y="1625"/>
                  </a:lnTo>
                  <a:lnTo>
                    <a:pt x="6352" y="1639"/>
                  </a:lnTo>
                  <a:lnTo>
                    <a:pt x="6352" y="1641"/>
                  </a:lnTo>
                  <a:lnTo>
                    <a:pt x="6355" y="1654"/>
                  </a:lnTo>
                  <a:lnTo>
                    <a:pt x="6362" y="1664"/>
                  </a:lnTo>
                  <a:lnTo>
                    <a:pt x="6370" y="1672"/>
                  </a:lnTo>
                  <a:lnTo>
                    <a:pt x="6381" y="1675"/>
                  </a:lnTo>
                  <a:lnTo>
                    <a:pt x="6381" y="1749"/>
                  </a:lnTo>
                  <a:lnTo>
                    <a:pt x="6371" y="1739"/>
                  </a:lnTo>
                  <a:lnTo>
                    <a:pt x="6359" y="1730"/>
                  </a:lnTo>
                  <a:lnTo>
                    <a:pt x="6346" y="1725"/>
                  </a:lnTo>
                  <a:lnTo>
                    <a:pt x="6331" y="1724"/>
                  </a:lnTo>
                  <a:lnTo>
                    <a:pt x="6311" y="1728"/>
                  </a:lnTo>
                  <a:lnTo>
                    <a:pt x="6292" y="1739"/>
                  </a:lnTo>
                  <a:lnTo>
                    <a:pt x="6277" y="1755"/>
                  </a:lnTo>
                  <a:lnTo>
                    <a:pt x="6271" y="1764"/>
                  </a:lnTo>
                  <a:lnTo>
                    <a:pt x="6267" y="1775"/>
                  </a:lnTo>
                  <a:lnTo>
                    <a:pt x="6258" y="1770"/>
                  </a:lnTo>
                  <a:lnTo>
                    <a:pt x="6247" y="1767"/>
                  </a:lnTo>
                  <a:lnTo>
                    <a:pt x="6235" y="1770"/>
                  </a:lnTo>
                  <a:lnTo>
                    <a:pt x="6226" y="1776"/>
                  </a:lnTo>
                  <a:lnTo>
                    <a:pt x="6219" y="1787"/>
                  </a:lnTo>
                  <a:lnTo>
                    <a:pt x="6216" y="1801"/>
                  </a:lnTo>
                  <a:lnTo>
                    <a:pt x="6216" y="1802"/>
                  </a:lnTo>
                  <a:lnTo>
                    <a:pt x="6219" y="1815"/>
                  </a:lnTo>
                  <a:lnTo>
                    <a:pt x="6226" y="1826"/>
                  </a:lnTo>
                  <a:lnTo>
                    <a:pt x="6234" y="1833"/>
                  </a:lnTo>
                  <a:lnTo>
                    <a:pt x="6244" y="1837"/>
                  </a:lnTo>
                  <a:lnTo>
                    <a:pt x="6244" y="1971"/>
                  </a:lnTo>
                  <a:lnTo>
                    <a:pt x="6184" y="1952"/>
                  </a:lnTo>
                  <a:lnTo>
                    <a:pt x="6186" y="1944"/>
                  </a:lnTo>
                  <a:lnTo>
                    <a:pt x="6188" y="1937"/>
                  </a:lnTo>
                  <a:lnTo>
                    <a:pt x="6189" y="1930"/>
                  </a:lnTo>
                  <a:lnTo>
                    <a:pt x="6186" y="1927"/>
                  </a:lnTo>
                  <a:lnTo>
                    <a:pt x="6184" y="1923"/>
                  </a:lnTo>
                  <a:lnTo>
                    <a:pt x="6188" y="1919"/>
                  </a:lnTo>
                  <a:lnTo>
                    <a:pt x="6182" y="1911"/>
                  </a:lnTo>
                  <a:lnTo>
                    <a:pt x="6180" y="1903"/>
                  </a:lnTo>
                  <a:lnTo>
                    <a:pt x="6181" y="1894"/>
                  </a:lnTo>
                  <a:lnTo>
                    <a:pt x="6186" y="1878"/>
                  </a:lnTo>
                  <a:lnTo>
                    <a:pt x="6192" y="1865"/>
                  </a:lnTo>
                  <a:lnTo>
                    <a:pt x="6195" y="1852"/>
                  </a:lnTo>
                  <a:lnTo>
                    <a:pt x="6192" y="1848"/>
                  </a:lnTo>
                  <a:lnTo>
                    <a:pt x="6186" y="1844"/>
                  </a:lnTo>
                  <a:lnTo>
                    <a:pt x="6178" y="1837"/>
                  </a:lnTo>
                  <a:lnTo>
                    <a:pt x="6172" y="1832"/>
                  </a:lnTo>
                  <a:lnTo>
                    <a:pt x="6159" y="1820"/>
                  </a:lnTo>
                  <a:lnTo>
                    <a:pt x="6155" y="1811"/>
                  </a:lnTo>
                  <a:lnTo>
                    <a:pt x="6154" y="1803"/>
                  </a:lnTo>
                  <a:lnTo>
                    <a:pt x="6157" y="1791"/>
                  </a:lnTo>
                  <a:lnTo>
                    <a:pt x="6158" y="1780"/>
                  </a:lnTo>
                  <a:lnTo>
                    <a:pt x="6158" y="1767"/>
                  </a:lnTo>
                  <a:lnTo>
                    <a:pt x="6165" y="1771"/>
                  </a:lnTo>
                  <a:lnTo>
                    <a:pt x="6173" y="1774"/>
                  </a:lnTo>
                  <a:lnTo>
                    <a:pt x="6172" y="1768"/>
                  </a:lnTo>
                  <a:lnTo>
                    <a:pt x="6173" y="1767"/>
                  </a:lnTo>
                  <a:lnTo>
                    <a:pt x="6168" y="1753"/>
                  </a:lnTo>
                  <a:lnTo>
                    <a:pt x="6165" y="1747"/>
                  </a:lnTo>
                  <a:lnTo>
                    <a:pt x="6161" y="1741"/>
                  </a:lnTo>
                  <a:lnTo>
                    <a:pt x="6153" y="1740"/>
                  </a:lnTo>
                  <a:lnTo>
                    <a:pt x="6145" y="1739"/>
                  </a:lnTo>
                  <a:lnTo>
                    <a:pt x="6138" y="1732"/>
                  </a:lnTo>
                  <a:lnTo>
                    <a:pt x="6122" y="1721"/>
                  </a:lnTo>
                  <a:lnTo>
                    <a:pt x="6103" y="1710"/>
                  </a:lnTo>
                  <a:lnTo>
                    <a:pt x="6077" y="1705"/>
                  </a:lnTo>
                  <a:lnTo>
                    <a:pt x="6047" y="1705"/>
                  </a:lnTo>
                  <a:lnTo>
                    <a:pt x="6030" y="1702"/>
                  </a:lnTo>
                  <a:lnTo>
                    <a:pt x="6014" y="1695"/>
                  </a:lnTo>
                  <a:lnTo>
                    <a:pt x="5999" y="1691"/>
                  </a:lnTo>
                  <a:lnTo>
                    <a:pt x="5981" y="1686"/>
                  </a:lnTo>
                  <a:lnTo>
                    <a:pt x="5961" y="1690"/>
                  </a:lnTo>
                  <a:lnTo>
                    <a:pt x="5941" y="1693"/>
                  </a:lnTo>
                  <a:lnTo>
                    <a:pt x="5929" y="1694"/>
                  </a:lnTo>
                  <a:lnTo>
                    <a:pt x="5923" y="1691"/>
                  </a:lnTo>
                  <a:lnTo>
                    <a:pt x="5919" y="1687"/>
                  </a:lnTo>
                  <a:lnTo>
                    <a:pt x="5926" y="1685"/>
                  </a:lnTo>
                  <a:lnTo>
                    <a:pt x="5931" y="1686"/>
                  </a:lnTo>
                  <a:lnTo>
                    <a:pt x="5931" y="1681"/>
                  </a:lnTo>
                  <a:lnTo>
                    <a:pt x="5930" y="1677"/>
                  </a:lnTo>
                  <a:lnTo>
                    <a:pt x="5946" y="1677"/>
                  </a:lnTo>
                  <a:lnTo>
                    <a:pt x="5960" y="1678"/>
                  </a:lnTo>
                  <a:lnTo>
                    <a:pt x="5965" y="1674"/>
                  </a:lnTo>
                  <a:lnTo>
                    <a:pt x="5969" y="1668"/>
                  </a:lnTo>
                  <a:lnTo>
                    <a:pt x="5977" y="1662"/>
                  </a:lnTo>
                  <a:lnTo>
                    <a:pt x="5987" y="1656"/>
                  </a:lnTo>
                  <a:lnTo>
                    <a:pt x="5992" y="1650"/>
                  </a:lnTo>
                  <a:lnTo>
                    <a:pt x="5996" y="1640"/>
                  </a:lnTo>
                  <a:lnTo>
                    <a:pt x="6000" y="1635"/>
                  </a:lnTo>
                  <a:lnTo>
                    <a:pt x="6002" y="1629"/>
                  </a:lnTo>
                  <a:lnTo>
                    <a:pt x="6007" y="1624"/>
                  </a:lnTo>
                  <a:lnTo>
                    <a:pt x="6008" y="1621"/>
                  </a:lnTo>
                  <a:lnTo>
                    <a:pt x="6010" y="1619"/>
                  </a:lnTo>
                  <a:lnTo>
                    <a:pt x="5998" y="1621"/>
                  </a:lnTo>
                  <a:lnTo>
                    <a:pt x="5998" y="1619"/>
                  </a:lnTo>
                  <a:lnTo>
                    <a:pt x="5999" y="1616"/>
                  </a:lnTo>
                  <a:lnTo>
                    <a:pt x="6000" y="1610"/>
                  </a:lnTo>
                  <a:lnTo>
                    <a:pt x="5996" y="1610"/>
                  </a:lnTo>
                  <a:lnTo>
                    <a:pt x="5993" y="1612"/>
                  </a:lnTo>
                  <a:lnTo>
                    <a:pt x="5985" y="1614"/>
                  </a:lnTo>
                  <a:lnTo>
                    <a:pt x="5981" y="1613"/>
                  </a:lnTo>
                  <a:lnTo>
                    <a:pt x="5977" y="1610"/>
                  </a:lnTo>
                  <a:lnTo>
                    <a:pt x="5977" y="1601"/>
                  </a:lnTo>
                  <a:lnTo>
                    <a:pt x="5975" y="1602"/>
                  </a:lnTo>
                  <a:lnTo>
                    <a:pt x="5972" y="1606"/>
                  </a:lnTo>
                  <a:lnTo>
                    <a:pt x="5971" y="1610"/>
                  </a:lnTo>
                  <a:lnTo>
                    <a:pt x="5968" y="1613"/>
                  </a:lnTo>
                  <a:lnTo>
                    <a:pt x="5961" y="1613"/>
                  </a:lnTo>
                  <a:lnTo>
                    <a:pt x="5962" y="1609"/>
                  </a:lnTo>
                  <a:lnTo>
                    <a:pt x="5962" y="1605"/>
                  </a:lnTo>
                  <a:lnTo>
                    <a:pt x="5961" y="1606"/>
                  </a:lnTo>
                  <a:lnTo>
                    <a:pt x="5960" y="1609"/>
                  </a:lnTo>
                  <a:lnTo>
                    <a:pt x="5954" y="1613"/>
                  </a:lnTo>
                  <a:lnTo>
                    <a:pt x="5952" y="1617"/>
                  </a:lnTo>
                  <a:lnTo>
                    <a:pt x="5939" y="1619"/>
                  </a:lnTo>
                  <a:lnTo>
                    <a:pt x="5931" y="1614"/>
                  </a:lnTo>
                  <a:lnTo>
                    <a:pt x="5929" y="1605"/>
                  </a:lnTo>
                  <a:lnTo>
                    <a:pt x="5929" y="1600"/>
                  </a:lnTo>
                  <a:lnTo>
                    <a:pt x="5927" y="1598"/>
                  </a:lnTo>
                  <a:lnTo>
                    <a:pt x="5925" y="1605"/>
                  </a:lnTo>
                  <a:lnTo>
                    <a:pt x="5922" y="1612"/>
                  </a:lnTo>
                  <a:lnTo>
                    <a:pt x="5915" y="1619"/>
                  </a:lnTo>
                  <a:lnTo>
                    <a:pt x="5914" y="1628"/>
                  </a:lnTo>
                  <a:lnTo>
                    <a:pt x="5913" y="1639"/>
                  </a:lnTo>
                  <a:lnTo>
                    <a:pt x="5910" y="1644"/>
                  </a:lnTo>
                  <a:lnTo>
                    <a:pt x="5908" y="1648"/>
                  </a:lnTo>
                  <a:lnTo>
                    <a:pt x="5903" y="1654"/>
                  </a:lnTo>
                  <a:lnTo>
                    <a:pt x="5899" y="1658"/>
                  </a:lnTo>
                  <a:lnTo>
                    <a:pt x="5892" y="1662"/>
                  </a:lnTo>
                  <a:lnTo>
                    <a:pt x="5891" y="1664"/>
                  </a:lnTo>
                  <a:lnTo>
                    <a:pt x="5887" y="1666"/>
                  </a:lnTo>
                  <a:lnTo>
                    <a:pt x="5886" y="1668"/>
                  </a:lnTo>
                  <a:lnTo>
                    <a:pt x="5881" y="1671"/>
                  </a:lnTo>
                  <a:lnTo>
                    <a:pt x="5876" y="1667"/>
                  </a:lnTo>
                  <a:lnTo>
                    <a:pt x="5868" y="1667"/>
                  </a:lnTo>
                  <a:lnTo>
                    <a:pt x="5864" y="1662"/>
                  </a:lnTo>
                  <a:lnTo>
                    <a:pt x="5861" y="1656"/>
                  </a:lnTo>
                  <a:lnTo>
                    <a:pt x="5854" y="1647"/>
                  </a:lnTo>
                  <a:lnTo>
                    <a:pt x="5853" y="1652"/>
                  </a:lnTo>
                  <a:lnTo>
                    <a:pt x="5845" y="1646"/>
                  </a:lnTo>
                  <a:lnTo>
                    <a:pt x="5844" y="1641"/>
                  </a:lnTo>
                  <a:lnTo>
                    <a:pt x="5838" y="1635"/>
                  </a:lnTo>
                  <a:lnTo>
                    <a:pt x="5837" y="1632"/>
                  </a:lnTo>
                  <a:lnTo>
                    <a:pt x="5834" y="1628"/>
                  </a:lnTo>
                  <a:lnTo>
                    <a:pt x="5834" y="1636"/>
                  </a:lnTo>
                  <a:lnTo>
                    <a:pt x="5836" y="1644"/>
                  </a:lnTo>
                  <a:lnTo>
                    <a:pt x="5829" y="1640"/>
                  </a:lnTo>
                  <a:lnTo>
                    <a:pt x="5829" y="1652"/>
                  </a:lnTo>
                  <a:lnTo>
                    <a:pt x="5834" y="1663"/>
                  </a:lnTo>
                  <a:lnTo>
                    <a:pt x="5838" y="1668"/>
                  </a:lnTo>
                  <a:lnTo>
                    <a:pt x="5844" y="1672"/>
                  </a:lnTo>
                  <a:lnTo>
                    <a:pt x="5848" y="1672"/>
                  </a:lnTo>
                  <a:lnTo>
                    <a:pt x="5857" y="1679"/>
                  </a:lnTo>
                  <a:lnTo>
                    <a:pt x="5865" y="1682"/>
                  </a:lnTo>
                  <a:lnTo>
                    <a:pt x="5875" y="1685"/>
                  </a:lnTo>
                  <a:lnTo>
                    <a:pt x="5873" y="1689"/>
                  </a:lnTo>
                  <a:lnTo>
                    <a:pt x="5864" y="1693"/>
                  </a:lnTo>
                  <a:lnTo>
                    <a:pt x="5859" y="1698"/>
                  </a:lnTo>
                  <a:lnTo>
                    <a:pt x="5852" y="1705"/>
                  </a:lnTo>
                  <a:lnTo>
                    <a:pt x="5848" y="1717"/>
                  </a:lnTo>
                  <a:lnTo>
                    <a:pt x="5842" y="1726"/>
                  </a:lnTo>
                  <a:lnTo>
                    <a:pt x="5833" y="1735"/>
                  </a:lnTo>
                  <a:lnTo>
                    <a:pt x="5827" y="1744"/>
                  </a:lnTo>
                  <a:lnTo>
                    <a:pt x="5826" y="1748"/>
                  </a:lnTo>
                  <a:lnTo>
                    <a:pt x="5821" y="1756"/>
                  </a:lnTo>
                  <a:lnTo>
                    <a:pt x="5817" y="1771"/>
                  </a:lnTo>
                  <a:lnTo>
                    <a:pt x="5819" y="1780"/>
                  </a:lnTo>
                  <a:lnTo>
                    <a:pt x="5823" y="1790"/>
                  </a:lnTo>
                  <a:lnTo>
                    <a:pt x="5827" y="1791"/>
                  </a:lnTo>
                  <a:lnTo>
                    <a:pt x="5833" y="1791"/>
                  </a:lnTo>
                  <a:lnTo>
                    <a:pt x="5841" y="1794"/>
                  </a:lnTo>
                  <a:lnTo>
                    <a:pt x="5846" y="1793"/>
                  </a:lnTo>
                  <a:lnTo>
                    <a:pt x="5852" y="1790"/>
                  </a:lnTo>
                  <a:lnTo>
                    <a:pt x="5853" y="1784"/>
                  </a:lnTo>
                  <a:lnTo>
                    <a:pt x="5854" y="1780"/>
                  </a:lnTo>
                  <a:lnTo>
                    <a:pt x="5860" y="1774"/>
                  </a:lnTo>
                  <a:lnTo>
                    <a:pt x="5863" y="1768"/>
                  </a:lnTo>
                  <a:lnTo>
                    <a:pt x="5871" y="1766"/>
                  </a:lnTo>
                  <a:lnTo>
                    <a:pt x="5877" y="1766"/>
                  </a:lnTo>
                  <a:lnTo>
                    <a:pt x="5883" y="1770"/>
                  </a:lnTo>
                  <a:lnTo>
                    <a:pt x="5887" y="1776"/>
                  </a:lnTo>
                  <a:lnTo>
                    <a:pt x="5891" y="1787"/>
                  </a:lnTo>
                  <a:lnTo>
                    <a:pt x="5892" y="1795"/>
                  </a:lnTo>
                  <a:lnTo>
                    <a:pt x="5894" y="1790"/>
                  </a:lnTo>
                  <a:lnTo>
                    <a:pt x="5895" y="1786"/>
                  </a:lnTo>
                  <a:lnTo>
                    <a:pt x="5898" y="1805"/>
                  </a:lnTo>
                  <a:lnTo>
                    <a:pt x="5899" y="1801"/>
                  </a:lnTo>
                  <a:lnTo>
                    <a:pt x="5902" y="1795"/>
                  </a:lnTo>
                  <a:lnTo>
                    <a:pt x="5904" y="1805"/>
                  </a:lnTo>
                  <a:lnTo>
                    <a:pt x="5906" y="1813"/>
                  </a:lnTo>
                  <a:lnTo>
                    <a:pt x="5907" y="1807"/>
                  </a:lnTo>
                  <a:lnTo>
                    <a:pt x="5908" y="1803"/>
                  </a:lnTo>
                  <a:lnTo>
                    <a:pt x="5911" y="1809"/>
                  </a:lnTo>
                  <a:lnTo>
                    <a:pt x="5913" y="1806"/>
                  </a:lnTo>
                  <a:lnTo>
                    <a:pt x="5917" y="1815"/>
                  </a:lnTo>
                  <a:lnTo>
                    <a:pt x="5922" y="1826"/>
                  </a:lnTo>
                  <a:lnTo>
                    <a:pt x="5918" y="1833"/>
                  </a:lnTo>
                  <a:lnTo>
                    <a:pt x="5906" y="1851"/>
                  </a:lnTo>
                  <a:lnTo>
                    <a:pt x="5898" y="1857"/>
                  </a:lnTo>
                  <a:lnTo>
                    <a:pt x="5892" y="1863"/>
                  </a:lnTo>
                  <a:lnTo>
                    <a:pt x="5888" y="1868"/>
                  </a:lnTo>
                  <a:lnTo>
                    <a:pt x="5832" y="1857"/>
                  </a:lnTo>
                  <a:lnTo>
                    <a:pt x="5800" y="1855"/>
                  </a:lnTo>
                  <a:lnTo>
                    <a:pt x="5768" y="1853"/>
                  </a:lnTo>
                  <a:lnTo>
                    <a:pt x="5734" y="1856"/>
                  </a:lnTo>
                  <a:lnTo>
                    <a:pt x="5698" y="1863"/>
                  </a:lnTo>
                  <a:lnTo>
                    <a:pt x="5661" y="1875"/>
                  </a:lnTo>
                  <a:lnTo>
                    <a:pt x="5622" y="1892"/>
                  </a:lnTo>
                  <a:lnTo>
                    <a:pt x="5575" y="1919"/>
                  </a:lnTo>
                  <a:lnTo>
                    <a:pt x="5535" y="1945"/>
                  </a:lnTo>
                  <a:lnTo>
                    <a:pt x="5500" y="1969"/>
                  </a:lnTo>
                  <a:lnTo>
                    <a:pt x="5471" y="1995"/>
                  </a:lnTo>
                  <a:lnTo>
                    <a:pt x="5446" y="2019"/>
                  </a:lnTo>
                  <a:lnTo>
                    <a:pt x="5424" y="2043"/>
                  </a:lnTo>
                  <a:lnTo>
                    <a:pt x="5386" y="2092"/>
                  </a:lnTo>
                  <a:lnTo>
                    <a:pt x="5351" y="2143"/>
                  </a:lnTo>
                  <a:lnTo>
                    <a:pt x="5311" y="2197"/>
                  </a:lnTo>
                  <a:lnTo>
                    <a:pt x="5261" y="2257"/>
                  </a:lnTo>
                  <a:lnTo>
                    <a:pt x="5228" y="2289"/>
                  </a:lnTo>
                  <a:lnTo>
                    <a:pt x="5190" y="2321"/>
                  </a:lnTo>
                  <a:lnTo>
                    <a:pt x="5157" y="2350"/>
                  </a:lnTo>
                  <a:lnTo>
                    <a:pt x="5120" y="2375"/>
                  </a:lnTo>
                  <a:lnTo>
                    <a:pt x="5101" y="2387"/>
                  </a:lnTo>
                  <a:lnTo>
                    <a:pt x="5081" y="2398"/>
                  </a:lnTo>
                  <a:lnTo>
                    <a:pt x="5061" y="2406"/>
                  </a:lnTo>
                  <a:lnTo>
                    <a:pt x="5038" y="2414"/>
                  </a:lnTo>
                  <a:lnTo>
                    <a:pt x="5015" y="2420"/>
                  </a:lnTo>
                  <a:lnTo>
                    <a:pt x="4989" y="2424"/>
                  </a:lnTo>
                  <a:lnTo>
                    <a:pt x="4935" y="2423"/>
                  </a:lnTo>
                  <a:lnTo>
                    <a:pt x="4906" y="2418"/>
                  </a:lnTo>
                  <a:lnTo>
                    <a:pt x="4873" y="2412"/>
                  </a:lnTo>
                  <a:lnTo>
                    <a:pt x="4840" y="2401"/>
                  </a:lnTo>
                  <a:lnTo>
                    <a:pt x="4803" y="2387"/>
                  </a:lnTo>
                  <a:lnTo>
                    <a:pt x="4783" y="2377"/>
                  </a:lnTo>
                  <a:lnTo>
                    <a:pt x="4764" y="2366"/>
                  </a:lnTo>
                  <a:lnTo>
                    <a:pt x="4748" y="2354"/>
                  </a:lnTo>
                  <a:lnTo>
                    <a:pt x="4734" y="2340"/>
                  </a:lnTo>
                  <a:lnTo>
                    <a:pt x="4711" y="2312"/>
                  </a:lnTo>
                  <a:lnTo>
                    <a:pt x="4692" y="2284"/>
                  </a:lnTo>
                  <a:lnTo>
                    <a:pt x="4659" y="2224"/>
                  </a:lnTo>
                  <a:lnTo>
                    <a:pt x="4640" y="2199"/>
                  </a:lnTo>
                  <a:lnTo>
                    <a:pt x="4628" y="2186"/>
                  </a:lnTo>
                  <a:lnTo>
                    <a:pt x="4616" y="2176"/>
                  </a:lnTo>
                  <a:lnTo>
                    <a:pt x="4587" y="2158"/>
                  </a:lnTo>
                  <a:lnTo>
                    <a:pt x="4562" y="2146"/>
                  </a:lnTo>
                  <a:lnTo>
                    <a:pt x="4537" y="2138"/>
                  </a:lnTo>
                  <a:lnTo>
                    <a:pt x="4516" y="2134"/>
                  </a:lnTo>
                  <a:lnTo>
                    <a:pt x="4474" y="2127"/>
                  </a:lnTo>
                  <a:lnTo>
                    <a:pt x="4455" y="2122"/>
                  </a:lnTo>
                  <a:lnTo>
                    <a:pt x="4437" y="2114"/>
                  </a:lnTo>
                  <a:lnTo>
                    <a:pt x="4441" y="2108"/>
                  </a:lnTo>
                  <a:lnTo>
                    <a:pt x="4443" y="2103"/>
                  </a:lnTo>
                  <a:lnTo>
                    <a:pt x="4440" y="2084"/>
                  </a:lnTo>
                  <a:lnTo>
                    <a:pt x="4437" y="2076"/>
                  </a:lnTo>
                  <a:lnTo>
                    <a:pt x="4439" y="2070"/>
                  </a:lnTo>
                  <a:lnTo>
                    <a:pt x="4439" y="2065"/>
                  </a:lnTo>
                  <a:lnTo>
                    <a:pt x="4435" y="2056"/>
                  </a:lnTo>
                  <a:lnTo>
                    <a:pt x="4362" y="1985"/>
                  </a:lnTo>
                  <a:lnTo>
                    <a:pt x="4373" y="1980"/>
                  </a:lnTo>
                  <a:lnTo>
                    <a:pt x="4383" y="1972"/>
                  </a:lnTo>
                  <a:lnTo>
                    <a:pt x="4378" y="1956"/>
                  </a:lnTo>
                  <a:lnTo>
                    <a:pt x="4371" y="1942"/>
                  </a:lnTo>
                  <a:lnTo>
                    <a:pt x="4366" y="1921"/>
                  </a:lnTo>
                  <a:lnTo>
                    <a:pt x="4354" y="1907"/>
                  </a:lnTo>
                  <a:lnTo>
                    <a:pt x="4343" y="1906"/>
                  </a:lnTo>
                  <a:lnTo>
                    <a:pt x="4338" y="1906"/>
                  </a:lnTo>
                  <a:lnTo>
                    <a:pt x="4332" y="1906"/>
                  </a:lnTo>
                  <a:lnTo>
                    <a:pt x="4320" y="1902"/>
                  </a:lnTo>
                  <a:lnTo>
                    <a:pt x="4327" y="1882"/>
                  </a:lnTo>
                  <a:lnTo>
                    <a:pt x="4323" y="1872"/>
                  </a:lnTo>
                  <a:lnTo>
                    <a:pt x="4315" y="1864"/>
                  </a:lnTo>
                  <a:lnTo>
                    <a:pt x="4313" y="1864"/>
                  </a:lnTo>
                  <a:lnTo>
                    <a:pt x="4305" y="1865"/>
                  </a:lnTo>
                  <a:lnTo>
                    <a:pt x="4302" y="1867"/>
                  </a:lnTo>
                  <a:lnTo>
                    <a:pt x="4301" y="1869"/>
                  </a:lnTo>
                  <a:lnTo>
                    <a:pt x="4296" y="1880"/>
                  </a:lnTo>
                  <a:lnTo>
                    <a:pt x="4293" y="1883"/>
                  </a:lnTo>
                  <a:lnTo>
                    <a:pt x="4274" y="1873"/>
                  </a:lnTo>
                  <a:lnTo>
                    <a:pt x="4273" y="1861"/>
                  </a:lnTo>
                  <a:lnTo>
                    <a:pt x="4253" y="1853"/>
                  </a:lnTo>
                  <a:lnTo>
                    <a:pt x="4242" y="1855"/>
                  </a:lnTo>
                  <a:lnTo>
                    <a:pt x="4238" y="1856"/>
                  </a:lnTo>
                  <a:lnTo>
                    <a:pt x="4231" y="1847"/>
                  </a:lnTo>
                  <a:lnTo>
                    <a:pt x="4224" y="1838"/>
                  </a:lnTo>
                  <a:lnTo>
                    <a:pt x="4220" y="1834"/>
                  </a:lnTo>
                  <a:lnTo>
                    <a:pt x="4217" y="1833"/>
                  </a:lnTo>
                  <a:lnTo>
                    <a:pt x="4212" y="1832"/>
                  </a:lnTo>
                  <a:lnTo>
                    <a:pt x="4208" y="1832"/>
                  </a:lnTo>
                  <a:lnTo>
                    <a:pt x="4197" y="1825"/>
                  </a:lnTo>
                  <a:lnTo>
                    <a:pt x="4192" y="1818"/>
                  </a:lnTo>
                  <a:lnTo>
                    <a:pt x="4190" y="1811"/>
                  </a:lnTo>
                  <a:lnTo>
                    <a:pt x="4181" y="1807"/>
                  </a:lnTo>
                  <a:lnTo>
                    <a:pt x="4165" y="1793"/>
                  </a:lnTo>
                  <a:lnTo>
                    <a:pt x="4167" y="1789"/>
                  </a:lnTo>
                  <a:lnTo>
                    <a:pt x="4176" y="1791"/>
                  </a:lnTo>
                  <a:lnTo>
                    <a:pt x="4178" y="1789"/>
                  </a:lnTo>
                  <a:lnTo>
                    <a:pt x="4182" y="1789"/>
                  </a:lnTo>
                  <a:lnTo>
                    <a:pt x="4196" y="1776"/>
                  </a:lnTo>
                  <a:lnTo>
                    <a:pt x="4200" y="1766"/>
                  </a:lnTo>
                  <a:lnTo>
                    <a:pt x="4196" y="1762"/>
                  </a:lnTo>
                  <a:lnTo>
                    <a:pt x="4186" y="1760"/>
                  </a:lnTo>
                  <a:lnTo>
                    <a:pt x="4181" y="1756"/>
                  </a:lnTo>
                  <a:lnTo>
                    <a:pt x="4173" y="1753"/>
                  </a:lnTo>
                  <a:lnTo>
                    <a:pt x="4169" y="1752"/>
                  </a:lnTo>
                  <a:lnTo>
                    <a:pt x="4166" y="1751"/>
                  </a:lnTo>
                  <a:lnTo>
                    <a:pt x="4163" y="1743"/>
                  </a:lnTo>
                  <a:lnTo>
                    <a:pt x="4154" y="1740"/>
                  </a:lnTo>
                  <a:lnTo>
                    <a:pt x="4149" y="1737"/>
                  </a:lnTo>
                  <a:lnTo>
                    <a:pt x="4142" y="1728"/>
                  </a:lnTo>
                  <a:lnTo>
                    <a:pt x="4138" y="1721"/>
                  </a:lnTo>
                  <a:lnTo>
                    <a:pt x="4126" y="1708"/>
                  </a:lnTo>
                  <a:lnTo>
                    <a:pt x="4126" y="1704"/>
                  </a:lnTo>
                  <a:lnTo>
                    <a:pt x="4120" y="1701"/>
                  </a:lnTo>
                  <a:lnTo>
                    <a:pt x="4118" y="1689"/>
                  </a:lnTo>
                  <a:lnTo>
                    <a:pt x="4116" y="1674"/>
                  </a:lnTo>
                  <a:lnTo>
                    <a:pt x="4116" y="1670"/>
                  </a:lnTo>
                  <a:lnTo>
                    <a:pt x="4115" y="1662"/>
                  </a:lnTo>
                  <a:lnTo>
                    <a:pt x="4114" y="1656"/>
                  </a:lnTo>
                  <a:lnTo>
                    <a:pt x="4114" y="1652"/>
                  </a:lnTo>
                  <a:lnTo>
                    <a:pt x="4114" y="1639"/>
                  </a:lnTo>
                  <a:lnTo>
                    <a:pt x="4112" y="1636"/>
                  </a:lnTo>
                  <a:lnTo>
                    <a:pt x="4108" y="1625"/>
                  </a:lnTo>
                  <a:lnTo>
                    <a:pt x="4107" y="1623"/>
                  </a:lnTo>
                  <a:lnTo>
                    <a:pt x="4107" y="1619"/>
                  </a:lnTo>
                  <a:lnTo>
                    <a:pt x="4105" y="1613"/>
                  </a:lnTo>
                  <a:lnTo>
                    <a:pt x="4104" y="1608"/>
                  </a:lnTo>
                  <a:lnTo>
                    <a:pt x="4103" y="1604"/>
                  </a:lnTo>
                  <a:lnTo>
                    <a:pt x="4101" y="1601"/>
                  </a:lnTo>
                  <a:lnTo>
                    <a:pt x="4097" y="1597"/>
                  </a:lnTo>
                  <a:lnTo>
                    <a:pt x="4095" y="1590"/>
                  </a:lnTo>
                  <a:lnTo>
                    <a:pt x="4095" y="1583"/>
                  </a:lnTo>
                  <a:lnTo>
                    <a:pt x="4093" y="1582"/>
                  </a:lnTo>
                  <a:lnTo>
                    <a:pt x="4092" y="1581"/>
                  </a:lnTo>
                  <a:lnTo>
                    <a:pt x="4095" y="1575"/>
                  </a:lnTo>
                  <a:lnTo>
                    <a:pt x="4099" y="1574"/>
                  </a:lnTo>
                  <a:lnTo>
                    <a:pt x="4104" y="1562"/>
                  </a:lnTo>
                  <a:lnTo>
                    <a:pt x="4104" y="1558"/>
                  </a:lnTo>
                  <a:lnTo>
                    <a:pt x="4109" y="1554"/>
                  </a:lnTo>
                  <a:lnTo>
                    <a:pt x="4119" y="1547"/>
                  </a:lnTo>
                  <a:lnTo>
                    <a:pt x="4118" y="1540"/>
                  </a:lnTo>
                  <a:lnTo>
                    <a:pt x="4120" y="1538"/>
                  </a:lnTo>
                  <a:lnTo>
                    <a:pt x="4120" y="1534"/>
                  </a:lnTo>
                  <a:lnTo>
                    <a:pt x="4122" y="1531"/>
                  </a:lnTo>
                  <a:lnTo>
                    <a:pt x="4122" y="1527"/>
                  </a:lnTo>
                  <a:lnTo>
                    <a:pt x="4120" y="1525"/>
                  </a:lnTo>
                  <a:lnTo>
                    <a:pt x="4120" y="1524"/>
                  </a:lnTo>
                  <a:lnTo>
                    <a:pt x="4126" y="1520"/>
                  </a:lnTo>
                  <a:lnTo>
                    <a:pt x="4124" y="1516"/>
                  </a:lnTo>
                  <a:lnTo>
                    <a:pt x="4116" y="1503"/>
                  </a:lnTo>
                  <a:lnTo>
                    <a:pt x="4116" y="1494"/>
                  </a:lnTo>
                  <a:lnTo>
                    <a:pt x="4109" y="1484"/>
                  </a:lnTo>
                  <a:lnTo>
                    <a:pt x="4112" y="1480"/>
                  </a:lnTo>
                  <a:lnTo>
                    <a:pt x="4112" y="1473"/>
                  </a:lnTo>
                  <a:lnTo>
                    <a:pt x="4103" y="1466"/>
                  </a:lnTo>
                  <a:lnTo>
                    <a:pt x="4093" y="1463"/>
                  </a:lnTo>
                  <a:lnTo>
                    <a:pt x="4081" y="1462"/>
                  </a:lnTo>
                  <a:lnTo>
                    <a:pt x="4077" y="1462"/>
                  </a:lnTo>
                  <a:lnTo>
                    <a:pt x="4068" y="1463"/>
                  </a:lnTo>
                  <a:lnTo>
                    <a:pt x="4061" y="1465"/>
                  </a:lnTo>
                  <a:lnTo>
                    <a:pt x="4055" y="1467"/>
                  </a:lnTo>
                  <a:lnTo>
                    <a:pt x="4051" y="1476"/>
                  </a:lnTo>
                  <a:lnTo>
                    <a:pt x="4045" y="1484"/>
                  </a:lnTo>
                  <a:lnTo>
                    <a:pt x="4041" y="1490"/>
                  </a:lnTo>
                  <a:lnTo>
                    <a:pt x="4038" y="1497"/>
                  </a:lnTo>
                  <a:lnTo>
                    <a:pt x="4041" y="1508"/>
                  </a:lnTo>
                  <a:lnTo>
                    <a:pt x="4042" y="1511"/>
                  </a:lnTo>
                  <a:lnTo>
                    <a:pt x="4043" y="1513"/>
                  </a:lnTo>
                  <a:lnTo>
                    <a:pt x="4043" y="1521"/>
                  </a:lnTo>
                  <a:lnTo>
                    <a:pt x="4049" y="1529"/>
                  </a:lnTo>
                  <a:lnTo>
                    <a:pt x="4049" y="1535"/>
                  </a:lnTo>
                  <a:lnTo>
                    <a:pt x="4050" y="1539"/>
                  </a:lnTo>
                  <a:lnTo>
                    <a:pt x="4055" y="1543"/>
                  </a:lnTo>
                  <a:lnTo>
                    <a:pt x="4049" y="1554"/>
                  </a:lnTo>
                  <a:lnTo>
                    <a:pt x="4043" y="1562"/>
                  </a:lnTo>
                  <a:lnTo>
                    <a:pt x="4037" y="1562"/>
                  </a:lnTo>
                  <a:lnTo>
                    <a:pt x="4027" y="1566"/>
                  </a:lnTo>
                  <a:lnTo>
                    <a:pt x="4015" y="1579"/>
                  </a:lnTo>
                  <a:lnTo>
                    <a:pt x="4007" y="1590"/>
                  </a:lnTo>
                  <a:lnTo>
                    <a:pt x="4003" y="1610"/>
                  </a:lnTo>
                  <a:lnTo>
                    <a:pt x="4003" y="1643"/>
                  </a:lnTo>
                  <a:lnTo>
                    <a:pt x="4006" y="1685"/>
                  </a:lnTo>
                  <a:lnTo>
                    <a:pt x="4007" y="1718"/>
                  </a:lnTo>
                  <a:lnTo>
                    <a:pt x="4008" y="1751"/>
                  </a:lnTo>
                  <a:lnTo>
                    <a:pt x="4008" y="1789"/>
                  </a:lnTo>
                  <a:lnTo>
                    <a:pt x="4008" y="1799"/>
                  </a:lnTo>
                  <a:lnTo>
                    <a:pt x="4010" y="1814"/>
                  </a:lnTo>
                  <a:lnTo>
                    <a:pt x="4015" y="1836"/>
                  </a:lnTo>
                  <a:lnTo>
                    <a:pt x="4023" y="1847"/>
                  </a:lnTo>
                  <a:lnTo>
                    <a:pt x="4027" y="1856"/>
                  </a:lnTo>
                  <a:lnTo>
                    <a:pt x="4024" y="1860"/>
                  </a:lnTo>
                  <a:lnTo>
                    <a:pt x="4026" y="1863"/>
                  </a:lnTo>
                  <a:lnTo>
                    <a:pt x="4030" y="1868"/>
                  </a:lnTo>
                  <a:lnTo>
                    <a:pt x="4031" y="1872"/>
                  </a:lnTo>
                  <a:lnTo>
                    <a:pt x="4031" y="1875"/>
                  </a:lnTo>
                  <a:lnTo>
                    <a:pt x="4031" y="1878"/>
                  </a:lnTo>
                  <a:lnTo>
                    <a:pt x="4033" y="1879"/>
                  </a:lnTo>
                  <a:lnTo>
                    <a:pt x="4034" y="1896"/>
                  </a:lnTo>
                  <a:lnTo>
                    <a:pt x="4034" y="1899"/>
                  </a:lnTo>
                  <a:lnTo>
                    <a:pt x="4035" y="1902"/>
                  </a:lnTo>
                  <a:lnTo>
                    <a:pt x="4043" y="1917"/>
                  </a:lnTo>
                  <a:lnTo>
                    <a:pt x="4045" y="1922"/>
                  </a:lnTo>
                  <a:lnTo>
                    <a:pt x="4043" y="1927"/>
                  </a:lnTo>
                  <a:lnTo>
                    <a:pt x="4039" y="1934"/>
                  </a:lnTo>
                  <a:lnTo>
                    <a:pt x="4035" y="1941"/>
                  </a:lnTo>
                  <a:lnTo>
                    <a:pt x="4031" y="1946"/>
                  </a:lnTo>
                  <a:lnTo>
                    <a:pt x="4026" y="1952"/>
                  </a:lnTo>
                  <a:lnTo>
                    <a:pt x="4022" y="1961"/>
                  </a:lnTo>
                  <a:lnTo>
                    <a:pt x="4014" y="1973"/>
                  </a:lnTo>
                  <a:lnTo>
                    <a:pt x="4001" y="1995"/>
                  </a:lnTo>
                  <a:lnTo>
                    <a:pt x="3999" y="2002"/>
                  </a:lnTo>
                  <a:lnTo>
                    <a:pt x="3995" y="2010"/>
                  </a:lnTo>
                  <a:lnTo>
                    <a:pt x="3983" y="2026"/>
                  </a:lnTo>
                  <a:lnTo>
                    <a:pt x="3895" y="2022"/>
                  </a:lnTo>
                  <a:lnTo>
                    <a:pt x="3856" y="2022"/>
                  </a:lnTo>
                  <a:lnTo>
                    <a:pt x="3818" y="2006"/>
                  </a:lnTo>
                  <a:lnTo>
                    <a:pt x="3814" y="1991"/>
                  </a:lnTo>
                  <a:lnTo>
                    <a:pt x="3813" y="1968"/>
                  </a:lnTo>
                  <a:lnTo>
                    <a:pt x="3813" y="1944"/>
                  </a:lnTo>
                  <a:lnTo>
                    <a:pt x="3826" y="1938"/>
                  </a:lnTo>
                  <a:lnTo>
                    <a:pt x="3813" y="1869"/>
                  </a:lnTo>
                  <a:lnTo>
                    <a:pt x="3799" y="1802"/>
                  </a:lnTo>
                  <a:lnTo>
                    <a:pt x="3794" y="1779"/>
                  </a:lnTo>
                  <a:lnTo>
                    <a:pt x="3788" y="1757"/>
                  </a:lnTo>
                  <a:lnTo>
                    <a:pt x="3784" y="1735"/>
                  </a:lnTo>
                  <a:lnTo>
                    <a:pt x="3777" y="1713"/>
                  </a:lnTo>
                  <a:lnTo>
                    <a:pt x="3783" y="1708"/>
                  </a:lnTo>
                  <a:lnTo>
                    <a:pt x="3787" y="1701"/>
                  </a:lnTo>
                  <a:lnTo>
                    <a:pt x="3787" y="1693"/>
                  </a:lnTo>
                  <a:lnTo>
                    <a:pt x="3784" y="1690"/>
                  </a:lnTo>
                  <a:lnTo>
                    <a:pt x="3784" y="1686"/>
                  </a:lnTo>
                  <a:lnTo>
                    <a:pt x="3780" y="1683"/>
                  </a:lnTo>
                  <a:lnTo>
                    <a:pt x="3779" y="1681"/>
                  </a:lnTo>
                  <a:lnTo>
                    <a:pt x="3773" y="1681"/>
                  </a:lnTo>
                  <a:lnTo>
                    <a:pt x="3757" y="1667"/>
                  </a:lnTo>
                  <a:lnTo>
                    <a:pt x="3752" y="1658"/>
                  </a:lnTo>
                  <a:lnTo>
                    <a:pt x="3753" y="1650"/>
                  </a:lnTo>
                  <a:lnTo>
                    <a:pt x="3756" y="1641"/>
                  </a:lnTo>
                  <a:lnTo>
                    <a:pt x="3765" y="1643"/>
                  </a:lnTo>
                  <a:lnTo>
                    <a:pt x="3773" y="1641"/>
                  </a:lnTo>
                  <a:lnTo>
                    <a:pt x="3776" y="1632"/>
                  </a:lnTo>
                  <a:lnTo>
                    <a:pt x="3779" y="1623"/>
                  </a:lnTo>
                  <a:lnTo>
                    <a:pt x="3783" y="1619"/>
                  </a:lnTo>
                  <a:lnTo>
                    <a:pt x="3780" y="1613"/>
                  </a:lnTo>
                  <a:lnTo>
                    <a:pt x="3779" y="1608"/>
                  </a:lnTo>
                  <a:lnTo>
                    <a:pt x="3780" y="1601"/>
                  </a:lnTo>
                  <a:lnTo>
                    <a:pt x="3784" y="1600"/>
                  </a:lnTo>
                  <a:lnTo>
                    <a:pt x="3784" y="1587"/>
                  </a:lnTo>
                  <a:lnTo>
                    <a:pt x="3783" y="1582"/>
                  </a:lnTo>
                  <a:lnTo>
                    <a:pt x="3780" y="1578"/>
                  </a:lnTo>
                  <a:lnTo>
                    <a:pt x="3773" y="1571"/>
                  </a:lnTo>
                  <a:lnTo>
                    <a:pt x="3764" y="1569"/>
                  </a:lnTo>
                  <a:lnTo>
                    <a:pt x="3755" y="1563"/>
                  </a:lnTo>
                  <a:lnTo>
                    <a:pt x="3744" y="1561"/>
                  </a:lnTo>
                  <a:lnTo>
                    <a:pt x="3723" y="1565"/>
                  </a:lnTo>
                  <a:lnTo>
                    <a:pt x="3717" y="1570"/>
                  </a:lnTo>
                  <a:lnTo>
                    <a:pt x="3711" y="1575"/>
                  </a:lnTo>
                  <a:lnTo>
                    <a:pt x="3709" y="1574"/>
                  </a:lnTo>
                  <a:lnTo>
                    <a:pt x="3702" y="1583"/>
                  </a:lnTo>
                  <a:lnTo>
                    <a:pt x="3692" y="1587"/>
                  </a:lnTo>
                  <a:lnTo>
                    <a:pt x="3694" y="1590"/>
                  </a:lnTo>
                  <a:lnTo>
                    <a:pt x="3696" y="1589"/>
                  </a:lnTo>
                  <a:lnTo>
                    <a:pt x="3699" y="1587"/>
                  </a:lnTo>
                  <a:lnTo>
                    <a:pt x="3699" y="1590"/>
                  </a:lnTo>
                  <a:lnTo>
                    <a:pt x="3698" y="1592"/>
                  </a:lnTo>
                  <a:lnTo>
                    <a:pt x="3694" y="1594"/>
                  </a:lnTo>
                  <a:lnTo>
                    <a:pt x="3691" y="1600"/>
                  </a:lnTo>
                  <a:lnTo>
                    <a:pt x="3690" y="1605"/>
                  </a:lnTo>
                  <a:lnTo>
                    <a:pt x="3688" y="1619"/>
                  </a:lnTo>
                  <a:lnTo>
                    <a:pt x="3691" y="1644"/>
                  </a:lnTo>
                  <a:lnTo>
                    <a:pt x="3695" y="1656"/>
                  </a:lnTo>
                  <a:lnTo>
                    <a:pt x="3696" y="1670"/>
                  </a:lnTo>
                  <a:lnTo>
                    <a:pt x="3687" y="1677"/>
                  </a:lnTo>
                  <a:lnTo>
                    <a:pt x="3686" y="1683"/>
                  </a:lnTo>
                  <a:lnTo>
                    <a:pt x="3682" y="1689"/>
                  </a:lnTo>
                  <a:lnTo>
                    <a:pt x="3679" y="1702"/>
                  </a:lnTo>
                  <a:lnTo>
                    <a:pt x="3679" y="1716"/>
                  </a:lnTo>
                  <a:lnTo>
                    <a:pt x="3679" y="1749"/>
                  </a:lnTo>
                  <a:lnTo>
                    <a:pt x="3671" y="1756"/>
                  </a:lnTo>
                  <a:lnTo>
                    <a:pt x="3667" y="1766"/>
                  </a:lnTo>
                  <a:lnTo>
                    <a:pt x="3667" y="1775"/>
                  </a:lnTo>
                  <a:lnTo>
                    <a:pt x="3667" y="1784"/>
                  </a:lnTo>
                  <a:lnTo>
                    <a:pt x="3672" y="1793"/>
                  </a:lnTo>
                  <a:lnTo>
                    <a:pt x="3678" y="1809"/>
                  </a:lnTo>
                  <a:lnTo>
                    <a:pt x="3686" y="1824"/>
                  </a:lnTo>
                  <a:lnTo>
                    <a:pt x="3695" y="1826"/>
                  </a:lnTo>
                  <a:lnTo>
                    <a:pt x="3706" y="1825"/>
                  </a:lnTo>
                  <a:lnTo>
                    <a:pt x="3711" y="1834"/>
                  </a:lnTo>
                  <a:lnTo>
                    <a:pt x="3717" y="1844"/>
                  </a:lnTo>
                  <a:lnTo>
                    <a:pt x="3722" y="1849"/>
                  </a:lnTo>
                  <a:lnTo>
                    <a:pt x="3715" y="1860"/>
                  </a:lnTo>
                  <a:lnTo>
                    <a:pt x="3710" y="1875"/>
                  </a:lnTo>
                  <a:lnTo>
                    <a:pt x="3696" y="1906"/>
                  </a:lnTo>
                  <a:lnTo>
                    <a:pt x="3683" y="1936"/>
                  </a:lnTo>
                  <a:lnTo>
                    <a:pt x="3683" y="1938"/>
                  </a:lnTo>
                  <a:lnTo>
                    <a:pt x="3656" y="1969"/>
                  </a:lnTo>
                  <a:lnTo>
                    <a:pt x="3655" y="1969"/>
                  </a:lnTo>
                  <a:lnTo>
                    <a:pt x="3652" y="1969"/>
                  </a:lnTo>
                  <a:lnTo>
                    <a:pt x="3625" y="1971"/>
                  </a:lnTo>
                  <a:lnTo>
                    <a:pt x="3626" y="1961"/>
                  </a:lnTo>
                  <a:lnTo>
                    <a:pt x="3625" y="1952"/>
                  </a:lnTo>
                  <a:lnTo>
                    <a:pt x="3621" y="1934"/>
                  </a:lnTo>
                  <a:lnTo>
                    <a:pt x="3616" y="1894"/>
                  </a:lnTo>
                  <a:lnTo>
                    <a:pt x="3613" y="1875"/>
                  </a:lnTo>
                  <a:lnTo>
                    <a:pt x="3607" y="1857"/>
                  </a:lnTo>
                  <a:lnTo>
                    <a:pt x="3607" y="1848"/>
                  </a:lnTo>
                  <a:lnTo>
                    <a:pt x="3605" y="1837"/>
                  </a:lnTo>
                  <a:lnTo>
                    <a:pt x="3602" y="1828"/>
                  </a:lnTo>
                  <a:lnTo>
                    <a:pt x="3599" y="1817"/>
                  </a:lnTo>
                  <a:lnTo>
                    <a:pt x="3599" y="1807"/>
                  </a:lnTo>
                  <a:lnTo>
                    <a:pt x="3597" y="1798"/>
                  </a:lnTo>
                  <a:lnTo>
                    <a:pt x="3601" y="1791"/>
                  </a:lnTo>
                  <a:lnTo>
                    <a:pt x="3601" y="1784"/>
                  </a:lnTo>
                  <a:lnTo>
                    <a:pt x="3598" y="1768"/>
                  </a:lnTo>
                  <a:lnTo>
                    <a:pt x="3591" y="1762"/>
                  </a:lnTo>
                  <a:lnTo>
                    <a:pt x="3594" y="1744"/>
                  </a:lnTo>
                  <a:lnTo>
                    <a:pt x="3595" y="1735"/>
                  </a:lnTo>
                  <a:lnTo>
                    <a:pt x="3595" y="1726"/>
                  </a:lnTo>
                  <a:lnTo>
                    <a:pt x="3593" y="1716"/>
                  </a:lnTo>
                  <a:lnTo>
                    <a:pt x="3590" y="1705"/>
                  </a:lnTo>
                  <a:lnTo>
                    <a:pt x="3597" y="1705"/>
                  </a:lnTo>
                  <a:lnTo>
                    <a:pt x="3599" y="1691"/>
                  </a:lnTo>
                  <a:lnTo>
                    <a:pt x="3594" y="1686"/>
                  </a:lnTo>
                  <a:lnTo>
                    <a:pt x="3598" y="1682"/>
                  </a:lnTo>
                  <a:lnTo>
                    <a:pt x="3599" y="1672"/>
                  </a:lnTo>
                  <a:lnTo>
                    <a:pt x="3599" y="1664"/>
                  </a:lnTo>
                  <a:lnTo>
                    <a:pt x="3595" y="1655"/>
                  </a:lnTo>
                  <a:lnTo>
                    <a:pt x="3593" y="1643"/>
                  </a:lnTo>
                  <a:lnTo>
                    <a:pt x="3584" y="1608"/>
                  </a:lnTo>
                  <a:lnTo>
                    <a:pt x="3579" y="1593"/>
                  </a:lnTo>
                  <a:lnTo>
                    <a:pt x="3572" y="1578"/>
                  </a:lnTo>
                  <a:lnTo>
                    <a:pt x="3576" y="1574"/>
                  </a:lnTo>
                  <a:lnTo>
                    <a:pt x="3564" y="1555"/>
                  </a:lnTo>
                  <a:lnTo>
                    <a:pt x="3566" y="1552"/>
                  </a:lnTo>
                  <a:lnTo>
                    <a:pt x="3567" y="1550"/>
                  </a:lnTo>
                  <a:lnTo>
                    <a:pt x="3574" y="1547"/>
                  </a:lnTo>
                  <a:lnTo>
                    <a:pt x="3590" y="1547"/>
                  </a:lnTo>
                  <a:lnTo>
                    <a:pt x="3595" y="1536"/>
                  </a:lnTo>
                  <a:lnTo>
                    <a:pt x="3599" y="1524"/>
                  </a:lnTo>
                  <a:lnTo>
                    <a:pt x="3597" y="1521"/>
                  </a:lnTo>
                  <a:lnTo>
                    <a:pt x="3595" y="1519"/>
                  </a:lnTo>
                  <a:lnTo>
                    <a:pt x="3598" y="1517"/>
                  </a:lnTo>
                  <a:lnTo>
                    <a:pt x="3599" y="1515"/>
                  </a:lnTo>
                  <a:lnTo>
                    <a:pt x="3598" y="1511"/>
                  </a:lnTo>
                  <a:lnTo>
                    <a:pt x="3595" y="1508"/>
                  </a:lnTo>
                  <a:lnTo>
                    <a:pt x="3591" y="1501"/>
                  </a:lnTo>
                  <a:lnTo>
                    <a:pt x="3593" y="1494"/>
                  </a:lnTo>
                  <a:lnTo>
                    <a:pt x="3593" y="1482"/>
                  </a:lnTo>
                  <a:lnTo>
                    <a:pt x="3591" y="1477"/>
                  </a:lnTo>
                  <a:lnTo>
                    <a:pt x="3593" y="1473"/>
                  </a:lnTo>
                  <a:lnTo>
                    <a:pt x="3591" y="1469"/>
                  </a:lnTo>
                  <a:lnTo>
                    <a:pt x="3589" y="1466"/>
                  </a:lnTo>
                  <a:lnTo>
                    <a:pt x="3571" y="1453"/>
                  </a:lnTo>
                  <a:lnTo>
                    <a:pt x="3553" y="1451"/>
                  </a:lnTo>
                  <a:lnTo>
                    <a:pt x="3536" y="1450"/>
                  </a:lnTo>
                  <a:lnTo>
                    <a:pt x="3512" y="1459"/>
                  </a:lnTo>
                  <a:lnTo>
                    <a:pt x="3509" y="1469"/>
                  </a:lnTo>
                  <a:lnTo>
                    <a:pt x="3504" y="1477"/>
                  </a:lnTo>
                  <a:lnTo>
                    <a:pt x="3501" y="1486"/>
                  </a:lnTo>
                  <a:lnTo>
                    <a:pt x="3501" y="1497"/>
                  </a:lnTo>
                  <a:lnTo>
                    <a:pt x="3502" y="1508"/>
                  </a:lnTo>
                  <a:lnTo>
                    <a:pt x="3506" y="1519"/>
                  </a:lnTo>
                  <a:lnTo>
                    <a:pt x="3512" y="1527"/>
                  </a:lnTo>
                  <a:lnTo>
                    <a:pt x="3518" y="1534"/>
                  </a:lnTo>
                  <a:lnTo>
                    <a:pt x="3526" y="1538"/>
                  </a:lnTo>
                  <a:lnTo>
                    <a:pt x="3526" y="1542"/>
                  </a:lnTo>
                  <a:lnTo>
                    <a:pt x="3526" y="1544"/>
                  </a:lnTo>
                  <a:lnTo>
                    <a:pt x="3524" y="1550"/>
                  </a:lnTo>
                  <a:lnTo>
                    <a:pt x="3520" y="1554"/>
                  </a:lnTo>
                  <a:lnTo>
                    <a:pt x="3518" y="1562"/>
                  </a:lnTo>
                  <a:lnTo>
                    <a:pt x="3514" y="1567"/>
                  </a:lnTo>
                  <a:lnTo>
                    <a:pt x="3510" y="1577"/>
                  </a:lnTo>
                  <a:lnTo>
                    <a:pt x="3508" y="1587"/>
                  </a:lnTo>
                  <a:lnTo>
                    <a:pt x="3505" y="1598"/>
                  </a:lnTo>
                  <a:lnTo>
                    <a:pt x="3498" y="1605"/>
                  </a:lnTo>
                  <a:lnTo>
                    <a:pt x="3485" y="1601"/>
                  </a:lnTo>
                  <a:lnTo>
                    <a:pt x="3477" y="1602"/>
                  </a:lnTo>
                  <a:lnTo>
                    <a:pt x="3470" y="1606"/>
                  </a:lnTo>
                  <a:lnTo>
                    <a:pt x="3462" y="1612"/>
                  </a:lnTo>
                  <a:lnTo>
                    <a:pt x="3455" y="1619"/>
                  </a:lnTo>
                  <a:lnTo>
                    <a:pt x="3451" y="1627"/>
                  </a:lnTo>
                  <a:lnTo>
                    <a:pt x="3447" y="1637"/>
                  </a:lnTo>
                  <a:lnTo>
                    <a:pt x="3445" y="1648"/>
                  </a:lnTo>
                  <a:lnTo>
                    <a:pt x="3447" y="1656"/>
                  </a:lnTo>
                  <a:lnTo>
                    <a:pt x="3451" y="1655"/>
                  </a:lnTo>
                  <a:lnTo>
                    <a:pt x="3454" y="1652"/>
                  </a:lnTo>
                  <a:lnTo>
                    <a:pt x="3459" y="1646"/>
                  </a:lnTo>
                  <a:lnTo>
                    <a:pt x="3459" y="1651"/>
                  </a:lnTo>
                  <a:lnTo>
                    <a:pt x="3458" y="1658"/>
                  </a:lnTo>
                  <a:lnTo>
                    <a:pt x="3454" y="1659"/>
                  </a:lnTo>
                  <a:lnTo>
                    <a:pt x="3451" y="1671"/>
                  </a:lnTo>
                  <a:lnTo>
                    <a:pt x="3451" y="1683"/>
                  </a:lnTo>
                  <a:lnTo>
                    <a:pt x="3445" y="1698"/>
                  </a:lnTo>
                  <a:lnTo>
                    <a:pt x="3439" y="1713"/>
                  </a:lnTo>
                  <a:lnTo>
                    <a:pt x="3435" y="1717"/>
                  </a:lnTo>
                  <a:lnTo>
                    <a:pt x="3433" y="1724"/>
                  </a:lnTo>
                  <a:lnTo>
                    <a:pt x="3440" y="1737"/>
                  </a:lnTo>
                  <a:lnTo>
                    <a:pt x="3444" y="1753"/>
                  </a:lnTo>
                  <a:lnTo>
                    <a:pt x="3444" y="1756"/>
                  </a:lnTo>
                  <a:lnTo>
                    <a:pt x="3460" y="1776"/>
                  </a:lnTo>
                  <a:lnTo>
                    <a:pt x="3470" y="1789"/>
                  </a:lnTo>
                  <a:lnTo>
                    <a:pt x="3481" y="1799"/>
                  </a:lnTo>
                  <a:lnTo>
                    <a:pt x="3481" y="1797"/>
                  </a:lnTo>
                  <a:lnTo>
                    <a:pt x="3483" y="1795"/>
                  </a:lnTo>
                  <a:lnTo>
                    <a:pt x="3493" y="1802"/>
                  </a:lnTo>
                  <a:lnTo>
                    <a:pt x="3499" y="1811"/>
                  </a:lnTo>
                  <a:lnTo>
                    <a:pt x="3505" y="1817"/>
                  </a:lnTo>
                  <a:lnTo>
                    <a:pt x="3510" y="1821"/>
                  </a:lnTo>
                  <a:lnTo>
                    <a:pt x="3522" y="1828"/>
                  </a:lnTo>
                  <a:lnTo>
                    <a:pt x="3518" y="1844"/>
                  </a:lnTo>
                  <a:lnTo>
                    <a:pt x="3517" y="1852"/>
                  </a:lnTo>
                  <a:lnTo>
                    <a:pt x="3520" y="1859"/>
                  </a:lnTo>
                  <a:lnTo>
                    <a:pt x="3522" y="1861"/>
                  </a:lnTo>
                  <a:lnTo>
                    <a:pt x="3525" y="1865"/>
                  </a:lnTo>
                  <a:lnTo>
                    <a:pt x="3512" y="1871"/>
                  </a:lnTo>
                  <a:lnTo>
                    <a:pt x="3506" y="1876"/>
                  </a:lnTo>
                  <a:lnTo>
                    <a:pt x="3504" y="1883"/>
                  </a:lnTo>
                  <a:lnTo>
                    <a:pt x="3485" y="1909"/>
                  </a:lnTo>
                  <a:lnTo>
                    <a:pt x="3475" y="1921"/>
                  </a:lnTo>
                  <a:lnTo>
                    <a:pt x="3464" y="1931"/>
                  </a:lnTo>
                  <a:lnTo>
                    <a:pt x="3463" y="1938"/>
                  </a:lnTo>
                  <a:lnTo>
                    <a:pt x="3458" y="1942"/>
                  </a:lnTo>
                  <a:lnTo>
                    <a:pt x="3452" y="1945"/>
                  </a:lnTo>
                  <a:lnTo>
                    <a:pt x="3450" y="1950"/>
                  </a:lnTo>
                  <a:lnTo>
                    <a:pt x="3450" y="1956"/>
                  </a:lnTo>
                  <a:lnTo>
                    <a:pt x="3445" y="1958"/>
                  </a:lnTo>
                  <a:lnTo>
                    <a:pt x="3441" y="1964"/>
                  </a:lnTo>
                  <a:lnTo>
                    <a:pt x="3436" y="1968"/>
                  </a:lnTo>
                  <a:lnTo>
                    <a:pt x="3433" y="1975"/>
                  </a:lnTo>
                  <a:lnTo>
                    <a:pt x="3424" y="1985"/>
                  </a:lnTo>
                  <a:lnTo>
                    <a:pt x="3418" y="1992"/>
                  </a:lnTo>
                  <a:lnTo>
                    <a:pt x="3417" y="1998"/>
                  </a:lnTo>
                  <a:lnTo>
                    <a:pt x="3418" y="2000"/>
                  </a:lnTo>
                  <a:lnTo>
                    <a:pt x="3421" y="2003"/>
                  </a:lnTo>
                  <a:lnTo>
                    <a:pt x="3428" y="2008"/>
                  </a:lnTo>
                  <a:lnTo>
                    <a:pt x="3435" y="2014"/>
                  </a:lnTo>
                  <a:lnTo>
                    <a:pt x="3444" y="2016"/>
                  </a:lnTo>
                  <a:lnTo>
                    <a:pt x="3452" y="2025"/>
                  </a:lnTo>
                  <a:lnTo>
                    <a:pt x="3432" y="2031"/>
                  </a:lnTo>
                  <a:lnTo>
                    <a:pt x="3410" y="2035"/>
                  </a:lnTo>
                  <a:lnTo>
                    <a:pt x="3367" y="2037"/>
                  </a:lnTo>
                  <a:lnTo>
                    <a:pt x="3319" y="2033"/>
                  </a:lnTo>
                  <a:lnTo>
                    <a:pt x="3263" y="2030"/>
                  </a:lnTo>
                  <a:lnTo>
                    <a:pt x="3263" y="1608"/>
                  </a:lnTo>
                  <a:lnTo>
                    <a:pt x="3153" y="1473"/>
                  </a:lnTo>
                  <a:lnTo>
                    <a:pt x="2691" y="1473"/>
                  </a:lnTo>
                  <a:lnTo>
                    <a:pt x="2557" y="1608"/>
                  </a:lnTo>
                  <a:lnTo>
                    <a:pt x="2557" y="1891"/>
                  </a:lnTo>
                  <a:lnTo>
                    <a:pt x="2522" y="1896"/>
                  </a:lnTo>
                  <a:lnTo>
                    <a:pt x="2491" y="1903"/>
                  </a:lnTo>
                  <a:lnTo>
                    <a:pt x="2491" y="1620"/>
                  </a:lnTo>
                  <a:lnTo>
                    <a:pt x="2490" y="1617"/>
                  </a:lnTo>
                  <a:lnTo>
                    <a:pt x="2486" y="1616"/>
                  </a:lnTo>
                  <a:lnTo>
                    <a:pt x="2475" y="1613"/>
                  </a:lnTo>
                  <a:lnTo>
                    <a:pt x="2463" y="1616"/>
                  </a:lnTo>
                  <a:lnTo>
                    <a:pt x="2459" y="1617"/>
                  </a:lnTo>
                  <a:lnTo>
                    <a:pt x="2458" y="1620"/>
                  </a:lnTo>
                  <a:lnTo>
                    <a:pt x="2458" y="1915"/>
                  </a:lnTo>
                  <a:lnTo>
                    <a:pt x="2435" y="1925"/>
                  </a:lnTo>
                  <a:lnTo>
                    <a:pt x="2435" y="1722"/>
                  </a:lnTo>
                  <a:lnTo>
                    <a:pt x="2433" y="1718"/>
                  </a:lnTo>
                  <a:lnTo>
                    <a:pt x="2429" y="1716"/>
                  </a:lnTo>
                  <a:lnTo>
                    <a:pt x="2418" y="1713"/>
                  </a:lnTo>
                  <a:lnTo>
                    <a:pt x="2406" y="1716"/>
                  </a:lnTo>
                  <a:lnTo>
                    <a:pt x="2402" y="1718"/>
                  </a:lnTo>
                  <a:lnTo>
                    <a:pt x="2401" y="1722"/>
                  </a:lnTo>
                  <a:lnTo>
                    <a:pt x="2401" y="1941"/>
                  </a:lnTo>
                  <a:lnTo>
                    <a:pt x="2387" y="1948"/>
                  </a:lnTo>
                  <a:lnTo>
                    <a:pt x="2387" y="1558"/>
                  </a:lnTo>
                  <a:lnTo>
                    <a:pt x="2386" y="1554"/>
                  </a:lnTo>
                  <a:lnTo>
                    <a:pt x="2382" y="1550"/>
                  </a:lnTo>
                  <a:lnTo>
                    <a:pt x="2371" y="1547"/>
                  </a:lnTo>
                  <a:lnTo>
                    <a:pt x="2359" y="1550"/>
                  </a:lnTo>
                  <a:lnTo>
                    <a:pt x="2355" y="1554"/>
                  </a:lnTo>
                  <a:lnTo>
                    <a:pt x="2354" y="1558"/>
                  </a:lnTo>
                  <a:lnTo>
                    <a:pt x="2354" y="1965"/>
                  </a:lnTo>
                  <a:lnTo>
                    <a:pt x="2340" y="1971"/>
                  </a:lnTo>
                  <a:lnTo>
                    <a:pt x="2340" y="1751"/>
                  </a:lnTo>
                  <a:lnTo>
                    <a:pt x="2339" y="1748"/>
                  </a:lnTo>
                  <a:lnTo>
                    <a:pt x="2335" y="1745"/>
                  </a:lnTo>
                  <a:lnTo>
                    <a:pt x="2323" y="1744"/>
                  </a:lnTo>
                  <a:lnTo>
                    <a:pt x="2312" y="1745"/>
                  </a:lnTo>
                  <a:lnTo>
                    <a:pt x="2306" y="1751"/>
                  </a:lnTo>
                  <a:lnTo>
                    <a:pt x="2306" y="1981"/>
                  </a:lnTo>
                  <a:lnTo>
                    <a:pt x="2281" y="1987"/>
                  </a:lnTo>
                  <a:lnTo>
                    <a:pt x="2252" y="1990"/>
                  </a:lnTo>
                  <a:lnTo>
                    <a:pt x="2252" y="1671"/>
                  </a:lnTo>
                  <a:lnTo>
                    <a:pt x="2251" y="1667"/>
                  </a:lnTo>
                  <a:lnTo>
                    <a:pt x="2248" y="1664"/>
                  </a:lnTo>
                  <a:lnTo>
                    <a:pt x="2236" y="1662"/>
                  </a:lnTo>
                  <a:lnTo>
                    <a:pt x="2224" y="1664"/>
                  </a:lnTo>
                  <a:lnTo>
                    <a:pt x="2221" y="1667"/>
                  </a:lnTo>
                  <a:lnTo>
                    <a:pt x="2220" y="1671"/>
                  </a:lnTo>
                  <a:lnTo>
                    <a:pt x="2220" y="1990"/>
                  </a:lnTo>
                  <a:lnTo>
                    <a:pt x="2209" y="1988"/>
                  </a:lnTo>
                  <a:lnTo>
                    <a:pt x="2209" y="1660"/>
                  </a:lnTo>
                  <a:lnTo>
                    <a:pt x="2208" y="1656"/>
                  </a:lnTo>
                  <a:lnTo>
                    <a:pt x="2204" y="1654"/>
                  </a:lnTo>
                  <a:lnTo>
                    <a:pt x="2193" y="1651"/>
                  </a:lnTo>
                  <a:lnTo>
                    <a:pt x="2181" y="1654"/>
                  </a:lnTo>
                  <a:lnTo>
                    <a:pt x="2177" y="1656"/>
                  </a:lnTo>
                  <a:lnTo>
                    <a:pt x="2176" y="1660"/>
                  </a:lnTo>
                  <a:lnTo>
                    <a:pt x="2176" y="1973"/>
                  </a:lnTo>
                  <a:lnTo>
                    <a:pt x="2163" y="1964"/>
                  </a:lnTo>
                  <a:lnTo>
                    <a:pt x="2163" y="1628"/>
                  </a:lnTo>
                  <a:lnTo>
                    <a:pt x="2162" y="1624"/>
                  </a:lnTo>
                  <a:lnTo>
                    <a:pt x="2158" y="1621"/>
                  </a:lnTo>
                  <a:lnTo>
                    <a:pt x="2147" y="1619"/>
                  </a:lnTo>
                  <a:lnTo>
                    <a:pt x="2135" y="1621"/>
                  </a:lnTo>
                  <a:lnTo>
                    <a:pt x="2131" y="1624"/>
                  </a:lnTo>
                  <a:lnTo>
                    <a:pt x="2130" y="1628"/>
                  </a:lnTo>
                  <a:lnTo>
                    <a:pt x="2130" y="1930"/>
                  </a:lnTo>
                  <a:lnTo>
                    <a:pt x="2117" y="1913"/>
                  </a:lnTo>
                  <a:lnTo>
                    <a:pt x="2117" y="1726"/>
                  </a:lnTo>
                  <a:lnTo>
                    <a:pt x="2116" y="1722"/>
                  </a:lnTo>
                  <a:lnTo>
                    <a:pt x="2112" y="1720"/>
                  </a:lnTo>
                  <a:lnTo>
                    <a:pt x="2100" y="1718"/>
                  </a:lnTo>
                  <a:lnTo>
                    <a:pt x="2089" y="1720"/>
                  </a:lnTo>
                  <a:lnTo>
                    <a:pt x="2085" y="1722"/>
                  </a:lnTo>
                  <a:lnTo>
                    <a:pt x="2084" y="1726"/>
                  </a:lnTo>
                  <a:lnTo>
                    <a:pt x="2084" y="1863"/>
                  </a:lnTo>
                  <a:lnTo>
                    <a:pt x="2072" y="1845"/>
                  </a:lnTo>
                  <a:lnTo>
                    <a:pt x="2072" y="1762"/>
                  </a:lnTo>
                  <a:lnTo>
                    <a:pt x="2072" y="1757"/>
                  </a:lnTo>
                  <a:lnTo>
                    <a:pt x="2068" y="1755"/>
                  </a:lnTo>
                  <a:lnTo>
                    <a:pt x="2055" y="1753"/>
                  </a:lnTo>
                  <a:lnTo>
                    <a:pt x="2045" y="1755"/>
                  </a:lnTo>
                  <a:lnTo>
                    <a:pt x="2039" y="1762"/>
                  </a:lnTo>
                  <a:lnTo>
                    <a:pt x="2039" y="1799"/>
                  </a:lnTo>
                  <a:lnTo>
                    <a:pt x="2027" y="1786"/>
                  </a:lnTo>
                  <a:lnTo>
                    <a:pt x="2027" y="1697"/>
                  </a:lnTo>
                  <a:lnTo>
                    <a:pt x="2026" y="1694"/>
                  </a:lnTo>
                  <a:lnTo>
                    <a:pt x="2023" y="1691"/>
                  </a:lnTo>
                  <a:lnTo>
                    <a:pt x="2011" y="1690"/>
                  </a:lnTo>
                  <a:lnTo>
                    <a:pt x="1999" y="1691"/>
                  </a:lnTo>
                  <a:lnTo>
                    <a:pt x="1996" y="1694"/>
                  </a:lnTo>
                  <a:lnTo>
                    <a:pt x="1995" y="1697"/>
                  </a:lnTo>
                  <a:lnTo>
                    <a:pt x="1995" y="1755"/>
                  </a:lnTo>
                  <a:lnTo>
                    <a:pt x="1972" y="1739"/>
                  </a:lnTo>
                  <a:lnTo>
                    <a:pt x="1943" y="1724"/>
                  </a:lnTo>
                  <a:lnTo>
                    <a:pt x="1907" y="1714"/>
                  </a:lnTo>
                  <a:lnTo>
                    <a:pt x="1884" y="1712"/>
                  </a:lnTo>
                  <a:lnTo>
                    <a:pt x="1856" y="1710"/>
                  </a:lnTo>
                  <a:lnTo>
                    <a:pt x="1811" y="1713"/>
                  </a:lnTo>
                  <a:lnTo>
                    <a:pt x="1792" y="1717"/>
                  </a:lnTo>
                  <a:lnTo>
                    <a:pt x="1773" y="1724"/>
                  </a:lnTo>
                  <a:lnTo>
                    <a:pt x="1759" y="1732"/>
                  </a:lnTo>
                  <a:lnTo>
                    <a:pt x="1744" y="1741"/>
                  </a:lnTo>
                  <a:lnTo>
                    <a:pt x="1718" y="1763"/>
                  </a:lnTo>
                  <a:lnTo>
                    <a:pt x="1696" y="1789"/>
                  </a:lnTo>
                  <a:lnTo>
                    <a:pt x="1678" y="1817"/>
                  </a:lnTo>
                  <a:lnTo>
                    <a:pt x="1645" y="1875"/>
                  </a:lnTo>
                  <a:lnTo>
                    <a:pt x="1640" y="1636"/>
                  </a:lnTo>
                  <a:lnTo>
                    <a:pt x="1509" y="1636"/>
                  </a:lnTo>
                  <a:lnTo>
                    <a:pt x="1509" y="2220"/>
                  </a:lnTo>
                  <a:lnTo>
                    <a:pt x="1524" y="2223"/>
                  </a:lnTo>
                  <a:lnTo>
                    <a:pt x="1537" y="2230"/>
                  </a:lnTo>
                  <a:lnTo>
                    <a:pt x="1548" y="2240"/>
                  </a:lnTo>
                  <a:lnTo>
                    <a:pt x="1556" y="2254"/>
                  </a:lnTo>
                  <a:lnTo>
                    <a:pt x="1556" y="2226"/>
                  </a:lnTo>
                  <a:lnTo>
                    <a:pt x="1545" y="2223"/>
                  </a:lnTo>
                  <a:lnTo>
                    <a:pt x="1540" y="2219"/>
                  </a:lnTo>
                  <a:lnTo>
                    <a:pt x="1534" y="2215"/>
                  </a:lnTo>
                  <a:lnTo>
                    <a:pt x="1528" y="2203"/>
                  </a:lnTo>
                  <a:lnTo>
                    <a:pt x="1525" y="2189"/>
                  </a:lnTo>
                  <a:lnTo>
                    <a:pt x="1525" y="2188"/>
                  </a:lnTo>
                  <a:lnTo>
                    <a:pt x="1529" y="2173"/>
                  </a:lnTo>
                  <a:lnTo>
                    <a:pt x="1536" y="2161"/>
                  </a:lnTo>
                  <a:lnTo>
                    <a:pt x="1541" y="2155"/>
                  </a:lnTo>
                  <a:lnTo>
                    <a:pt x="1547" y="2153"/>
                  </a:lnTo>
                  <a:lnTo>
                    <a:pt x="1559" y="2150"/>
                  </a:lnTo>
                  <a:lnTo>
                    <a:pt x="1571" y="2151"/>
                  </a:lnTo>
                  <a:lnTo>
                    <a:pt x="1582" y="2159"/>
                  </a:lnTo>
                  <a:lnTo>
                    <a:pt x="1593" y="2137"/>
                  </a:lnTo>
                  <a:lnTo>
                    <a:pt x="1599" y="2126"/>
                  </a:lnTo>
                  <a:lnTo>
                    <a:pt x="1607" y="2118"/>
                  </a:lnTo>
                  <a:lnTo>
                    <a:pt x="1628" y="2107"/>
                  </a:lnTo>
                  <a:lnTo>
                    <a:pt x="1651" y="2101"/>
                  </a:lnTo>
                  <a:lnTo>
                    <a:pt x="1673" y="2106"/>
                  </a:lnTo>
                  <a:lnTo>
                    <a:pt x="1694" y="2118"/>
                  </a:lnTo>
                  <a:lnTo>
                    <a:pt x="1710" y="2135"/>
                  </a:lnTo>
                  <a:lnTo>
                    <a:pt x="1721" y="2157"/>
                  </a:lnTo>
                  <a:lnTo>
                    <a:pt x="1729" y="2145"/>
                  </a:lnTo>
                  <a:lnTo>
                    <a:pt x="1738" y="2137"/>
                  </a:lnTo>
                  <a:lnTo>
                    <a:pt x="1750" y="2130"/>
                  </a:lnTo>
                  <a:lnTo>
                    <a:pt x="1765" y="2128"/>
                  </a:lnTo>
                  <a:lnTo>
                    <a:pt x="1784" y="2133"/>
                  </a:lnTo>
                  <a:lnTo>
                    <a:pt x="1794" y="2138"/>
                  </a:lnTo>
                  <a:lnTo>
                    <a:pt x="1802" y="2146"/>
                  </a:lnTo>
                  <a:lnTo>
                    <a:pt x="1812" y="2165"/>
                  </a:lnTo>
                  <a:lnTo>
                    <a:pt x="1815" y="2176"/>
                  </a:lnTo>
                  <a:lnTo>
                    <a:pt x="1817" y="2188"/>
                  </a:lnTo>
                  <a:lnTo>
                    <a:pt x="1812" y="2211"/>
                  </a:lnTo>
                  <a:lnTo>
                    <a:pt x="1802" y="2230"/>
                  </a:lnTo>
                  <a:lnTo>
                    <a:pt x="1794" y="2238"/>
                  </a:lnTo>
                  <a:lnTo>
                    <a:pt x="1784" y="2243"/>
                  </a:lnTo>
                  <a:lnTo>
                    <a:pt x="1765" y="2247"/>
                  </a:lnTo>
                  <a:lnTo>
                    <a:pt x="1745" y="2243"/>
                  </a:lnTo>
                  <a:lnTo>
                    <a:pt x="1745" y="2339"/>
                  </a:lnTo>
                  <a:lnTo>
                    <a:pt x="1753" y="2328"/>
                  </a:lnTo>
                  <a:lnTo>
                    <a:pt x="1763" y="2320"/>
                  </a:lnTo>
                  <a:lnTo>
                    <a:pt x="1775" y="2315"/>
                  </a:lnTo>
                  <a:lnTo>
                    <a:pt x="1787" y="2313"/>
                  </a:lnTo>
                  <a:lnTo>
                    <a:pt x="1807" y="2317"/>
                  </a:lnTo>
                  <a:lnTo>
                    <a:pt x="1817" y="2323"/>
                  </a:lnTo>
                  <a:lnTo>
                    <a:pt x="1823" y="2329"/>
                  </a:lnTo>
                  <a:lnTo>
                    <a:pt x="1834" y="2348"/>
                  </a:lnTo>
                  <a:lnTo>
                    <a:pt x="1838" y="2359"/>
                  </a:lnTo>
                  <a:lnTo>
                    <a:pt x="1839" y="2371"/>
                  </a:lnTo>
                  <a:lnTo>
                    <a:pt x="1839" y="2374"/>
                  </a:lnTo>
                  <a:lnTo>
                    <a:pt x="1838" y="2386"/>
                  </a:lnTo>
                  <a:lnTo>
                    <a:pt x="1834" y="2397"/>
                  </a:lnTo>
                  <a:lnTo>
                    <a:pt x="1823" y="2414"/>
                  </a:lnTo>
                  <a:lnTo>
                    <a:pt x="1817" y="2423"/>
                  </a:lnTo>
                  <a:lnTo>
                    <a:pt x="1807" y="2427"/>
                  </a:lnTo>
                  <a:lnTo>
                    <a:pt x="1787" y="2432"/>
                  </a:lnTo>
                  <a:lnTo>
                    <a:pt x="1773" y="2429"/>
                  </a:lnTo>
                  <a:lnTo>
                    <a:pt x="1761" y="2424"/>
                  </a:lnTo>
                  <a:lnTo>
                    <a:pt x="1752" y="2414"/>
                  </a:lnTo>
                  <a:lnTo>
                    <a:pt x="1744" y="2404"/>
                  </a:lnTo>
                  <a:lnTo>
                    <a:pt x="1738" y="2416"/>
                  </a:lnTo>
                  <a:lnTo>
                    <a:pt x="1730" y="2428"/>
                  </a:lnTo>
                  <a:lnTo>
                    <a:pt x="1730" y="2477"/>
                  </a:lnTo>
                  <a:lnTo>
                    <a:pt x="1734" y="2477"/>
                  </a:lnTo>
                  <a:lnTo>
                    <a:pt x="1756" y="2481"/>
                  </a:lnTo>
                  <a:lnTo>
                    <a:pt x="1776" y="2491"/>
                  </a:lnTo>
                  <a:lnTo>
                    <a:pt x="1792" y="2509"/>
                  </a:lnTo>
                  <a:lnTo>
                    <a:pt x="1803" y="2530"/>
                  </a:lnTo>
                  <a:lnTo>
                    <a:pt x="1811" y="2520"/>
                  </a:lnTo>
                  <a:lnTo>
                    <a:pt x="1822" y="2510"/>
                  </a:lnTo>
                  <a:lnTo>
                    <a:pt x="1834" y="2505"/>
                  </a:lnTo>
                  <a:lnTo>
                    <a:pt x="1848" y="2502"/>
                  </a:lnTo>
                  <a:lnTo>
                    <a:pt x="1868" y="2508"/>
                  </a:lnTo>
                  <a:lnTo>
                    <a:pt x="1876" y="2513"/>
                  </a:lnTo>
                  <a:lnTo>
                    <a:pt x="1884" y="2520"/>
                  </a:lnTo>
                  <a:lnTo>
                    <a:pt x="1895" y="2539"/>
                  </a:lnTo>
                  <a:lnTo>
                    <a:pt x="1898" y="2549"/>
                  </a:lnTo>
                  <a:lnTo>
                    <a:pt x="1899" y="2561"/>
                  </a:lnTo>
                  <a:lnTo>
                    <a:pt x="1898" y="2574"/>
                  </a:lnTo>
                  <a:lnTo>
                    <a:pt x="1895" y="2584"/>
                  </a:lnTo>
                  <a:lnTo>
                    <a:pt x="1884" y="2605"/>
                  </a:lnTo>
                  <a:lnTo>
                    <a:pt x="1876" y="2611"/>
                  </a:lnTo>
                  <a:lnTo>
                    <a:pt x="1868" y="2617"/>
                  </a:lnTo>
                  <a:lnTo>
                    <a:pt x="1848" y="2621"/>
                  </a:lnTo>
                  <a:lnTo>
                    <a:pt x="1834" y="2620"/>
                  </a:lnTo>
                  <a:lnTo>
                    <a:pt x="1822" y="2614"/>
                  </a:lnTo>
                  <a:lnTo>
                    <a:pt x="1811" y="2605"/>
                  </a:lnTo>
                  <a:lnTo>
                    <a:pt x="1803" y="2593"/>
                  </a:lnTo>
                  <a:lnTo>
                    <a:pt x="1794" y="2613"/>
                  </a:lnTo>
                  <a:lnTo>
                    <a:pt x="1781" y="2628"/>
                  </a:lnTo>
                  <a:lnTo>
                    <a:pt x="1765" y="2640"/>
                  </a:lnTo>
                  <a:lnTo>
                    <a:pt x="1746" y="2646"/>
                  </a:lnTo>
                  <a:lnTo>
                    <a:pt x="1746" y="2767"/>
                  </a:lnTo>
                  <a:lnTo>
                    <a:pt x="1722" y="2767"/>
                  </a:lnTo>
                  <a:lnTo>
                    <a:pt x="1722" y="2646"/>
                  </a:lnTo>
                  <a:lnTo>
                    <a:pt x="1705" y="2641"/>
                  </a:lnTo>
                  <a:lnTo>
                    <a:pt x="1705" y="2737"/>
                  </a:lnTo>
                  <a:lnTo>
                    <a:pt x="1680" y="2737"/>
                  </a:lnTo>
                  <a:lnTo>
                    <a:pt x="1680" y="2621"/>
                  </a:lnTo>
                  <a:lnTo>
                    <a:pt x="1671" y="2607"/>
                  </a:lnTo>
                  <a:lnTo>
                    <a:pt x="1664" y="2591"/>
                  </a:lnTo>
                  <a:lnTo>
                    <a:pt x="1663" y="2725"/>
                  </a:lnTo>
                  <a:lnTo>
                    <a:pt x="1640" y="2725"/>
                  </a:lnTo>
                  <a:lnTo>
                    <a:pt x="1640" y="2601"/>
                  </a:lnTo>
                  <a:lnTo>
                    <a:pt x="1628" y="2597"/>
                  </a:lnTo>
                  <a:lnTo>
                    <a:pt x="1622" y="2593"/>
                  </a:lnTo>
                  <a:lnTo>
                    <a:pt x="1618" y="2588"/>
                  </a:lnTo>
                  <a:lnTo>
                    <a:pt x="1611" y="2578"/>
                  </a:lnTo>
                  <a:lnTo>
                    <a:pt x="1607" y="2563"/>
                  </a:lnTo>
                  <a:lnTo>
                    <a:pt x="1607" y="2561"/>
                  </a:lnTo>
                  <a:lnTo>
                    <a:pt x="1613" y="2543"/>
                  </a:lnTo>
                  <a:lnTo>
                    <a:pt x="1594" y="2547"/>
                  </a:lnTo>
                  <a:lnTo>
                    <a:pt x="1584" y="2545"/>
                  </a:lnTo>
                  <a:lnTo>
                    <a:pt x="1584" y="2661"/>
                  </a:lnTo>
                  <a:lnTo>
                    <a:pt x="1560" y="2661"/>
                  </a:lnTo>
                  <a:lnTo>
                    <a:pt x="1560" y="2532"/>
                  </a:lnTo>
                  <a:lnTo>
                    <a:pt x="1551" y="2518"/>
                  </a:lnTo>
                  <a:lnTo>
                    <a:pt x="1545" y="2530"/>
                  </a:lnTo>
                  <a:lnTo>
                    <a:pt x="1537" y="2543"/>
                  </a:lnTo>
                  <a:lnTo>
                    <a:pt x="1537" y="2661"/>
                  </a:lnTo>
                  <a:lnTo>
                    <a:pt x="1514" y="2661"/>
                  </a:lnTo>
                  <a:lnTo>
                    <a:pt x="1514" y="2564"/>
                  </a:lnTo>
                  <a:lnTo>
                    <a:pt x="1493" y="2572"/>
                  </a:lnTo>
                  <a:lnTo>
                    <a:pt x="1493" y="2625"/>
                  </a:lnTo>
                  <a:lnTo>
                    <a:pt x="1501" y="2633"/>
                  </a:lnTo>
                  <a:lnTo>
                    <a:pt x="1507" y="2644"/>
                  </a:lnTo>
                  <a:lnTo>
                    <a:pt x="1510" y="2656"/>
                  </a:lnTo>
                  <a:lnTo>
                    <a:pt x="1513" y="2669"/>
                  </a:lnTo>
                  <a:lnTo>
                    <a:pt x="1513" y="2672"/>
                  </a:lnTo>
                  <a:lnTo>
                    <a:pt x="1512" y="2684"/>
                  </a:lnTo>
                  <a:lnTo>
                    <a:pt x="1507" y="2695"/>
                  </a:lnTo>
                  <a:lnTo>
                    <a:pt x="1497" y="2714"/>
                  </a:lnTo>
                  <a:lnTo>
                    <a:pt x="1489" y="2721"/>
                  </a:lnTo>
                  <a:lnTo>
                    <a:pt x="1480" y="2726"/>
                  </a:lnTo>
                  <a:lnTo>
                    <a:pt x="1460" y="2730"/>
                  </a:lnTo>
                  <a:lnTo>
                    <a:pt x="1447" y="2729"/>
                  </a:lnTo>
                  <a:lnTo>
                    <a:pt x="1435" y="2722"/>
                  </a:lnTo>
                  <a:lnTo>
                    <a:pt x="1424" y="2714"/>
                  </a:lnTo>
                  <a:lnTo>
                    <a:pt x="1416" y="2702"/>
                  </a:lnTo>
                  <a:lnTo>
                    <a:pt x="1405" y="2723"/>
                  </a:lnTo>
                  <a:lnTo>
                    <a:pt x="1398" y="2733"/>
                  </a:lnTo>
                  <a:lnTo>
                    <a:pt x="1390" y="2741"/>
                  </a:lnTo>
                  <a:lnTo>
                    <a:pt x="1379" y="2748"/>
                  </a:lnTo>
                  <a:lnTo>
                    <a:pt x="1370" y="2753"/>
                  </a:lnTo>
                  <a:lnTo>
                    <a:pt x="1347" y="2757"/>
                  </a:lnTo>
                  <a:lnTo>
                    <a:pt x="1324" y="2752"/>
                  </a:lnTo>
                  <a:lnTo>
                    <a:pt x="1304" y="2741"/>
                  </a:lnTo>
                  <a:lnTo>
                    <a:pt x="1296" y="2733"/>
                  </a:lnTo>
                  <a:lnTo>
                    <a:pt x="1287" y="2722"/>
                  </a:lnTo>
                  <a:lnTo>
                    <a:pt x="1277" y="2699"/>
                  </a:lnTo>
                  <a:lnTo>
                    <a:pt x="1277" y="2834"/>
                  </a:lnTo>
                  <a:lnTo>
                    <a:pt x="1252" y="2834"/>
                  </a:lnTo>
                  <a:lnTo>
                    <a:pt x="1252" y="2709"/>
                  </a:lnTo>
                  <a:lnTo>
                    <a:pt x="1240" y="2706"/>
                  </a:lnTo>
                  <a:lnTo>
                    <a:pt x="1235" y="2702"/>
                  </a:lnTo>
                  <a:lnTo>
                    <a:pt x="1231" y="2698"/>
                  </a:lnTo>
                  <a:lnTo>
                    <a:pt x="1224" y="2686"/>
                  </a:lnTo>
                  <a:lnTo>
                    <a:pt x="1221" y="2672"/>
                  </a:lnTo>
                  <a:lnTo>
                    <a:pt x="1221" y="2671"/>
                  </a:lnTo>
                  <a:lnTo>
                    <a:pt x="1223" y="2661"/>
                  </a:lnTo>
                  <a:lnTo>
                    <a:pt x="1225" y="2653"/>
                  </a:lnTo>
                  <a:lnTo>
                    <a:pt x="1229" y="2645"/>
                  </a:lnTo>
                  <a:lnTo>
                    <a:pt x="1235" y="2640"/>
                  </a:lnTo>
                  <a:lnTo>
                    <a:pt x="1235" y="2541"/>
                  </a:lnTo>
                  <a:lnTo>
                    <a:pt x="1217" y="2536"/>
                  </a:lnTo>
                  <a:lnTo>
                    <a:pt x="1217" y="2632"/>
                  </a:lnTo>
                  <a:lnTo>
                    <a:pt x="1193" y="2632"/>
                  </a:lnTo>
                  <a:lnTo>
                    <a:pt x="1193" y="2517"/>
                  </a:lnTo>
                  <a:lnTo>
                    <a:pt x="1184" y="2502"/>
                  </a:lnTo>
                  <a:lnTo>
                    <a:pt x="1177" y="2486"/>
                  </a:lnTo>
                  <a:lnTo>
                    <a:pt x="1177" y="2621"/>
                  </a:lnTo>
                  <a:lnTo>
                    <a:pt x="1153" y="2621"/>
                  </a:lnTo>
                  <a:lnTo>
                    <a:pt x="1153" y="2495"/>
                  </a:lnTo>
                  <a:lnTo>
                    <a:pt x="1140" y="2491"/>
                  </a:lnTo>
                  <a:lnTo>
                    <a:pt x="1135" y="2489"/>
                  </a:lnTo>
                  <a:lnTo>
                    <a:pt x="1131" y="2483"/>
                  </a:lnTo>
                  <a:lnTo>
                    <a:pt x="1124" y="2472"/>
                  </a:lnTo>
                  <a:lnTo>
                    <a:pt x="1121" y="2459"/>
                  </a:lnTo>
                  <a:lnTo>
                    <a:pt x="1121" y="2456"/>
                  </a:lnTo>
                  <a:lnTo>
                    <a:pt x="1124" y="2441"/>
                  </a:lnTo>
                  <a:lnTo>
                    <a:pt x="1132" y="2429"/>
                  </a:lnTo>
                  <a:lnTo>
                    <a:pt x="1136" y="2425"/>
                  </a:lnTo>
                  <a:lnTo>
                    <a:pt x="1142" y="2421"/>
                  </a:lnTo>
                  <a:lnTo>
                    <a:pt x="1155" y="2418"/>
                  </a:lnTo>
                  <a:lnTo>
                    <a:pt x="1167" y="2421"/>
                  </a:lnTo>
                  <a:lnTo>
                    <a:pt x="1177" y="2428"/>
                  </a:lnTo>
                  <a:lnTo>
                    <a:pt x="1188" y="2405"/>
                  </a:lnTo>
                  <a:lnTo>
                    <a:pt x="1196" y="2396"/>
                  </a:lnTo>
                  <a:lnTo>
                    <a:pt x="1204" y="2387"/>
                  </a:lnTo>
                  <a:lnTo>
                    <a:pt x="1224" y="2375"/>
                  </a:lnTo>
                  <a:lnTo>
                    <a:pt x="1247" y="2371"/>
                  </a:lnTo>
                  <a:lnTo>
                    <a:pt x="1263" y="2374"/>
                  </a:lnTo>
                  <a:lnTo>
                    <a:pt x="1278" y="2379"/>
                  </a:lnTo>
                  <a:lnTo>
                    <a:pt x="1290" y="2387"/>
                  </a:lnTo>
                  <a:lnTo>
                    <a:pt x="1297" y="2393"/>
                  </a:lnTo>
                  <a:lnTo>
                    <a:pt x="1302" y="2400"/>
                  </a:lnTo>
                  <a:lnTo>
                    <a:pt x="1302" y="2370"/>
                  </a:lnTo>
                  <a:lnTo>
                    <a:pt x="1275" y="2363"/>
                  </a:lnTo>
                  <a:lnTo>
                    <a:pt x="1255" y="2356"/>
                  </a:lnTo>
                  <a:lnTo>
                    <a:pt x="1224" y="2346"/>
                  </a:lnTo>
                  <a:lnTo>
                    <a:pt x="1194" y="2339"/>
                  </a:lnTo>
                  <a:lnTo>
                    <a:pt x="1146" y="2336"/>
                  </a:lnTo>
                  <a:lnTo>
                    <a:pt x="1120" y="2338"/>
                  </a:lnTo>
                  <a:lnTo>
                    <a:pt x="1099" y="2343"/>
                  </a:lnTo>
                  <a:lnTo>
                    <a:pt x="1080" y="2351"/>
                  </a:lnTo>
                  <a:lnTo>
                    <a:pt x="1063" y="2362"/>
                  </a:lnTo>
                  <a:lnTo>
                    <a:pt x="1049" y="2375"/>
                  </a:lnTo>
                  <a:lnTo>
                    <a:pt x="1036" y="2390"/>
                  </a:lnTo>
                  <a:lnTo>
                    <a:pt x="1014" y="2421"/>
                  </a:lnTo>
                  <a:lnTo>
                    <a:pt x="991" y="2452"/>
                  </a:lnTo>
                  <a:lnTo>
                    <a:pt x="965" y="2479"/>
                  </a:lnTo>
                  <a:lnTo>
                    <a:pt x="949" y="2490"/>
                  </a:lnTo>
                  <a:lnTo>
                    <a:pt x="941" y="2495"/>
                  </a:lnTo>
                  <a:lnTo>
                    <a:pt x="931" y="2499"/>
                  </a:lnTo>
                  <a:lnTo>
                    <a:pt x="911" y="2505"/>
                  </a:lnTo>
                  <a:lnTo>
                    <a:pt x="887" y="2506"/>
                  </a:lnTo>
                  <a:lnTo>
                    <a:pt x="864" y="2503"/>
                  </a:lnTo>
                  <a:lnTo>
                    <a:pt x="842" y="2498"/>
                  </a:lnTo>
                  <a:lnTo>
                    <a:pt x="823" y="2487"/>
                  </a:lnTo>
                  <a:lnTo>
                    <a:pt x="806" y="2475"/>
                  </a:lnTo>
                  <a:lnTo>
                    <a:pt x="776" y="2443"/>
                  </a:lnTo>
                  <a:lnTo>
                    <a:pt x="748" y="2406"/>
                  </a:lnTo>
                  <a:lnTo>
                    <a:pt x="719" y="2369"/>
                  </a:lnTo>
                  <a:lnTo>
                    <a:pt x="704" y="2352"/>
                  </a:lnTo>
                  <a:lnTo>
                    <a:pt x="688" y="2338"/>
                  </a:lnTo>
                  <a:lnTo>
                    <a:pt x="669" y="2324"/>
                  </a:lnTo>
                  <a:lnTo>
                    <a:pt x="649" y="2315"/>
                  </a:lnTo>
                  <a:lnTo>
                    <a:pt x="626" y="2308"/>
                  </a:lnTo>
                  <a:lnTo>
                    <a:pt x="601" y="2307"/>
                  </a:lnTo>
                  <a:lnTo>
                    <a:pt x="582" y="2307"/>
                  </a:lnTo>
                  <a:lnTo>
                    <a:pt x="563" y="2309"/>
                  </a:lnTo>
                  <a:lnTo>
                    <a:pt x="532" y="2319"/>
                  </a:lnTo>
                  <a:lnTo>
                    <a:pt x="503" y="2331"/>
                  </a:lnTo>
                  <a:lnTo>
                    <a:pt x="480" y="2344"/>
                  </a:lnTo>
                  <a:lnTo>
                    <a:pt x="456" y="2358"/>
                  </a:lnTo>
                  <a:lnTo>
                    <a:pt x="433" y="2370"/>
                  </a:lnTo>
                  <a:lnTo>
                    <a:pt x="406" y="2378"/>
                  </a:lnTo>
                  <a:lnTo>
                    <a:pt x="393" y="2381"/>
                  </a:lnTo>
                  <a:lnTo>
                    <a:pt x="377" y="2382"/>
                  </a:lnTo>
                  <a:lnTo>
                    <a:pt x="355" y="2379"/>
                  </a:lnTo>
                  <a:lnTo>
                    <a:pt x="336" y="2374"/>
                  </a:lnTo>
                  <a:lnTo>
                    <a:pt x="317" y="2366"/>
                  </a:lnTo>
                  <a:lnTo>
                    <a:pt x="298" y="2355"/>
                  </a:lnTo>
                  <a:lnTo>
                    <a:pt x="266" y="2328"/>
                  </a:lnTo>
                  <a:lnTo>
                    <a:pt x="251" y="2312"/>
                  </a:lnTo>
                  <a:lnTo>
                    <a:pt x="238" y="2296"/>
                  </a:lnTo>
                  <a:lnTo>
                    <a:pt x="213" y="2265"/>
                  </a:lnTo>
                  <a:lnTo>
                    <a:pt x="196" y="2236"/>
                  </a:lnTo>
                  <a:lnTo>
                    <a:pt x="177" y="2209"/>
                  </a:lnTo>
                  <a:lnTo>
                    <a:pt x="177" y="1940"/>
                  </a:lnTo>
                  <a:lnTo>
                    <a:pt x="34" y="1826"/>
                  </a:lnTo>
                  <a:lnTo>
                    <a:pt x="0" y="1838"/>
                  </a:lnTo>
                  <a:lnTo>
                    <a:pt x="0" y="1202"/>
                  </a:lnTo>
                  <a:lnTo>
                    <a:pt x="0" y="566"/>
                  </a:lnTo>
                  <a:lnTo>
                    <a:pt x="57" y="566"/>
                  </a:lnTo>
                  <a:lnTo>
                    <a:pt x="57" y="533"/>
                  </a:lnTo>
                  <a:lnTo>
                    <a:pt x="228" y="533"/>
                  </a:lnTo>
                  <a:lnTo>
                    <a:pt x="228" y="301"/>
                  </a:lnTo>
                  <a:lnTo>
                    <a:pt x="231" y="290"/>
                  </a:lnTo>
                  <a:lnTo>
                    <a:pt x="235" y="280"/>
                  </a:lnTo>
                  <a:lnTo>
                    <a:pt x="240" y="272"/>
                  </a:lnTo>
                  <a:lnTo>
                    <a:pt x="247" y="264"/>
                  </a:lnTo>
                  <a:lnTo>
                    <a:pt x="263" y="253"/>
                  </a:lnTo>
                  <a:lnTo>
                    <a:pt x="282" y="248"/>
                  </a:lnTo>
                  <a:lnTo>
                    <a:pt x="282" y="214"/>
                  </a:lnTo>
                  <a:lnTo>
                    <a:pt x="292" y="214"/>
                  </a:lnTo>
                  <a:lnTo>
                    <a:pt x="292" y="248"/>
                  </a:lnTo>
                  <a:lnTo>
                    <a:pt x="301" y="249"/>
                  </a:lnTo>
                  <a:lnTo>
                    <a:pt x="310" y="253"/>
                  </a:lnTo>
                  <a:lnTo>
                    <a:pt x="327" y="264"/>
                  </a:lnTo>
                  <a:lnTo>
                    <a:pt x="337" y="280"/>
                  </a:lnTo>
                  <a:lnTo>
                    <a:pt x="341" y="290"/>
                  </a:lnTo>
                  <a:lnTo>
                    <a:pt x="343" y="301"/>
                  </a:lnTo>
                  <a:lnTo>
                    <a:pt x="345" y="301"/>
                  </a:lnTo>
                  <a:lnTo>
                    <a:pt x="345" y="381"/>
                  </a:lnTo>
                  <a:lnTo>
                    <a:pt x="416" y="383"/>
                  </a:lnTo>
                  <a:lnTo>
                    <a:pt x="416" y="180"/>
                  </a:lnTo>
                  <a:lnTo>
                    <a:pt x="416" y="176"/>
                  </a:lnTo>
                  <a:lnTo>
                    <a:pt x="416" y="172"/>
                  </a:lnTo>
                  <a:lnTo>
                    <a:pt x="416" y="164"/>
                  </a:lnTo>
                  <a:lnTo>
                    <a:pt x="420" y="137"/>
                  </a:lnTo>
                  <a:lnTo>
                    <a:pt x="428" y="113"/>
                  </a:lnTo>
                  <a:lnTo>
                    <a:pt x="437" y="90"/>
                  </a:lnTo>
                  <a:lnTo>
                    <a:pt x="451" y="71"/>
                  </a:lnTo>
                  <a:lnTo>
                    <a:pt x="466" y="55"/>
                  </a:lnTo>
                  <a:lnTo>
                    <a:pt x="475" y="48"/>
                  </a:lnTo>
                  <a:lnTo>
                    <a:pt x="483" y="43"/>
                  </a:lnTo>
                  <a:lnTo>
                    <a:pt x="503" y="35"/>
                  </a:lnTo>
                  <a:lnTo>
                    <a:pt x="524" y="31"/>
                  </a:lnTo>
                  <a:lnTo>
                    <a:pt x="524" y="0"/>
                  </a:lnTo>
                  <a:lnTo>
                    <a:pt x="533" y="0"/>
                  </a:lnTo>
                  <a:lnTo>
                    <a:pt x="533" y="31"/>
                  </a:lnTo>
                  <a:lnTo>
                    <a:pt x="553" y="35"/>
                  </a:lnTo>
                  <a:lnTo>
                    <a:pt x="574" y="43"/>
                  </a:lnTo>
                  <a:lnTo>
                    <a:pt x="591" y="55"/>
                  </a:lnTo>
                  <a:lnTo>
                    <a:pt x="606" y="71"/>
                  </a:lnTo>
                  <a:lnTo>
                    <a:pt x="619" y="90"/>
                  </a:lnTo>
                  <a:lnTo>
                    <a:pt x="629" y="113"/>
                  </a:lnTo>
                  <a:lnTo>
                    <a:pt x="637" y="137"/>
                  </a:lnTo>
                  <a:lnTo>
                    <a:pt x="641" y="164"/>
                  </a:lnTo>
                  <a:lnTo>
                    <a:pt x="641" y="170"/>
                  </a:lnTo>
                  <a:lnTo>
                    <a:pt x="641" y="176"/>
                  </a:lnTo>
                  <a:lnTo>
                    <a:pt x="641" y="180"/>
                  </a:lnTo>
                  <a:lnTo>
                    <a:pt x="641" y="383"/>
                  </a:lnTo>
                  <a:lnTo>
                    <a:pt x="711" y="381"/>
                  </a:lnTo>
                  <a:lnTo>
                    <a:pt x="711" y="301"/>
                  </a:lnTo>
                  <a:lnTo>
                    <a:pt x="718" y="280"/>
                  </a:lnTo>
                  <a:lnTo>
                    <a:pt x="723" y="272"/>
                  </a:lnTo>
                  <a:lnTo>
                    <a:pt x="730" y="264"/>
                  </a:lnTo>
                  <a:lnTo>
                    <a:pt x="746" y="253"/>
                  </a:lnTo>
                  <a:lnTo>
                    <a:pt x="765" y="248"/>
                  </a:lnTo>
                  <a:lnTo>
                    <a:pt x="765" y="214"/>
                  </a:lnTo>
                  <a:lnTo>
                    <a:pt x="775" y="214"/>
                  </a:lnTo>
                  <a:lnTo>
                    <a:pt x="775" y="248"/>
                  </a:lnTo>
                  <a:lnTo>
                    <a:pt x="784" y="249"/>
                  </a:lnTo>
                  <a:lnTo>
                    <a:pt x="794" y="253"/>
                  </a:lnTo>
                  <a:lnTo>
                    <a:pt x="810" y="264"/>
                  </a:lnTo>
                  <a:lnTo>
                    <a:pt x="821" y="280"/>
                  </a:lnTo>
                  <a:lnTo>
                    <a:pt x="825" y="290"/>
                  </a:lnTo>
                  <a:lnTo>
                    <a:pt x="827" y="301"/>
                  </a:lnTo>
                  <a:lnTo>
                    <a:pt x="829" y="301"/>
                  </a:lnTo>
                  <a:lnTo>
                    <a:pt x="829" y="502"/>
                  </a:lnTo>
                  <a:lnTo>
                    <a:pt x="938" y="502"/>
                  </a:lnTo>
                  <a:lnTo>
                    <a:pt x="938" y="533"/>
                  </a:lnTo>
                  <a:lnTo>
                    <a:pt x="1001" y="533"/>
                  </a:lnTo>
                  <a:lnTo>
                    <a:pt x="1001" y="566"/>
                  </a:lnTo>
                  <a:lnTo>
                    <a:pt x="1072" y="566"/>
                  </a:lnTo>
                  <a:lnTo>
                    <a:pt x="1072" y="589"/>
                  </a:lnTo>
                  <a:lnTo>
                    <a:pt x="1134" y="589"/>
                  </a:lnTo>
                  <a:lnTo>
                    <a:pt x="1134" y="618"/>
                  </a:lnTo>
                  <a:lnTo>
                    <a:pt x="1202" y="618"/>
                  </a:lnTo>
                  <a:lnTo>
                    <a:pt x="1202" y="589"/>
                  </a:lnTo>
                  <a:lnTo>
                    <a:pt x="1263" y="589"/>
                  </a:lnTo>
                  <a:lnTo>
                    <a:pt x="1263" y="514"/>
                  </a:lnTo>
                  <a:lnTo>
                    <a:pt x="1293" y="480"/>
                  </a:lnTo>
                  <a:lnTo>
                    <a:pt x="1323" y="514"/>
                  </a:lnTo>
                  <a:lnTo>
                    <a:pt x="1352" y="480"/>
                  </a:lnTo>
                  <a:lnTo>
                    <a:pt x="1382" y="514"/>
                  </a:lnTo>
                  <a:lnTo>
                    <a:pt x="1412" y="480"/>
                  </a:lnTo>
                  <a:lnTo>
                    <a:pt x="1441" y="514"/>
                  </a:lnTo>
                  <a:lnTo>
                    <a:pt x="1441" y="589"/>
                  </a:lnTo>
                  <a:lnTo>
                    <a:pt x="1441" y="639"/>
                  </a:lnTo>
                  <a:lnTo>
                    <a:pt x="1476" y="639"/>
                  </a:lnTo>
                  <a:lnTo>
                    <a:pt x="1476" y="569"/>
                  </a:lnTo>
                  <a:lnTo>
                    <a:pt x="1490" y="569"/>
                  </a:lnTo>
                  <a:lnTo>
                    <a:pt x="1549" y="495"/>
                  </a:lnTo>
                  <a:lnTo>
                    <a:pt x="1609" y="569"/>
                  </a:lnTo>
                  <a:lnTo>
                    <a:pt x="1624" y="569"/>
                  </a:lnTo>
                  <a:lnTo>
                    <a:pt x="1624" y="639"/>
                  </a:lnTo>
                  <a:lnTo>
                    <a:pt x="1642" y="639"/>
                  </a:lnTo>
                  <a:lnTo>
                    <a:pt x="1642" y="616"/>
                  </a:lnTo>
                  <a:lnTo>
                    <a:pt x="1710" y="616"/>
                  </a:lnTo>
                  <a:lnTo>
                    <a:pt x="1710" y="547"/>
                  </a:lnTo>
                  <a:lnTo>
                    <a:pt x="1726" y="547"/>
                  </a:lnTo>
                  <a:lnTo>
                    <a:pt x="1726" y="520"/>
                  </a:lnTo>
                  <a:lnTo>
                    <a:pt x="1756" y="520"/>
                  </a:lnTo>
                  <a:lnTo>
                    <a:pt x="1756" y="547"/>
                  </a:lnTo>
                  <a:lnTo>
                    <a:pt x="1767" y="547"/>
                  </a:lnTo>
                  <a:lnTo>
                    <a:pt x="1767" y="452"/>
                  </a:lnTo>
                  <a:lnTo>
                    <a:pt x="1869" y="421"/>
                  </a:lnTo>
                  <a:lnTo>
                    <a:pt x="1869" y="418"/>
                  </a:lnTo>
                  <a:lnTo>
                    <a:pt x="1858" y="418"/>
                  </a:lnTo>
                  <a:lnTo>
                    <a:pt x="1858" y="410"/>
                  </a:lnTo>
                  <a:lnTo>
                    <a:pt x="1869" y="410"/>
                  </a:lnTo>
                  <a:lnTo>
                    <a:pt x="1869" y="400"/>
                  </a:lnTo>
                  <a:lnTo>
                    <a:pt x="1858" y="400"/>
                  </a:lnTo>
                  <a:lnTo>
                    <a:pt x="1858" y="391"/>
                  </a:lnTo>
                  <a:lnTo>
                    <a:pt x="1869" y="391"/>
                  </a:lnTo>
                  <a:lnTo>
                    <a:pt x="1869" y="381"/>
                  </a:lnTo>
                  <a:lnTo>
                    <a:pt x="1858" y="381"/>
                  </a:lnTo>
                  <a:lnTo>
                    <a:pt x="1858" y="373"/>
                  </a:lnTo>
                  <a:lnTo>
                    <a:pt x="1869" y="373"/>
                  </a:lnTo>
                  <a:lnTo>
                    <a:pt x="1869" y="364"/>
                  </a:lnTo>
                  <a:lnTo>
                    <a:pt x="1858" y="364"/>
                  </a:lnTo>
                  <a:lnTo>
                    <a:pt x="1858" y="354"/>
                  </a:lnTo>
                  <a:lnTo>
                    <a:pt x="1869" y="354"/>
                  </a:lnTo>
                  <a:lnTo>
                    <a:pt x="1869" y="345"/>
                  </a:lnTo>
                  <a:lnTo>
                    <a:pt x="1858" y="345"/>
                  </a:lnTo>
                  <a:lnTo>
                    <a:pt x="1858" y="337"/>
                  </a:lnTo>
                  <a:lnTo>
                    <a:pt x="1869" y="337"/>
                  </a:lnTo>
                  <a:lnTo>
                    <a:pt x="1869" y="328"/>
                  </a:lnTo>
                  <a:lnTo>
                    <a:pt x="1858" y="328"/>
                  </a:lnTo>
                  <a:lnTo>
                    <a:pt x="1858" y="318"/>
                  </a:lnTo>
                  <a:lnTo>
                    <a:pt x="1869" y="318"/>
                  </a:lnTo>
                  <a:lnTo>
                    <a:pt x="1869" y="309"/>
                  </a:lnTo>
                  <a:lnTo>
                    <a:pt x="1858" y="309"/>
                  </a:lnTo>
                  <a:lnTo>
                    <a:pt x="1858" y="301"/>
                  </a:lnTo>
                  <a:lnTo>
                    <a:pt x="1869" y="301"/>
                  </a:lnTo>
                  <a:lnTo>
                    <a:pt x="1869" y="291"/>
                  </a:lnTo>
                  <a:lnTo>
                    <a:pt x="1858" y="291"/>
                  </a:lnTo>
                  <a:lnTo>
                    <a:pt x="1858" y="282"/>
                  </a:lnTo>
                  <a:lnTo>
                    <a:pt x="1869" y="282"/>
                  </a:lnTo>
                  <a:lnTo>
                    <a:pt x="1869" y="272"/>
                  </a:lnTo>
                  <a:lnTo>
                    <a:pt x="1950" y="249"/>
                  </a:lnTo>
                  <a:lnTo>
                    <a:pt x="2070" y="314"/>
                  </a:lnTo>
                  <a:lnTo>
                    <a:pt x="2070" y="524"/>
                  </a:lnTo>
                  <a:lnTo>
                    <a:pt x="2104" y="539"/>
                  </a:lnTo>
                  <a:lnTo>
                    <a:pt x="2135" y="531"/>
                  </a:lnTo>
                  <a:lnTo>
                    <a:pt x="2135" y="524"/>
                  </a:lnTo>
                  <a:lnTo>
                    <a:pt x="2117" y="524"/>
                  </a:lnTo>
                  <a:lnTo>
                    <a:pt x="2117" y="514"/>
                  </a:lnTo>
                  <a:lnTo>
                    <a:pt x="2135" y="504"/>
                  </a:lnTo>
                  <a:lnTo>
                    <a:pt x="2135" y="497"/>
                  </a:lnTo>
                  <a:lnTo>
                    <a:pt x="2117" y="497"/>
                  </a:lnTo>
                  <a:lnTo>
                    <a:pt x="2117" y="487"/>
                  </a:lnTo>
                  <a:lnTo>
                    <a:pt x="2135" y="477"/>
                  </a:lnTo>
                  <a:lnTo>
                    <a:pt x="2135" y="470"/>
                  </a:lnTo>
                  <a:lnTo>
                    <a:pt x="2117" y="470"/>
                  </a:lnTo>
                  <a:lnTo>
                    <a:pt x="2117" y="460"/>
                  </a:lnTo>
                  <a:lnTo>
                    <a:pt x="2135" y="450"/>
                  </a:lnTo>
                  <a:lnTo>
                    <a:pt x="2135" y="445"/>
                  </a:lnTo>
                  <a:lnTo>
                    <a:pt x="2117" y="445"/>
                  </a:lnTo>
                  <a:lnTo>
                    <a:pt x="2117" y="433"/>
                  </a:lnTo>
                  <a:lnTo>
                    <a:pt x="2135" y="423"/>
                  </a:lnTo>
                  <a:lnTo>
                    <a:pt x="2135" y="418"/>
                  </a:lnTo>
                  <a:lnTo>
                    <a:pt x="2117" y="418"/>
                  </a:lnTo>
                  <a:lnTo>
                    <a:pt x="2117" y="407"/>
                  </a:lnTo>
                  <a:lnTo>
                    <a:pt x="2135" y="398"/>
                  </a:lnTo>
                  <a:lnTo>
                    <a:pt x="2135" y="391"/>
                  </a:lnTo>
                  <a:lnTo>
                    <a:pt x="2117" y="391"/>
                  </a:lnTo>
                  <a:lnTo>
                    <a:pt x="2117" y="380"/>
                  </a:lnTo>
                  <a:lnTo>
                    <a:pt x="2135" y="371"/>
                  </a:lnTo>
                  <a:lnTo>
                    <a:pt x="2135" y="365"/>
                  </a:lnTo>
                  <a:lnTo>
                    <a:pt x="2117" y="365"/>
                  </a:lnTo>
                  <a:lnTo>
                    <a:pt x="2117" y="353"/>
                  </a:lnTo>
                  <a:lnTo>
                    <a:pt x="2135" y="344"/>
                  </a:lnTo>
                  <a:lnTo>
                    <a:pt x="2135" y="338"/>
                  </a:lnTo>
                  <a:lnTo>
                    <a:pt x="2117" y="338"/>
                  </a:lnTo>
                  <a:lnTo>
                    <a:pt x="2117" y="328"/>
                  </a:lnTo>
                  <a:lnTo>
                    <a:pt x="2135" y="317"/>
                  </a:lnTo>
                  <a:lnTo>
                    <a:pt x="2135" y="311"/>
                  </a:lnTo>
                  <a:lnTo>
                    <a:pt x="2117" y="311"/>
                  </a:lnTo>
                  <a:lnTo>
                    <a:pt x="2117" y="301"/>
                  </a:lnTo>
                  <a:lnTo>
                    <a:pt x="2135" y="291"/>
                  </a:lnTo>
                  <a:lnTo>
                    <a:pt x="2135" y="284"/>
                  </a:lnTo>
                  <a:lnTo>
                    <a:pt x="2117" y="284"/>
                  </a:lnTo>
                  <a:lnTo>
                    <a:pt x="2117" y="274"/>
                  </a:lnTo>
                  <a:lnTo>
                    <a:pt x="2135" y="264"/>
                  </a:lnTo>
                  <a:lnTo>
                    <a:pt x="2135" y="259"/>
                  </a:lnTo>
                  <a:lnTo>
                    <a:pt x="2117" y="259"/>
                  </a:lnTo>
                  <a:lnTo>
                    <a:pt x="2117" y="247"/>
                  </a:lnTo>
                  <a:lnTo>
                    <a:pt x="2135" y="237"/>
                  </a:lnTo>
                  <a:lnTo>
                    <a:pt x="2135" y="232"/>
                  </a:lnTo>
                  <a:lnTo>
                    <a:pt x="2117" y="232"/>
                  </a:lnTo>
                  <a:lnTo>
                    <a:pt x="2117" y="221"/>
                  </a:lnTo>
                  <a:lnTo>
                    <a:pt x="2135" y="211"/>
                  </a:lnTo>
                  <a:lnTo>
                    <a:pt x="2135" y="205"/>
                  </a:lnTo>
                  <a:lnTo>
                    <a:pt x="2117" y="205"/>
                  </a:lnTo>
                  <a:lnTo>
                    <a:pt x="2117" y="194"/>
                  </a:lnTo>
                  <a:lnTo>
                    <a:pt x="2135" y="185"/>
                  </a:lnTo>
                  <a:lnTo>
                    <a:pt x="2135" y="164"/>
                  </a:lnTo>
                  <a:lnTo>
                    <a:pt x="2207" y="116"/>
                  </a:lnTo>
                  <a:lnTo>
                    <a:pt x="2270" y="163"/>
                  </a:lnTo>
                  <a:lnTo>
                    <a:pt x="2270" y="190"/>
                  </a:lnTo>
                  <a:lnTo>
                    <a:pt x="2278" y="194"/>
                  </a:lnTo>
                  <a:lnTo>
                    <a:pt x="2278" y="205"/>
                  </a:lnTo>
                  <a:lnTo>
                    <a:pt x="2270" y="205"/>
                  </a:lnTo>
                  <a:lnTo>
                    <a:pt x="2270" y="216"/>
                  </a:lnTo>
                  <a:lnTo>
                    <a:pt x="2278" y="221"/>
                  </a:lnTo>
                  <a:lnTo>
                    <a:pt x="2278" y="232"/>
                  </a:lnTo>
                  <a:lnTo>
                    <a:pt x="2270" y="232"/>
                  </a:lnTo>
                  <a:lnTo>
                    <a:pt x="2270" y="243"/>
                  </a:lnTo>
                  <a:lnTo>
                    <a:pt x="2278" y="247"/>
                  </a:lnTo>
                  <a:lnTo>
                    <a:pt x="2278" y="259"/>
                  </a:lnTo>
                  <a:lnTo>
                    <a:pt x="2270" y="259"/>
                  </a:lnTo>
                  <a:lnTo>
                    <a:pt x="2270" y="550"/>
                  </a:lnTo>
                  <a:lnTo>
                    <a:pt x="2288" y="550"/>
                  </a:lnTo>
                  <a:lnTo>
                    <a:pt x="2288" y="423"/>
                  </a:lnTo>
                  <a:lnTo>
                    <a:pt x="2308" y="415"/>
                  </a:lnTo>
                  <a:lnTo>
                    <a:pt x="2308" y="392"/>
                  </a:lnTo>
                  <a:lnTo>
                    <a:pt x="2366" y="392"/>
                  </a:lnTo>
                  <a:lnTo>
                    <a:pt x="2404" y="377"/>
                  </a:lnTo>
                  <a:lnTo>
                    <a:pt x="2499" y="425"/>
                  </a:lnTo>
                  <a:lnTo>
                    <a:pt x="2499" y="280"/>
                  </a:lnTo>
                  <a:lnTo>
                    <a:pt x="2556" y="255"/>
                  </a:lnTo>
                  <a:lnTo>
                    <a:pt x="2648" y="274"/>
                  </a:lnTo>
                  <a:lnTo>
                    <a:pt x="2648" y="350"/>
                  </a:lnTo>
                  <a:lnTo>
                    <a:pt x="2661" y="350"/>
                  </a:lnTo>
                  <a:lnTo>
                    <a:pt x="2661" y="369"/>
                  </a:lnTo>
                  <a:lnTo>
                    <a:pt x="2648" y="369"/>
                  </a:lnTo>
                  <a:lnTo>
                    <a:pt x="2648" y="390"/>
                  </a:lnTo>
                  <a:lnTo>
                    <a:pt x="2661" y="390"/>
                  </a:lnTo>
                  <a:lnTo>
                    <a:pt x="2661" y="408"/>
                  </a:lnTo>
                  <a:lnTo>
                    <a:pt x="2648" y="408"/>
                  </a:lnTo>
                  <a:lnTo>
                    <a:pt x="2648" y="429"/>
                  </a:lnTo>
                  <a:lnTo>
                    <a:pt x="2661" y="429"/>
                  </a:lnTo>
                  <a:lnTo>
                    <a:pt x="2661" y="446"/>
                  </a:lnTo>
                  <a:lnTo>
                    <a:pt x="2648" y="446"/>
                  </a:lnTo>
                  <a:lnTo>
                    <a:pt x="2648" y="468"/>
                  </a:lnTo>
                  <a:lnTo>
                    <a:pt x="2661" y="468"/>
                  </a:lnTo>
                  <a:lnTo>
                    <a:pt x="2661" y="485"/>
                  </a:lnTo>
                  <a:lnTo>
                    <a:pt x="2648" y="485"/>
                  </a:lnTo>
                  <a:lnTo>
                    <a:pt x="2648" y="507"/>
                  </a:lnTo>
                  <a:lnTo>
                    <a:pt x="2661" y="507"/>
                  </a:lnTo>
                  <a:lnTo>
                    <a:pt x="2661" y="524"/>
                  </a:lnTo>
                  <a:lnTo>
                    <a:pt x="2648" y="524"/>
                  </a:lnTo>
                  <a:lnTo>
                    <a:pt x="2648" y="546"/>
                  </a:lnTo>
                  <a:lnTo>
                    <a:pt x="2661" y="546"/>
                  </a:lnTo>
                  <a:lnTo>
                    <a:pt x="2661" y="564"/>
                  </a:lnTo>
                  <a:lnTo>
                    <a:pt x="2648" y="564"/>
                  </a:lnTo>
                  <a:lnTo>
                    <a:pt x="2648" y="585"/>
                  </a:lnTo>
                  <a:lnTo>
                    <a:pt x="2661" y="585"/>
                  </a:lnTo>
                  <a:lnTo>
                    <a:pt x="2661" y="603"/>
                  </a:lnTo>
                  <a:lnTo>
                    <a:pt x="2648" y="603"/>
                  </a:lnTo>
                  <a:lnTo>
                    <a:pt x="2648" y="615"/>
                  </a:lnTo>
                  <a:lnTo>
                    <a:pt x="2705" y="615"/>
                  </a:lnTo>
                  <a:lnTo>
                    <a:pt x="2705" y="596"/>
                  </a:lnTo>
                  <a:lnTo>
                    <a:pt x="2729" y="596"/>
                  </a:lnTo>
                  <a:lnTo>
                    <a:pt x="2729" y="554"/>
                  </a:lnTo>
                  <a:lnTo>
                    <a:pt x="2790" y="554"/>
                  </a:lnTo>
                  <a:lnTo>
                    <a:pt x="2790" y="587"/>
                  </a:lnTo>
                  <a:lnTo>
                    <a:pt x="2888" y="585"/>
                  </a:lnTo>
                  <a:lnTo>
                    <a:pt x="2888" y="535"/>
                  </a:lnTo>
                  <a:lnTo>
                    <a:pt x="2953" y="535"/>
                  </a:lnTo>
                  <a:lnTo>
                    <a:pt x="2950" y="386"/>
                  </a:lnTo>
                  <a:lnTo>
                    <a:pt x="3081" y="384"/>
                  </a:lnTo>
                  <a:lnTo>
                    <a:pt x="3085" y="628"/>
                  </a:lnTo>
                  <a:lnTo>
                    <a:pt x="3188" y="627"/>
                  </a:lnTo>
                  <a:lnTo>
                    <a:pt x="3186" y="549"/>
                  </a:lnTo>
                  <a:lnTo>
                    <a:pt x="3267" y="547"/>
                  </a:lnTo>
                  <a:lnTo>
                    <a:pt x="3266" y="445"/>
                  </a:lnTo>
                  <a:lnTo>
                    <a:pt x="3437" y="442"/>
                  </a:lnTo>
                  <a:lnTo>
                    <a:pt x="3436" y="379"/>
                  </a:lnTo>
                  <a:lnTo>
                    <a:pt x="3452" y="379"/>
                  </a:lnTo>
                  <a:lnTo>
                    <a:pt x="3451" y="247"/>
                  </a:lnTo>
                  <a:lnTo>
                    <a:pt x="3466" y="247"/>
                  </a:lnTo>
                  <a:lnTo>
                    <a:pt x="3466" y="226"/>
                  </a:lnTo>
                  <a:lnTo>
                    <a:pt x="3475" y="226"/>
                  </a:lnTo>
                  <a:lnTo>
                    <a:pt x="3475" y="218"/>
                  </a:lnTo>
                  <a:lnTo>
                    <a:pt x="3497" y="218"/>
                  </a:lnTo>
                  <a:lnTo>
                    <a:pt x="3497" y="179"/>
                  </a:lnTo>
                  <a:lnTo>
                    <a:pt x="3504" y="179"/>
                  </a:lnTo>
                  <a:lnTo>
                    <a:pt x="3504" y="218"/>
                  </a:lnTo>
                  <a:lnTo>
                    <a:pt x="3526" y="217"/>
                  </a:lnTo>
                  <a:lnTo>
                    <a:pt x="3526" y="225"/>
                  </a:lnTo>
                  <a:lnTo>
                    <a:pt x="3536" y="225"/>
                  </a:lnTo>
                  <a:lnTo>
                    <a:pt x="3536" y="245"/>
                  </a:lnTo>
                  <a:lnTo>
                    <a:pt x="3551" y="245"/>
                  </a:lnTo>
                  <a:lnTo>
                    <a:pt x="3552" y="377"/>
                  </a:lnTo>
                  <a:lnTo>
                    <a:pt x="3567" y="377"/>
                  </a:lnTo>
                  <a:lnTo>
                    <a:pt x="3570" y="527"/>
                  </a:lnTo>
                  <a:lnTo>
                    <a:pt x="3622" y="526"/>
                  </a:lnTo>
                  <a:lnTo>
                    <a:pt x="3621" y="503"/>
                  </a:lnTo>
                  <a:lnTo>
                    <a:pt x="3636" y="503"/>
                  </a:lnTo>
                  <a:lnTo>
                    <a:pt x="3636" y="483"/>
                  </a:lnTo>
                  <a:lnTo>
                    <a:pt x="3645" y="483"/>
                  </a:lnTo>
                  <a:lnTo>
                    <a:pt x="3645" y="475"/>
                  </a:lnTo>
                  <a:lnTo>
                    <a:pt x="3668" y="475"/>
                  </a:lnTo>
                  <a:lnTo>
                    <a:pt x="3667" y="437"/>
                  </a:lnTo>
                  <a:lnTo>
                    <a:pt x="3674" y="435"/>
                  </a:lnTo>
                  <a:lnTo>
                    <a:pt x="3674" y="475"/>
                  </a:lnTo>
                  <a:lnTo>
                    <a:pt x="3696" y="475"/>
                  </a:lnTo>
                  <a:lnTo>
                    <a:pt x="3696" y="483"/>
                  </a:lnTo>
                  <a:lnTo>
                    <a:pt x="3706" y="483"/>
                  </a:lnTo>
                  <a:lnTo>
                    <a:pt x="3707" y="503"/>
                  </a:lnTo>
                  <a:lnTo>
                    <a:pt x="3721" y="502"/>
                  </a:lnTo>
                  <a:lnTo>
                    <a:pt x="3722" y="601"/>
                  </a:lnTo>
                  <a:lnTo>
                    <a:pt x="3779" y="537"/>
                  </a:lnTo>
                  <a:lnTo>
                    <a:pt x="3834" y="601"/>
                  </a:lnTo>
                  <a:lnTo>
                    <a:pt x="3891" y="537"/>
                  </a:lnTo>
                  <a:lnTo>
                    <a:pt x="3948" y="601"/>
                  </a:lnTo>
                  <a:lnTo>
                    <a:pt x="4003" y="537"/>
                  </a:lnTo>
                  <a:lnTo>
                    <a:pt x="4060" y="601"/>
                  </a:lnTo>
                  <a:lnTo>
                    <a:pt x="4060" y="626"/>
                  </a:lnTo>
                  <a:lnTo>
                    <a:pt x="4091" y="619"/>
                  </a:lnTo>
                  <a:lnTo>
                    <a:pt x="4091" y="551"/>
                  </a:lnTo>
                  <a:lnTo>
                    <a:pt x="4081" y="549"/>
                  </a:lnTo>
                  <a:lnTo>
                    <a:pt x="4074" y="543"/>
                  </a:lnTo>
                  <a:lnTo>
                    <a:pt x="4069" y="534"/>
                  </a:lnTo>
                  <a:lnTo>
                    <a:pt x="4068" y="524"/>
                  </a:lnTo>
                  <a:lnTo>
                    <a:pt x="4068" y="522"/>
                  </a:lnTo>
                  <a:lnTo>
                    <a:pt x="4070" y="511"/>
                  </a:lnTo>
                  <a:lnTo>
                    <a:pt x="4076" y="503"/>
                  </a:lnTo>
                  <a:lnTo>
                    <a:pt x="4082" y="496"/>
                  </a:lnTo>
                  <a:lnTo>
                    <a:pt x="4092" y="495"/>
                  </a:lnTo>
                  <a:lnTo>
                    <a:pt x="4101" y="496"/>
                  </a:lnTo>
                  <a:lnTo>
                    <a:pt x="4108" y="502"/>
                  </a:lnTo>
                  <a:lnTo>
                    <a:pt x="4112" y="492"/>
                  </a:lnTo>
                  <a:lnTo>
                    <a:pt x="4116" y="484"/>
                  </a:lnTo>
                  <a:lnTo>
                    <a:pt x="4122" y="477"/>
                  </a:lnTo>
                  <a:lnTo>
                    <a:pt x="4128" y="472"/>
                  </a:lnTo>
                  <a:lnTo>
                    <a:pt x="4135" y="466"/>
                  </a:lnTo>
                  <a:lnTo>
                    <a:pt x="4143" y="462"/>
                  </a:lnTo>
                  <a:lnTo>
                    <a:pt x="4151" y="460"/>
                  </a:lnTo>
                  <a:lnTo>
                    <a:pt x="4161" y="460"/>
                  </a:lnTo>
                  <a:lnTo>
                    <a:pt x="4173" y="461"/>
                  </a:lnTo>
                  <a:lnTo>
                    <a:pt x="4184" y="465"/>
                  </a:lnTo>
                  <a:lnTo>
                    <a:pt x="4201" y="480"/>
                  </a:lnTo>
                  <a:lnTo>
                    <a:pt x="4201" y="419"/>
                  </a:lnTo>
                  <a:lnTo>
                    <a:pt x="4193" y="417"/>
                  </a:lnTo>
                  <a:lnTo>
                    <a:pt x="4185" y="411"/>
                  </a:lnTo>
                  <a:lnTo>
                    <a:pt x="4181" y="403"/>
                  </a:lnTo>
                  <a:lnTo>
                    <a:pt x="4178" y="392"/>
                  </a:lnTo>
                  <a:lnTo>
                    <a:pt x="4178" y="391"/>
                  </a:lnTo>
                  <a:lnTo>
                    <a:pt x="4181" y="380"/>
                  </a:lnTo>
                  <a:lnTo>
                    <a:pt x="4186" y="371"/>
                  </a:lnTo>
                  <a:lnTo>
                    <a:pt x="4194" y="365"/>
                  </a:lnTo>
                  <a:lnTo>
                    <a:pt x="4204" y="363"/>
                  </a:lnTo>
                  <a:lnTo>
                    <a:pt x="4212" y="365"/>
                  </a:lnTo>
                  <a:lnTo>
                    <a:pt x="4220" y="371"/>
                  </a:lnTo>
                  <a:lnTo>
                    <a:pt x="4223" y="361"/>
                  </a:lnTo>
                  <a:lnTo>
                    <a:pt x="4228" y="353"/>
                  </a:lnTo>
                  <a:lnTo>
                    <a:pt x="4234" y="346"/>
                  </a:lnTo>
                  <a:lnTo>
                    <a:pt x="4239" y="340"/>
                  </a:lnTo>
                  <a:lnTo>
                    <a:pt x="4247" y="334"/>
                  </a:lnTo>
                  <a:lnTo>
                    <a:pt x="4254" y="332"/>
                  </a:lnTo>
                  <a:lnTo>
                    <a:pt x="4263" y="329"/>
                  </a:lnTo>
                  <a:lnTo>
                    <a:pt x="4271" y="328"/>
                  </a:lnTo>
                  <a:lnTo>
                    <a:pt x="4289" y="332"/>
                  </a:lnTo>
                  <a:lnTo>
                    <a:pt x="4302" y="340"/>
                  </a:lnTo>
                  <a:lnTo>
                    <a:pt x="4315" y="352"/>
                  </a:lnTo>
                  <a:lnTo>
                    <a:pt x="4323" y="369"/>
                  </a:lnTo>
                  <a:lnTo>
                    <a:pt x="4329" y="360"/>
                  </a:lnTo>
                  <a:lnTo>
                    <a:pt x="4336" y="353"/>
                  </a:lnTo>
                  <a:lnTo>
                    <a:pt x="4346" y="349"/>
                  </a:lnTo>
                  <a:lnTo>
                    <a:pt x="4355" y="348"/>
                  </a:lnTo>
                  <a:lnTo>
                    <a:pt x="4367" y="349"/>
                  </a:lnTo>
                  <a:lnTo>
                    <a:pt x="4377" y="354"/>
                  </a:lnTo>
                  <a:lnTo>
                    <a:pt x="4385" y="363"/>
                  </a:lnTo>
                  <a:lnTo>
                    <a:pt x="4390" y="372"/>
                  </a:lnTo>
                  <a:lnTo>
                    <a:pt x="4390" y="352"/>
                  </a:lnTo>
                  <a:lnTo>
                    <a:pt x="4382" y="349"/>
                  </a:lnTo>
                  <a:lnTo>
                    <a:pt x="4374" y="342"/>
                  </a:lnTo>
                  <a:lnTo>
                    <a:pt x="4369" y="334"/>
                  </a:lnTo>
                  <a:lnTo>
                    <a:pt x="4367" y="325"/>
                  </a:lnTo>
                  <a:lnTo>
                    <a:pt x="4367" y="322"/>
                  </a:lnTo>
                  <a:lnTo>
                    <a:pt x="4370" y="311"/>
                  </a:lnTo>
                  <a:lnTo>
                    <a:pt x="4375" y="303"/>
                  </a:lnTo>
                  <a:lnTo>
                    <a:pt x="4382" y="296"/>
                  </a:lnTo>
                  <a:lnTo>
                    <a:pt x="4392" y="295"/>
                  </a:lnTo>
                  <a:lnTo>
                    <a:pt x="4401" y="296"/>
                  </a:lnTo>
                  <a:lnTo>
                    <a:pt x="4409" y="302"/>
                  </a:lnTo>
                  <a:lnTo>
                    <a:pt x="4412" y="292"/>
                  </a:lnTo>
                  <a:lnTo>
                    <a:pt x="4416" y="284"/>
                  </a:lnTo>
                  <a:lnTo>
                    <a:pt x="4423" y="278"/>
                  </a:lnTo>
                  <a:lnTo>
                    <a:pt x="4428" y="271"/>
                  </a:lnTo>
                  <a:lnTo>
                    <a:pt x="4436" y="267"/>
                  </a:lnTo>
                  <a:lnTo>
                    <a:pt x="4443" y="263"/>
                  </a:lnTo>
                  <a:lnTo>
                    <a:pt x="4452" y="260"/>
                  </a:lnTo>
                  <a:lnTo>
                    <a:pt x="4460" y="260"/>
                  </a:lnTo>
                  <a:lnTo>
                    <a:pt x="4478" y="263"/>
                  </a:lnTo>
                  <a:lnTo>
                    <a:pt x="4491" y="271"/>
                  </a:lnTo>
                  <a:lnTo>
                    <a:pt x="4504" y="284"/>
                  </a:lnTo>
                  <a:lnTo>
                    <a:pt x="4512" y="301"/>
                  </a:lnTo>
                  <a:lnTo>
                    <a:pt x="4518" y="291"/>
                  </a:lnTo>
                  <a:lnTo>
                    <a:pt x="4525" y="284"/>
                  </a:lnTo>
                  <a:lnTo>
                    <a:pt x="4535" y="280"/>
                  </a:lnTo>
                  <a:lnTo>
                    <a:pt x="4544" y="279"/>
                  </a:lnTo>
                  <a:lnTo>
                    <a:pt x="4559" y="283"/>
                  </a:lnTo>
                  <a:lnTo>
                    <a:pt x="4571" y="291"/>
                  </a:lnTo>
                  <a:lnTo>
                    <a:pt x="4576" y="298"/>
                  </a:lnTo>
                  <a:lnTo>
                    <a:pt x="4579" y="306"/>
                  </a:lnTo>
                  <a:lnTo>
                    <a:pt x="4583" y="322"/>
                  </a:lnTo>
                  <a:lnTo>
                    <a:pt x="4583" y="325"/>
                  </a:lnTo>
                  <a:lnTo>
                    <a:pt x="4579" y="341"/>
                  </a:lnTo>
                  <a:lnTo>
                    <a:pt x="4576" y="349"/>
                  </a:lnTo>
                  <a:lnTo>
                    <a:pt x="4571" y="354"/>
                  </a:lnTo>
                  <a:lnTo>
                    <a:pt x="4559" y="364"/>
                  </a:lnTo>
                  <a:lnTo>
                    <a:pt x="4552" y="367"/>
                  </a:lnTo>
                  <a:lnTo>
                    <a:pt x="4544" y="368"/>
                  </a:lnTo>
                  <a:lnTo>
                    <a:pt x="4529" y="364"/>
                  </a:lnTo>
                  <a:lnTo>
                    <a:pt x="4529" y="435"/>
                  </a:lnTo>
                  <a:lnTo>
                    <a:pt x="4543" y="421"/>
                  </a:lnTo>
                  <a:lnTo>
                    <a:pt x="4552" y="417"/>
                  </a:lnTo>
                  <a:lnTo>
                    <a:pt x="4562" y="415"/>
                  </a:lnTo>
                  <a:lnTo>
                    <a:pt x="4576" y="419"/>
                  </a:lnTo>
                  <a:lnTo>
                    <a:pt x="4589" y="429"/>
                  </a:lnTo>
                  <a:lnTo>
                    <a:pt x="4593" y="434"/>
                  </a:lnTo>
                  <a:lnTo>
                    <a:pt x="4597" y="442"/>
                  </a:lnTo>
                  <a:lnTo>
                    <a:pt x="4599" y="458"/>
                  </a:lnTo>
                  <a:lnTo>
                    <a:pt x="4599" y="461"/>
                  </a:lnTo>
                  <a:lnTo>
                    <a:pt x="4597" y="477"/>
                  </a:lnTo>
                  <a:lnTo>
                    <a:pt x="4593" y="485"/>
                  </a:lnTo>
                  <a:lnTo>
                    <a:pt x="4589" y="492"/>
                  </a:lnTo>
                  <a:lnTo>
                    <a:pt x="4576" y="500"/>
                  </a:lnTo>
                  <a:lnTo>
                    <a:pt x="4570" y="503"/>
                  </a:lnTo>
                  <a:lnTo>
                    <a:pt x="4562" y="504"/>
                  </a:lnTo>
                  <a:lnTo>
                    <a:pt x="4552" y="503"/>
                  </a:lnTo>
                  <a:lnTo>
                    <a:pt x="4543" y="499"/>
                  </a:lnTo>
                  <a:lnTo>
                    <a:pt x="4535" y="492"/>
                  </a:lnTo>
                  <a:lnTo>
                    <a:pt x="4529" y="483"/>
                  </a:lnTo>
                  <a:lnTo>
                    <a:pt x="4520" y="500"/>
                  </a:lnTo>
                  <a:lnTo>
                    <a:pt x="4520" y="537"/>
                  </a:lnTo>
                  <a:lnTo>
                    <a:pt x="4521" y="537"/>
                  </a:lnTo>
                  <a:lnTo>
                    <a:pt x="4539" y="541"/>
                  </a:lnTo>
                  <a:lnTo>
                    <a:pt x="4553" y="549"/>
                  </a:lnTo>
                  <a:lnTo>
                    <a:pt x="4566" y="561"/>
                  </a:lnTo>
                  <a:lnTo>
                    <a:pt x="4574" y="577"/>
                  </a:lnTo>
                  <a:lnTo>
                    <a:pt x="4579" y="569"/>
                  </a:lnTo>
                  <a:lnTo>
                    <a:pt x="4587" y="562"/>
                  </a:lnTo>
                  <a:lnTo>
                    <a:pt x="4595" y="558"/>
                  </a:lnTo>
                  <a:lnTo>
                    <a:pt x="4606" y="557"/>
                  </a:lnTo>
                  <a:lnTo>
                    <a:pt x="4616" y="558"/>
                  </a:lnTo>
                  <a:lnTo>
                    <a:pt x="4625" y="562"/>
                  </a:lnTo>
                  <a:lnTo>
                    <a:pt x="4632" y="568"/>
                  </a:lnTo>
                  <a:lnTo>
                    <a:pt x="4639" y="577"/>
                  </a:lnTo>
                  <a:lnTo>
                    <a:pt x="4647" y="570"/>
                  </a:lnTo>
                  <a:lnTo>
                    <a:pt x="4656" y="565"/>
                  </a:lnTo>
                  <a:lnTo>
                    <a:pt x="4679" y="560"/>
                  </a:lnTo>
                  <a:lnTo>
                    <a:pt x="4698" y="564"/>
                  </a:lnTo>
                  <a:lnTo>
                    <a:pt x="4701" y="560"/>
                  </a:lnTo>
                  <a:lnTo>
                    <a:pt x="4703" y="558"/>
                  </a:lnTo>
                  <a:lnTo>
                    <a:pt x="4706" y="550"/>
                  </a:lnTo>
                  <a:lnTo>
                    <a:pt x="4711" y="543"/>
                  </a:lnTo>
                  <a:lnTo>
                    <a:pt x="4719" y="537"/>
                  </a:lnTo>
                  <a:lnTo>
                    <a:pt x="4718" y="527"/>
                  </a:lnTo>
                  <a:lnTo>
                    <a:pt x="4714" y="526"/>
                  </a:lnTo>
                  <a:lnTo>
                    <a:pt x="4710" y="527"/>
                  </a:lnTo>
                  <a:lnTo>
                    <a:pt x="4702" y="527"/>
                  </a:lnTo>
                  <a:lnTo>
                    <a:pt x="4698" y="523"/>
                  </a:lnTo>
                  <a:lnTo>
                    <a:pt x="4692" y="519"/>
                  </a:lnTo>
                  <a:lnTo>
                    <a:pt x="4692" y="515"/>
                  </a:lnTo>
                  <a:lnTo>
                    <a:pt x="4695" y="514"/>
                  </a:lnTo>
                  <a:lnTo>
                    <a:pt x="4707" y="515"/>
                  </a:lnTo>
                  <a:lnTo>
                    <a:pt x="4730" y="515"/>
                  </a:lnTo>
                  <a:lnTo>
                    <a:pt x="4740" y="516"/>
                  </a:lnTo>
                  <a:lnTo>
                    <a:pt x="4742" y="519"/>
                  </a:lnTo>
                  <a:lnTo>
                    <a:pt x="4740" y="520"/>
                  </a:lnTo>
                  <a:lnTo>
                    <a:pt x="4732" y="520"/>
                  </a:lnTo>
                  <a:lnTo>
                    <a:pt x="4725" y="520"/>
                  </a:lnTo>
                  <a:lnTo>
                    <a:pt x="4719" y="523"/>
                  </a:lnTo>
                  <a:lnTo>
                    <a:pt x="4721" y="524"/>
                  </a:lnTo>
                  <a:lnTo>
                    <a:pt x="4722" y="527"/>
                  </a:lnTo>
                  <a:lnTo>
                    <a:pt x="4725" y="537"/>
                  </a:lnTo>
                  <a:lnTo>
                    <a:pt x="4756" y="537"/>
                  </a:lnTo>
                  <a:lnTo>
                    <a:pt x="4752" y="522"/>
                  </a:lnTo>
                  <a:lnTo>
                    <a:pt x="4751" y="511"/>
                  </a:lnTo>
                  <a:lnTo>
                    <a:pt x="4751" y="507"/>
                  </a:lnTo>
                  <a:lnTo>
                    <a:pt x="4749" y="503"/>
                  </a:lnTo>
                  <a:lnTo>
                    <a:pt x="4738" y="487"/>
                  </a:lnTo>
                  <a:lnTo>
                    <a:pt x="4737" y="477"/>
                  </a:lnTo>
                  <a:lnTo>
                    <a:pt x="4738" y="469"/>
                  </a:lnTo>
                  <a:lnTo>
                    <a:pt x="4744" y="461"/>
                  </a:lnTo>
                  <a:lnTo>
                    <a:pt x="4741" y="460"/>
                  </a:lnTo>
                  <a:lnTo>
                    <a:pt x="4742" y="457"/>
                  </a:lnTo>
                  <a:lnTo>
                    <a:pt x="4756" y="446"/>
                  </a:lnTo>
                  <a:lnTo>
                    <a:pt x="4764" y="442"/>
                  </a:lnTo>
                  <a:lnTo>
                    <a:pt x="4771" y="438"/>
                  </a:lnTo>
                  <a:lnTo>
                    <a:pt x="4776" y="434"/>
                  </a:lnTo>
                  <a:lnTo>
                    <a:pt x="4798" y="423"/>
                  </a:lnTo>
                  <a:lnTo>
                    <a:pt x="4809" y="419"/>
                  </a:lnTo>
                  <a:lnTo>
                    <a:pt x="4815" y="418"/>
                  </a:lnTo>
                  <a:lnTo>
                    <a:pt x="4817" y="418"/>
                  </a:lnTo>
                  <a:lnTo>
                    <a:pt x="4818" y="415"/>
                  </a:lnTo>
                  <a:lnTo>
                    <a:pt x="4821" y="414"/>
                  </a:lnTo>
                  <a:lnTo>
                    <a:pt x="4826" y="402"/>
                  </a:lnTo>
                  <a:lnTo>
                    <a:pt x="4827" y="395"/>
                  </a:lnTo>
                  <a:lnTo>
                    <a:pt x="4831" y="390"/>
                  </a:lnTo>
                  <a:lnTo>
                    <a:pt x="4840" y="388"/>
                  </a:lnTo>
                  <a:lnTo>
                    <a:pt x="4853" y="394"/>
                  </a:lnTo>
                  <a:lnTo>
                    <a:pt x="4860" y="399"/>
                  </a:lnTo>
                  <a:lnTo>
                    <a:pt x="4864" y="403"/>
                  </a:lnTo>
                  <a:lnTo>
                    <a:pt x="4864" y="410"/>
                  </a:lnTo>
                  <a:lnTo>
                    <a:pt x="4861" y="414"/>
                  </a:lnTo>
                  <a:lnTo>
                    <a:pt x="4857" y="415"/>
                  </a:lnTo>
                  <a:lnTo>
                    <a:pt x="4856" y="418"/>
                  </a:lnTo>
                  <a:lnTo>
                    <a:pt x="4852" y="422"/>
                  </a:lnTo>
                  <a:lnTo>
                    <a:pt x="4852" y="426"/>
                  </a:lnTo>
                  <a:lnTo>
                    <a:pt x="4850" y="427"/>
                  </a:lnTo>
                  <a:lnTo>
                    <a:pt x="4849" y="430"/>
                  </a:lnTo>
                  <a:lnTo>
                    <a:pt x="4848" y="434"/>
                  </a:lnTo>
                  <a:lnTo>
                    <a:pt x="4845" y="437"/>
                  </a:lnTo>
                  <a:lnTo>
                    <a:pt x="4844" y="438"/>
                  </a:lnTo>
                  <a:lnTo>
                    <a:pt x="4845" y="439"/>
                  </a:lnTo>
                  <a:lnTo>
                    <a:pt x="4846" y="445"/>
                  </a:lnTo>
                  <a:lnTo>
                    <a:pt x="4845" y="450"/>
                  </a:lnTo>
                  <a:lnTo>
                    <a:pt x="4844" y="453"/>
                  </a:lnTo>
                  <a:lnTo>
                    <a:pt x="4842" y="457"/>
                  </a:lnTo>
                  <a:lnTo>
                    <a:pt x="4842" y="464"/>
                  </a:lnTo>
                  <a:lnTo>
                    <a:pt x="4844" y="475"/>
                  </a:lnTo>
                  <a:lnTo>
                    <a:pt x="4846" y="479"/>
                  </a:lnTo>
                  <a:lnTo>
                    <a:pt x="4848" y="483"/>
                  </a:lnTo>
                  <a:lnTo>
                    <a:pt x="4849" y="487"/>
                  </a:lnTo>
                  <a:lnTo>
                    <a:pt x="4850" y="492"/>
                  </a:lnTo>
                  <a:lnTo>
                    <a:pt x="4852" y="499"/>
                  </a:lnTo>
                  <a:lnTo>
                    <a:pt x="4853" y="503"/>
                  </a:lnTo>
                  <a:lnTo>
                    <a:pt x="4853" y="506"/>
                  </a:lnTo>
                  <a:lnTo>
                    <a:pt x="4854" y="507"/>
                  </a:lnTo>
                  <a:lnTo>
                    <a:pt x="4857" y="510"/>
                  </a:lnTo>
                  <a:lnTo>
                    <a:pt x="4857" y="512"/>
                  </a:lnTo>
                  <a:lnTo>
                    <a:pt x="4857" y="516"/>
                  </a:lnTo>
                  <a:lnTo>
                    <a:pt x="4860" y="516"/>
                  </a:lnTo>
                  <a:lnTo>
                    <a:pt x="4860" y="519"/>
                  </a:lnTo>
                  <a:lnTo>
                    <a:pt x="4863" y="522"/>
                  </a:lnTo>
                  <a:lnTo>
                    <a:pt x="4865" y="522"/>
                  </a:lnTo>
                  <a:lnTo>
                    <a:pt x="4871" y="527"/>
                  </a:lnTo>
                  <a:lnTo>
                    <a:pt x="4873" y="534"/>
                  </a:lnTo>
                  <a:lnTo>
                    <a:pt x="4873" y="539"/>
                  </a:lnTo>
                  <a:lnTo>
                    <a:pt x="4873" y="547"/>
                  </a:lnTo>
                  <a:lnTo>
                    <a:pt x="4873" y="549"/>
                  </a:lnTo>
                  <a:lnTo>
                    <a:pt x="4871" y="545"/>
                  </a:lnTo>
                  <a:lnTo>
                    <a:pt x="4868" y="541"/>
                  </a:lnTo>
                  <a:lnTo>
                    <a:pt x="4871" y="537"/>
                  </a:lnTo>
                  <a:lnTo>
                    <a:pt x="4868" y="538"/>
                  </a:lnTo>
                  <a:lnTo>
                    <a:pt x="4864" y="541"/>
                  </a:lnTo>
                  <a:lnTo>
                    <a:pt x="4861" y="543"/>
                  </a:lnTo>
                  <a:lnTo>
                    <a:pt x="4860" y="546"/>
                  </a:lnTo>
                  <a:lnTo>
                    <a:pt x="4856" y="551"/>
                  </a:lnTo>
                  <a:lnTo>
                    <a:pt x="4848" y="555"/>
                  </a:lnTo>
                  <a:lnTo>
                    <a:pt x="4842" y="555"/>
                  </a:lnTo>
                  <a:lnTo>
                    <a:pt x="4840" y="554"/>
                  </a:lnTo>
                  <a:lnTo>
                    <a:pt x="4841" y="551"/>
                  </a:lnTo>
                  <a:lnTo>
                    <a:pt x="4846" y="550"/>
                  </a:lnTo>
                  <a:lnTo>
                    <a:pt x="4853" y="547"/>
                  </a:lnTo>
                  <a:lnTo>
                    <a:pt x="4857" y="542"/>
                  </a:lnTo>
                  <a:lnTo>
                    <a:pt x="4857" y="538"/>
                  </a:lnTo>
                  <a:lnTo>
                    <a:pt x="4856" y="535"/>
                  </a:lnTo>
                  <a:lnTo>
                    <a:pt x="4849" y="531"/>
                  </a:lnTo>
                  <a:lnTo>
                    <a:pt x="4841" y="529"/>
                  </a:lnTo>
                  <a:lnTo>
                    <a:pt x="4844" y="537"/>
                  </a:lnTo>
                  <a:lnTo>
                    <a:pt x="4844" y="545"/>
                  </a:lnTo>
                  <a:lnTo>
                    <a:pt x="4846" y="547"/>
                  </a:lnTo>
                  <a:lnTo>
                    <a:pt x="4845" y="549"/>
                  </a:lnTo>
                  <a:lnTo>
                    <a:pt x="4842" y="542"/>
                  </a:lnTo>
                  <a:lnTo>
                    <a:pt x="4841" y="538"/>
                  </a:lnTo>
                  <a:lnTo>
                    <a:pt x="4840" y="534"/>
                  </a:lnTo>
                  <a:lnTo>
                    <a:pt x="4841" y="541"/>
                  </a:lnTo>
                  <a:lnTo>
                    <a:pt x="4840" y="543"/>
                  </a:lnTo>
                  <a:lnTo>
                    <a:pt x="4838" y="543"/>
                  </a:lnTo>
                  <a:lnTo>
                    <a:pt x="4837" y="541"/>
                  </a:lnTo>
                  <a:lnTo>
                    <a:pt x="4838" y="538"/>
                  </a:lnTo>
                  <a:lnTo>
                    <a:pt x="4838" y="535"/>
                  </a:lnTo>
                  <a:lnTo>
                    <a:pt x="4837" y="538"/>
                  </a:lnTo>
                  <a:lnTo>
                    <a:pt x="4834" y="539"/>
                  </a:lnTo>
                  <a:lnTo>
                    <a:pt x="4833" y="539"/>
                  </a:lnTo>
                  <a:lnTo>
                    <a:pt x="4833" y="543"/>
                  </a:lnTo>
                  <a:lnTo>
                    <a:pt x="4829" y="547"/>
                  </a:lnTo>
                  <a:lnTo>
                    <a:pt x="4829" y="553"/>
                  </a:lnTo>
                  <a:lnTo>
                    <a:pt x="4830" y="560"/>
                  </a:lnTo>
                  <a:lnTo>
                    <a:pt x="4833" y="562"/>
                  </a:lnTo>
                  <a:lnTo>
                    <a:pt x="4844" y="562"/>
                  </a:lnTo>
                  <a:lnTo>
                    <a:pt x="4865" y="566"/>
                  </a:lnTo>
                  <a:lnTo>
                    <a:pt x="4875" y="572"/>
                  </a:lnTo>
                  <a:lnTo>
                    <a:pt x="4883" y="580"/>
                  </a:lnTo>
                  <a:lnTo>
                    <a:pt x="4890" y="588"/>
                  </a:lnTo>
                  <a:lnTo>
                    <a:pt x="4895" y="597"/>
                  </a:lnTo>
                  <a:lnTo>
                    <a:pt x="4898" y="608"/>
                  </a:lnTo>
                  <a:lnTo>
                    <a:pt x="4899" y="620"/>
                  </a:lnTo>
                  <a:lnTo>
                    <a:pt x="4903" y="620"/>
                  </a:lnTo>
                  <a:lnTo>
                    <a:pt x="4977" y="616"/>
                  </a:lnTo>
                  <a:lnTo>
                    <a:pt x="5045" y="618"/>
                  </a:lnTo>
                  <a:lnTo>
                    <a:pt x="5101" y="624"/>
                  </a:lnTo>
                  <a:lnTo>
                    <a:pt x="5147" y="638"/>
                  </a:lnTo>
                  <a:lnTo>
                    <a:pt x="5168" y="647"/>
                  </a:lnTo>
                  <a:lnTo>
                    <a:pt x="5185" y="661"/>
                  </a:lnTo>
                  <a:lnTo>
                    <a:pt x="5223" y="692"/>
                  </a:lnTo>
                  <a:lnTo>
                    <a:pt x="5244" y="707"/>
                  </a:lnTo>
                  <a:lnTo>
                    <a:pt x="5270" y="719"/>
                  </a:lnTo>
                  <a:lnTo>
                    <a:pt x="5286" y="723"/>
                  </a:lnTo>
                  <a:lnTo>
                    <a:pt x="5302" y="727"/>
                  </a:lnTo>
                  <a:lnTo>
                    <a:pt x="5342" y="730"/>
                  </a:lnTo>
                  <a:lnTo>
                    <a:pt x="5369" y="730"/>
                  </a:lnTo>
                  <a:lnTo>
                    <a:pt x="5392" y="725"/>
                  </a:lnTo>
                  <a:lnTo>
                    <a:pt x="5410" y="721"/>
                  </a:lnTo>
                  <a:lnTo>
                    <a:pt x="5425" y="715"/>
                  </a:lnTo>
                  <a:lnTo>
                    <a:pt x="5450" y="698"/>
                  </a:lnTo>
                  <a:lnTo>
                    <a:pt x="5468" y="678"/>
                  </a:lnTo>
                  <a:lnTo>
                    <a:pt x="5487" y="658"/>
                  </a:lnTo>
                  <a:lnTo>
                    <a:pt x="5510" y="639"/>
                  </a:lnTo>
                  <a:lnTo>
                    <a:pt x="5544" y="623"/>
                  </a:lnTo>
                  <a:lnTo>
                    <a:pt x="5593" y="612"/>
                  </a:lnTo>
                  <a:lnTo>
                    <a:pt x="5593" y="601"/>
                  </a:lnTo>
                  <a:lnTo>
                    <a:pt x="5555" y="601"/>
                  </a:lnTo>
                  <a:lnTo>
                    <a:pt x="5607" y="333"/>
                  </a:lnTo>
                  <a:lnTo>
                    <a:pt x="5643" y="520"/>
                  </a:lnTo>
                  <a:lnTo>
                    <a:pt x="5626" y="529"/>
                  </a:lnTo>
                  <a:lnTo>
                    <a:pt x="5645" y="531"/>
                  </a:lnTo>
                  <a:lnTo>
                    <a:pt x="5648" y="545"/>
                  </a:lnTo>
                  <a:lnTo>
                    <a:pt x="5622" y="554"/>
                  </a:lnTo>
                  <a:lnTo>
                    <a:pt x="5622" y="557"/>
                  </a:lnTo>
                  <a:lnTo>
                    <a:pt x="5652" y="562"/>
                  </a:lnTo>
                  <a:lnTo>
                    <a:pt x="5659" y="599"/>
                  </a:lnTo>
                  <a:lnTo>
                    <a:pt x="5695" y="592"/>
                  </a:lnTo>
                  <a:lnTo>
                    <a:pt x="5695" y="562"/>
                  </a:lnTo>
                  <a:lnTo>
                    <a:pt x="5659" y="562"/>
                  </a:lnTo>
                  <a:lnTo>
                    <a:pt x="5710" y="294"/>
                  </a:lnTo>
                  <a:lnTo>
                    <a:pt x="5747" y="483"/>
                  </a:lnTo>
                  <a:lnTo>
                    <a:pt x="5729" y="491"/>
                  </a:lnTo>
                  <a:lnTo>
                    <a:pt x="5749" y="493"/>
                  </a:lnTo>
                  <a:lnTo>
                    <a:pt x="5751" y="506"/>
                  </a:lnTo>
                  <a:lnTo>
                    <a:pt x="5725" y="515"/>
                  </a:lnTo>
                  <a:lnTo>
                    <a:pt x="5725" y="519"/>
                  </a:lnTo>
                  <a:lnTo>
                    <a:pt x="5753" y="524"/>
                  </a:lnTo>
                  <a:lnTo>
                    <a:pt x="5788" y="340"/>
                  </a:lnTo>
                  <a:lnTo>
                    <a:pt x="5819" y="500"/>
                  </a:lnTo>
                  <a:lnTo>
                    <a:pt x="5863" y="278"/>
                  </a:lnTo>
                  <a:lnTo>
                    <a:pt x="5899" y="466"/>
                  </a:lnTo>
                  <a:lnTo>
                    <a:pt x="5881" y="475"/>
                  </a:lnTo>
                  <a:lnTo>
                    <a:pt x="5900" y="477"/>
                  </a:lnTo>
                  <a:lnTo>
                    <a:pt x="5903" y="489"/>
                  </a:lnTo>
                  <a:lnTo>
                    <a:pt x="5877" y="499"/>
                  </a:lnTo>
                  <a:lnTo>
                    <a:pt x="5877" y="503"/>
                  </a:lnTo>
                  <a:lnTo>
                    <a:pt x="5907" y="508"/>
                  </a:lnTo>
                  <a:lnTo>
                    <a:pt x="5914" y="546"/>
                  </a:lnTo>
                  <a:lnTo>
                    <a:pt x="5877" y="546"/>
                  </a:lnTo>
                  <a:lnTo>
                    <a:pt x="5877" y="572"/>
                  </a:lnTo>
                  <a:lnTo>
                    <a:pt x="5966" y="570"/>
                  </a:lnTo>
                  <a:lnTo>
                    <a:pt x="5981" y="570"/>
                  </a:lnTo>
                  <a:lnTo>
                    <a:pt x="6011" y="372"/>
                  </a:lnTo>
                  <a:lnTo>
                    <a:pt x="6031" y="487"/>
                  </a:lnTo>
                  <a:lnTo>
                    <a:pt x="6049" y="372"/>
                  </a:lnTo>
                  <a:lnTo>
                    <a:pt x="6070" y="495"/>
                  </a:lnTo>
                  <a:lnTo>
                    <a:pt x="6089" y="372"/>
                  </a:lnTo>
                  <a:lnTo>
                    <a:pt x="6110" y="489"/>
                  </a:lnTo>
                  <a:lnTo>
                    <a:pt x="6128" y="372"/>
                  </a:lnTo>
                  <a:lnTo>
                    <a:pt x="6166" y="585"/>
                  </a:lnTo>
                  <a:lnTo>
                    <a:pt x="6191" y="595"/>
                  </a:lnTo>
                  <a:lnTo>
                    <a:pt x="6213" y="442"/>
                  </a:lnTo>
                  <a:lnTo>
                    <a:pt x="6234" y="558"/>
                  </a:lnTo>
                  <a:lnTo>
                    <a:pt x="6251" y="442"/>
                  </a:lnTo>
                  <a:lnTo>
                    <a:pt x="6273" y="565"/>
                  </a:lnTo>
                  <a:lnTo>
                    <a:pt x="6292" y="442"/>
                  </a:lnTo>
                  <a:lnTo>
                    <a:pt x="6313" y="560"/>
                  </a:lnTo>
                  <a:lnTo>
                    <a:pt x="6331" y="442"/>
                  </a:lnTo>
                  <a:lnTo>
                    <a:pt x="6367" y="647"/>
                  </a:lnTo>
                  <a:lnTo>
                    <a:pt x="6427" y="662"/>
                  </a:lnTo>
                  <a:lnTo>
                    <a:pt x="6427" y="526"/>
                  </a:lnTo>
                  <a:lnTo>
                    <a:pt x="6832" y="526"/>
                  </a:lnTo>
                  <a:lnTo>
                    <a:pt x="6832" y="635"/>
                  </a:lnTo>
                  <a:lnTo>
                    <a:pt x="6845" y="635"/>
                  </a:lnTo>
                  <a:lnTo>
                    <a:pt x="6845" y="599"/>
                  </a:lnTo>
                  <a:lnTo>
                    <a:pt x="6845" y="593"/>
                  </a:lnTo>
                  <a:lnTo>
                    <a:pt x="6845" y="551"/>
                  </a:lnTo>
                  <a:lnTo>
                    <a:pt x="6886" y="551"/>
                  </a:lnTo>
                  <a:lnTo>
                    <a:pt x="6906" y="593"/>
                  </a:lnTo>
                  <a:lnTo>
                    <a:pt x="6938" y="593"/>
                  </a:lnTo>
                  <a:lnTo>
                    <a:pt x="6938" y="640"/>
                  </a:lnTo>
                  <a:lnTo>
                    <a:pt x="6944" y="640"/>
                  </a:lnTo>
                  <a:lnTo>
                    <a:pt x="6944" y="666"/>
                  </a:lnTo>
                  <a:lnTo>
                    <a:pt x="6915" y="666"/>
                  </a:lnTo>
                  <a:lnTo>
                    <a:pt x="6915" y="673"/>
                  </a:lnTo>
                  <a:lnTo>
                    <a:pt x="6896" y="673"/>
                  </a:lnTo>
                  <a:lnTo>
                    <a:pt x="6892" y="685"/>
                  </a:lnTo>
                  <a:lnTo>
                    <a:pt x="6888" y="689"/>
                  </a:lnTo>
                  <a:lnTo>
                    <a:pt x="6883" y="693"/>
                  </a:lnTo>
                  <a:lnTo>
                    <a:pt x="6956" y="696"/>
                  </a:lnTo>
                  <a:lnTo>
                    <a:pt x="7030" y="696"/>
                  </a:lnTo>
                  <a:lnTo>
                    <a:pt x="7189" y="696"/>
                  </a:lnTo>
                  <a:lnTo>
                    <a:pt x="7246" y="697"/>
                  </a:lnTo>
                  <a:lnTo>
                    <a:pt x="7299" y="697"/>
                  </a:lnTo>
                  <a:lnTo>
                    <a:pt x="7299" y="573"/>
                  </a:lnTo>
                  <a:lnTo>
                    <a:pt x="7411" y="573"/>
                  </a:lnTo>
                  <a:lnTo>
                    <a:pt x="7411" y="526"/>
                  </a:lnTo>
                  <a:lnTo>
                    <a:pt x="7537" y="526"/>
                  </a:lnTo>
                  <a:lnTo>
                    <a:pt x="7537" y="342"/>
                  </a:lnTo>
                  <a:lnTo>
                    <a:pt x="7540" y="342"/>
                  </a:lnTo>
                  <a:lnTo>
                    <a:pt x="7540" y="276"/>
                  </a:lnTo>
                  <a:lnTo>
                    <a:pt x="7559" y="276"/>
                  </a:lnTo>
                  <a:lnTo>
                    <a:pt x="7559" y="342"/>
                  </a:lnTo>
                  <a:lnTo>
                    <a:pt x="7560" y="526"/>
                  </a:lnTo>
                  <a:lnTo>
                    <a:pt x="7583" y="526"/>
                  </a:lnTo>
                  <a:lnTo>
                    <a:pt x="7583" y="367"/>
                  </a:lnTo>
                  <a:lnTo>
                    <a:pt x="7606" y="367"/>
                  </a:lnTo>
                  <a:lnTo>
                    <a:pt x="7606" y="526"/>
                  </a:lnTo>
                  <a:lnTo>
                    <a:pt x="7756" y="526"/>
                  </a:lnTo>
                  <a:lnTo>
                    <a:pt x="7756" y="627"/>
                  </a:lnTo>
                  <a:lnTo>
                    <a:pt x="7772" y="611"/>
                  </a:lnTo>
                  <a:lnTo>
                    <a:pt x="7809" y="611"/>
                  </a:lnTo>
                  <a:lnTo>
                    <a:pt x="7779" y="643"/>
                  </a:lnTo>
                  <a:lnTo>
                    <a:pt x="7794" y="643"/>
                  </a:lnTo>
                  <a:lnTo>
                    <a:pt x="7806" y="643"/>
                  </a:lnTo>
                  <a:lnTo>
                    <a:pt x="7838" y="611"/>
                  </a:lnTo>
                  <a:lnTo>
                    <a:pt x="7875" y="611"/>
                  </a:lnTo>
                  <a:lnTo>
                    <a:pt x="7842" y="646"/>
                  </a:lnTo>
                  <a:lnTo>
                    <a:pt x="7865" y="649"/>
                  </a:lnTo>
                  <a:lnTo>
                    <a:pt x="7903" y="611"/>
                  </a:lnTo>
                  <a:lnTo>
                    <a:pt x="7941" y="611"/>
                  </a:lnTo>
                  <a:lnTo>
                    <a:pt x="7899" y="655"/>
                  </a:lnTo>
                  <a:lnTo>
                    <a:pt x="7919" y="661"/>
                  </a:lnTo>
                  <a:lnTo>
                    <a:pt x="7969" y="611"/>
                  </a:lnTo>
                  <a:lnTo>
                    <a:pt x="8006" y="611"/>
                  </a:lnTo>
                  <a:lnTo>
                    <a:pt x="7950" y="669"/>
                  </a:lnTo>
                  <a:lnTo>
                    <a:pt x="7969" y="676"/>
                  </a:lnTo>
                  <a:lnTo>
                    <a:pt x="8035" y="611"/>
                  </a:lnTo>
                  <a:lnTo>
                    <a:pt x="8072" y="611"/>
                  </a:lnTo>
                  <a:lnTo>
                    <a:pt x="7999" y="686"/>
                  </a:lnTo>
                  <a:lnTo>
                    <a:pt x="8019" y="693"/>
                  </a:lnTo>
                  <a:lnTo>
                    <a:pt x="8102" y="611"/>
                  </a:lnTo>
                  <a:lnTo>
                    <a:pt x="8138" y="611"/>
                  </a:lnTo>
                  <a:lnTo>
                    <a:pt x="8049" y="703"/>
                  </a:lnTo>
                  <a:lnTo>
                    <a:pt x="8069" y="709"/>
                  </a:lnTo>
                  <a:lnTo>
                    <a:pt x="8166" y="611"/>
                  </a:lnTo>
                  <a:lnTo>
                    <a:pt x="8203" y="611"/>
                  </a:lnTo>
                  <a:lnTo>
                    <a:pt x="8100" y="717"/>
                  </a:lnTo>
                  <a:lnTo>
                    <a:pt x="8122" y="721"/>
                  </a:lnTo>
                  <a:lnTo>
                    <a:pt x="8232" y="611"/>
                  </a:lnTo>
                  <a:lnTo>
                    <a:pt x="8269" y="611"/>
                  </a:lnTo>
                  <a:lnTo>
                    <a:pt x="8156" y="727"/>
                  </a:lnTo>
                  <a:lnTo>
                    <a:pt x="8180" y="728"/>
                  </a:lnTo>
                  <a:lnTo>
                    <a:pt x="8284" y="626"/>
                  </a:lnTo>
                  <a:lnTo>
                    <a:pt x="8350" y="524"/>
                  </a:lnTo>
                  <a:lnTo>
                    <a:pt x="8397" y="680"/>
                  </a:lnTo>
                  <a:lnTo>
                    <a:pt x="8424" y="655"/>
                  </a:lnTo>
                  <a:lnTo>
                    <a:pt x="8440" y="645"/>
                  </a:lnTo>
                  <a:lnTo>
                    <a:pt x="8456" y="640"/>
                  </a:lnTo>
                  <a:lnTo>
                    <a:pt x="8466" y="642"/>
                  </a:lnTo>
                  <a:lnTo>
                    <a:pt x="8473" y="646"/>
                  </a:lnTo>
                  <a:lnTo>
                    <a:pt x="8487" y="658"/>
                  </a:lnTo>
                  <a:lnTo>
                    <a:pt x="8502" y="670"/>
                  </a:lnTo>
                  <a:lnTo>
                    <a:pt x="8509" y="673"/>
                  </a:lnTo>
                  <a:lnTo>
                    <a:pt x="8517" y="673"/>
                  </a:lnTo>
                  <a:lnTo>
                    <a:pt x="8535" y="669"/>
                  </a:lnTo>
                  <a:lnTo>
                    <a:pt x="8550" y="662"/>
                  </a:lnTo>
                  <a:lnTo>
                    <a:pt x="8575" y="645"/>
                  </a:lnTo>
                  <a:lnTo>
                    <a:pt x="8597" y="623"/>
                  </a:lnTo>
                  <a:lnTo>
                    <a:pt x="8616" y="599"/>
                  </a:lnTo>
                  <a:lnTo>
                    <a:pt x="8635" y="576"/>
                  </a:lnTo>
                  <a:lnTo>
                    <a:pt x="8656" y="555"/>
                  </a:lnTo>
                  <a:lnTo>
                    <a:pt x="8668" y="547"/>
                  </a:lnTo>
                  <a:lnTo>
                    <a:pt x="8680" y="542"/>
                  </a:lnTo>
                  <a:lnTo>
                    <a:pt x="8695" y="538"/>
                  </a:lnTo>
                  <a:lnTo>
                    <a:pt x="8712" y="537"/>
                  </a:lnTo>
                  <a:lnTo>
                    <a:pt x="8726" y="538"/>
                  </a:lnTo>
                  <a:lnTo>
                    <a:pt x="8740" y="541"/>
                  </a:lnTo>
                  <a:lnTo>
                    <a:pt x="8761" y="553"/>
                  </a:lnTo>
                  <a:lnTo>
                    <a:pt x="8771" y="560"/>
                  </a:lnTo>
                  <a:lnTo>
                    <a:pt x="8779" y="569"/>
                  </a:lnTo>
                  <a:lnTo>
                    <a:pt x="8794" y="587"/>
                  </a:lnTo>
                  <a:lnTo>
                    <a:pt x="8810" y="605"/>
                  </a:lnTo>
                  <a:lnTo>
                    <a:pt x="8828" y="623"/>
                  </a:lnTo>
                  <a:lnTo>
                    <a:pt x="8838" y="630"/>
                  </a:lnTo>
                  <a:lnTo>
                    <a:pt x="8852" y="635"/>
                  </a:lnTo>
                  <a:lnTo>
                    <a:pt x="8882" y="642"/>
                  </a:lnTo>
                  <a:lnTo>
                    <a:pt x="8892" y="642"/>
                  </a:lnTo>
                  <a:lnTo>
                    <a:pt x="8902" y="639"/>
                  </a:lnTo>
                  <a:lnTo>
                    <a:pt x="8919" y="630"/>
                  </a:lnTo>
                  <a:lnTo>
                    <a:pt x="8937" y="616"/>
                  </a:lnTo>
                  <a:lnTo>
                    <a:pt x="8954" y="600"/>
                  </a:lnTo>
                  <a:lnTo>
                    <a:pt x="8988" y="570"/>
                  </a:lnTo>
                  <a:lnTo>
                    <a:pt x="9006" y="561"/>
                  </a:lnTo>
                  <a:lnTo>
                    <a:pt x="9025" y="557"/>
                  </a:lnTo>
                  <a:lnTo>
                    <a:pt x="9045" y="561"/>
                  </a:lnTo>
                  <a:lnTo>
                    <a:pt x="9064" y="572"/>
                  </a:lnTo>
                  <a:lnTo>
                    <a:pt x="9081" y="588"/>
                  </a:lnTo>
                  <a:lnTo>
                    <a:pt x="9098" y="605"/>
                  </a:lnTo>
                  <a:lnTo>
                    <a:pt x="9129" y="645"/>
                  </a:lnTo>
                  <a:lnTo>
                    <a:pt x="9145" y="661"/>
                  </a:lnTo>
                  <a:lnTo>
                    <a:pt x="9160" y="672"/>
                  </a:lnTo>
                  <a:lnTo>
                    <a:pt x="9192" y="685"/>
                  </a:lnTo>
                  <a:lnTo>
                    <a:pt x="9207" y="688"/>
                  </a:lnTo>
                  <a:lnTo>
                    <a:pt x="9222" y="690"/>
                  </a:lnTo>
                  <a:lnTo>
                    <a:pt x="9251" y="690"/>
                  </a:lnTo>
                  <a:lnTo>
                    <a:pt x="9280" y="685"/>
                  </a:lnTo>
                  <a:lnTo>
                    <a:pt x="9334" y="670"/>
                  </a:lnTo>
                  <a:lnTo>
                    <a:pt x="9359" y="663"/>
                  </a:lnTo>
                  <a:lnTo>
                    <a:pt x="9385" y="658"/>
                  </a:lnTo>
                  <a:lnTo>
                    <a:pt x="9385" y="630"/>
                  </a:lnTo>
                  <a:lnTo>
                    <a:pt x="9427" y="588"/>
                  </a:lnTo>
                  <a:lnTo>
                    <a:pt x="9463" y="588"/>
                  </a:lnTo>
                  <a:lnTo>
                    <a:pt x="9397" y="655"/>
                  </a:lnTo>
                  <a:lnTo>
                    <a:pt x="9428" y="651"/>
                  </a:lnTo>
                  <a:lnTo>
                    <a:pt x="9493" y="588"/>
                  </a:lnTo>
                  <a:lnTo>
                    <a:pt x="9529" y="588"/>
                  </a:lnTo>
                  <a:lnTo>
                    <a:pt x="9474" y="646"/>
                  </a:lnTo>
                  <a:lnTo>
                    <a:pt x="9504" y="642"/>
                  </a:lnTo>
                  <a:lnTo>
                    <a:pt x="9531" y="615"/>
                  </a:lnTo>
                  <a:lnTo>
                    <a:pt x="9531" y="338"/>
                  </a:lnTo>
                  <a:lnTo>
                    <a:pt x="9591" y="338"/>
                  </a:lnTo>
                  <a:lnTo>
                    <a:pt x="9591" y="264"/>
                  </a:lnTo>
                  <a:lnTo>
                    <a:pt x="9585" y="261"/>
                  </a:lnTo>
                  <a:lnTo>
                    <a:pt x="9581" y="256"/>
                  </a:lnTo>
                  <a:lnTo>
                    <a:pt x="9577" y="249"/>
                  </a:lnTo>
                  <a:lnTo>
                    <a:pt x="9575" y="241"/>
                  </a:lnTo>
                  <a:lnTo>
                    <a:pt x="9577" y="232"/>
                  </a:lnTo>
                  <a:lnTo>
                    <a:pt x="9582" y="224"/>
                  </a:lnTo>
                  <a:lnTo>
                    <a:pt x="9590" y="218"/>
                  </a:lnTo>
                  <a:lnTo>
                    <a:pt x="9600" y="217"/>
                  </a:lnTo>
                  <a:lnTo>
                    <a:pt x="9609" y="218"/>
                  </a:lnTo>
                  <a:lnTo>
                    <a:pt x="9617" y="224"/>
                  </a:lnTo>
                  <a:lnTo>
                    <a:pt x="9622" y="232"/>
                  </a:lnTo>
                  <a:lnTo>
                    <a:pt x="9624" y="241"/>
                  </a:lnTo>
                  <a:lnTo>
                    <a:pt x="9622" y="249"/>
                  </a:lnTo>
                  <a:lnTo>
                    <a:pt x="9620" y="256"/>
                  </a:lnTo>
                  <a:lnTo>
                    <a:pt x="9614" y="261"/>
                  </a:lnTo>
                  <a:lnTo>
                    <a:pt x="9608" y="264"/>
                  </a:lnTo>
                  <a:lnTo>
                    <a:pt x="9608" y="338"/>
                  </a:lnTo>
                  <a:lnTo>
                    <a:pt x="9645" y="338"/>
                  </a:lnTo>
                  <a:lnTo>
                    <a:pt x="9730" y="276"/>
                  </a:lnTo>
                  <a:lnTo>
                    <a:pt x="9730" y="338"/>
                  </a:lnTo>
                  <a:lnTo>
                    <a:pt x="9744" y="338"/>
                  </a:lnTo>
                  <a:lnTo>
                    <a:pt x="9829" y="276"/>
                  </a:lnTo>
                  <a:lnTo>
                    <a:pt x="9829" y="338"/>
                  </a:lnTo>
                  <a:lnTo>
                    <a:pt x="9848" y="338"/>
                  </a:lnTo>
                  <a:lnTo>
                    <a:pt x="9932" y="276"/>
                  </a:lnTo>
                  <a:lnTo>
                    <a:pt x="9932" y="338"/>
                  </a:lnTo>
                  <a:lnTo>
                    <a:pt x="9932" y="441"/>
                  </a:lnTo>
                  <a:lnTo>
                    <a:pt x="9967" y="448"/>
                  </a:lnTo>
                  <a:lnTo>
                    <a:pt x="9999" y="457"/>
                  </a:lnTo>
                  <a:lnTo>
                    <a:pt x="10030" y="472"/>
                  </a:lnTo>
                  <a:lnTo>
                    <a:pt x="10058" y="488"/>
                  </a:lnTo>
                  <a:lnTo>
                    <a:pt x="10085" y="508"/>
                  </a:lnTo>
                  <a:lnTo>
                    <a:pt x="10108" y="533"/>
                  </a:lnTo>
                  <a:lnTo>
                    <a:pt x="10130" y="558"/>
                  </a:lnTo>
                  <a:lnTo>
                    <a:pt x="10147" y="588"/>
                  </a:lnTo>
                  <a:lnTo>
                    <a:pt x="10149" y="588"/>
                  </a:lnTo>
                  <a:lnTo>
                    <a:pt x="10185" y="588"/>
                  </a:lnTo>
                  <a:lnTo>
                    <a:pt x="10161" y="615"/>
                  </a:lnTo>
                  <a:lnTo>
                    <a:pt x="10168" y="635"/>
                  </a:lnTo>
                  <a:lnTo>
                    <a:pt x="10215" y="588"/>
                  </a:lnTo>
                  <a:lnTo>
                    <a:pt x="10230" y="588"/>
                  </a:lnTo>
                  <a:lnTo>
                    <a:pt x="10230" y="612"/>
                  </a:lnTo>
                  <a:lnTo>
                    <a:pt x="10176" y="666"/>
                  </a:lnTo>
                  <a:lnTo>
                    <a:pt x="10179" y="689"/>
                  </a:lnTo>
                  <a:lnTo>
                    <a:pt x="10230" y="638"/>
                  </a:lnTo>
                  <a:lnTo>
                    <a:pt x="10230" y="677"/>
                  </a:lnTo>
                  <a:lnTo>
                    <a:pt x="10183" y="724"/>
                  </a:lnTo>
                  <a:lnTo>
                    <a:pt x="10183" y="728"/>
                  </a:lnTo>
                  <a:lnTo>
                    <a:pt x="10201" y="732"/>
                  </a:lnTo>
                  <a:lnTo>
                    <a:pt x="10230" y="704"/>
                  </a:lnTo>
                  <a:lnTo>
                    <a:pt x="10230" y="736"/>
                  </a:lnTo>
                  <a:lnTo>
                    <a:pt x="10274" y="743"/>
                  </a:lnTo>
                  <a:lnTo>
                    <a:pt x="10365" y="754"/>
                  </a:lnTo>
                  <a:lnTo>
                    <a:pt x="10365" y="720"/>
                  </a:lnTo>
                  <a:lnTo>
                    <a:pt x="10412" y="721"/>
                  </a:lnTo>
                  <a:lnTo>
                    <a:pt x="10413" y="755"/>
                  </a:lnTo>
                  <a:lnTo>
                    <a:pt x="10416" y="755"/>
                  </a:lnTo>
                  <a:lnTo>
                    <a:pt x="10482" y="754"/>
                  </a:lnTo>
                  <a:lnTo>
                    <a:pt x="10539" y="747"/>
                  </a:lnTo>
                  <a:lnTo>
                    <a:pt x="10589" y="738"/>
                  </a:lnTo>
                  <a:lnTo>
                    <a:pt x="10636" y="727"/>
                  </a:lnTo>
                  <a:lnTo>
                    <a:pt x="10732" y="705"/>
                  </a:lnTo>
                  <a:lnTo>
                    <a:pt x="10787" y="698"/>
                  </a:lnTo>
                  <a:lnTo>
                    <a:pt x="10851" y="696"/>
                  </a:lnTo>
                  <a:lnTo>
                    <a:pt x="10903" y="700"/>
                  </a:lnTo>
                  <a:lnTo>
                    <a:pt x="10955" y="707"/>
                  </a:lnTo>
                  <a:lnTo>
                    <a:pt x="10996" y="491"/>
                  </a:lnTo>
                  <a:lnTo>
                    <a:pt x="11033" y="680"/>
                  </a:lnTo>
                  <a:lnTo>
                    <a:pt x="11015" y="688"/>
                  </a:lnTo>
                  <a:lnTo>
                    <a:pt x="11034" y="690"/>
                  </a:lnTo>
                  <a:lnTo>
                    <a:pt x="11037" y="703"/>
                  </a:lnTo>
                  <a:lnTo>
                    <a:pt x="11014" y="711"/>
                  </a:lnTo>
                  <a:lnTo>
                    <a:pt x="11049" y="715"/>
                  </a:lnTo>
                  <a:lnTo>
                    <a:pt x="11099" y="453"/>
                  </a:lnTo>
                  <a:lnTo>
                    <a:pt x="11135" y="640"/>
                  </a:lnTo>
                  <a:lnTo>
                    <a:pt x="11118" y="649"/>
                  </a:lnTo>
                  <a:lnTo>
                    <a:pt x="11138" y="651"/>
                  </a:lnTo>
                  <a:lnTo>
                    <a:pt x="11141" y="665"/>
                  </a:lnTo>
                  <a:lnTo>
                    <a:pt x="11115" y="674"/>
                  </a:lnTo>
                  <a:lnTo>
                    <a:pt x="11115" y="678"/>
                  </a:lnTo>
                  <a:lnTo>
                    <a:pt x="11142" y="682"/>
                  </a:lnTo>
                  <a:lnTo>
                    <a:pt x="11179" y="499"/>
                  </a:lnTo>
                  <a:lnTo>
                    <a:pt x="11214" y="686"/>
                  </a:lnTo>
                  <a:lnTo>
                    <a:pt x="11196" y="694"/>
                  </a:lnTo>
                  <a:lnTo>
                    <a:pt x="11216" y="697"/>
                  </a:lnTo>
                  <a:lnTo>
                    <a:pt x="11219" y="711"/>
                  </a:lnTo>
                  <a:lnTo>
                    <a:pt x="11193" y="720"/>
                  </a:lnTo>
                  <a:lnTo>
                    <a:pt x="11193" y="723"/>
                  </a:lnTo>
                  <a:lnTo>
                    <a:pt x="11222" y="728"/>
                  </a:lnTo>
                  <a:lnTo>
                    <a:pt x="11226" y="744"/>
                  </a:lnTo>
                  <a:lnTo>
                    <a:pt x="11251" y="750"/>
                  </a:lnTo>
                  <a:lnTo>
                    <a:pt x="11304" y="485"/>
                  </a:lnTo>
                  <a:lnTo>
                    <a:pt x="11339" y="673"/>
                  </a:lnTo>
                  <a:lnTo>
                    <a:pt x="11323" y="681"/>
                  </a:lnTo>
                  <a:lnTo>
                    <a:pt x="11342" y="685"/>
                  </a:lnTo>
                  <a:lnTo>
                    <a:pt x="11345" y="697"/>
                  </a:lnTo>
                  <a:lnTo>
                    <a:pt x="11319" y="707"/>
                  </a:lnTo>
                  <a:lnTo>
                    <a:pt x="11319" y="711"/>
                  </a:lnTo>
                  <a:lnTo>
                    <a:pt x="11347" y="716"/>
                  </a:lnTo>
                  <a:lnTo>
                    <a:pt x="11355" y="752"/>
                  </a:lnTo>
                  <a:lnTo>
                    <a:pt x="11448" y="750"/>
                  </a:lnTo>
                  <a:close/>
                  <a:moveTo>
                    <a:pt x="11516" y="332"/>
                  </a:moveTo>
                  <a:lnTo>
                    <a:pt x="11509" y="334"/>
                  </a:lnTo>
                  <a:lnTo>
                    <a:pt x="11507" y="332"/>
                  </a:lnTo>
                  <a:lnTo>
                    <a:pt x="11507" y="328"/>
                  </a:lnTo>
                  <a:lnTo>
                    <a:pt x="11513" y="319"/>
                  </a:lnTo>
                  <a:lnTo>
                    <a:pt x="11512" y="294"/>
                  </a:lnTo>
                  <a:lnTo>
                    <a:pt x="11513" y="288"/>
                  </a:lnTo>
                  <a:lnTo>
                    <a:pt x="11516" y="284"/>
                  </a:lnTo>
                  <a:lnTo>
                    <a:pt x="11516" y="332"/>
                  </a:lnTo>
                  <a:close/>
                  <a:moveTo>
                    <a:pt x="11516" y="373"/>
                  </a:moveTo>
                  <a:lnTo>
                    <a:pt x="11516" y="371"/>
                  </a:lnTo>
                  <a:lnTo>
                    <a:pt x="11516" y="373"/>
                  </a:lnTo>
                  <a:close/>
                  <a:moveTo>
                    <a:pt x="11516" y="466"/>
                  </a:moveTo>
                  <a:lnTo>
                    <a:pt x="11508" y="458"/>
                  </a:lnTo>
                  <a:lnTo>
                    <a:pt x="11498" y="446"/>
                  </a:lnTo>
                  <a:lnTo>
                    <a:pt x="11498" y="433"/>
                  </a:lnTo>
                  <a:lnTo>
                    <a:pt x="11516" y="407"/>
                  </a:lnTo>
                  <a:lnTo>
                    <a:pt x="11516" y="466"/>
                  </a:lnTo>
                  <a:close/>
                  <a:moveTo>
                    <a:pt x="11516" y="529"/>
                  </a:moveTo>
                  <a:lnTo>
                    <a:pt x="11511" y="516"/>
                  </a:lnTo>
                  <a:lnTo>
                    <a:pt x="11508" y="496"/>
                  </a:lnTo>
                  <a:lnTo>
                    <a:pt x="11516" y="488"/>
                  </a:lnTo>
                  <a:lnTo>
                    <a:pt x="11516" y="529"/>
                  </a:lnTo>
                  <a:close/>
                </a:path>
              </a:pathLst>
            </a:custGeom>
            <a:solidFill>
              <a:srgbClr val="CCE0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fi-FI" sz="1800"/>
            </a:p>
          </p:txBody>
        </p:sp>
      </p:grpSp>
      <p:sp>
        <p:nvSpPr>
          <p:cNvPr id="7" name="Freeform 6"/>
          <p:cNvSpPr>
            <a:spLocks noChangeAspect="1" noEditPoints="1"/>
          </p:cNvSpPr>
          <p:nvPr/>
        </p:nvSpPr>
        <p:spPr bwMode="auto">
          <a:xfrm>
            <a:off x="719667" y="692150"/>
            <a:ext cx="3141133" cy="719138"/>
          </a:xfrm>
          <a:custGeom>
            <a:avLst/>
            <a:gdLst>
              <a:gd name="T0" fmla="*/ 401090 w 4892"/>
              <a:gd name="T1" fmla="*/ 91967 h 1494"/>
              <a:gd name="T2" fmla="*/ 273011 w 4892"/>
              <a:gd name="T3" fmla="*/ 529169 h 1494"/>
              <a:gd name="T4" fmla="*/ 767993 w 4892"/>
              <a:gd name="T5" fmla="*/ 523391 h 1494"/>
              <a:gd name="T6" fmla="*/ 648581 w 4892"/>
              <a:gd name="T7" fmla="*/ 678434 h 1494"/>
              <a:gd name="T8" fmla="*/ 634617 w 4892"/>
              <a:gd name="T9" fmla="*/ 172377 h 1494"/>
              <a:gd name="T10" fmla="*/ 572985 w 4892"/>
              <a:gd name="T11" fmla="*/ 266751 h 1494"/>
              <a:gd name="T12" fmla="*/ 760289 w 4892"/>
              <a:gd name="T13" fmla="*/ 714065 h 1494"/>
              <a:gd name="T14" fmla="*/ 795438 w 4892"/>
              <a:gd name="T15" fmla="*/ 455018 h 1494"/>
              <a:gd name="T16" fmla="*/ 747288 w 4892"/>
              <a:gd name="T17" fmla="*/ 43335 h 1494"/>
              <a:gd name="T18" fmla="*/ 749696 w 4892"/>
              <a:gd name="T19" fmla="*/ 157451 h 1494"/>
              <a:gd name="T20" fmla="*/ 830588 w 4892"/>
              <a:gd name="T21" fmla="*/ 139635 h 1494"/>
              <a:gd name="T22" fmla="*/ 885960 w 4892"/>
              <a:gd name="T23" fmla="*/ 49113 h 1494"/>
              <a:gd name="T24" fmla="*/ 923036 w 4892"/>
              <a:gd name="T25" fmla="*/ 127598 h 1494"/>
              <a:gd name="T26" fmla="*/ 915813 w 4892"/>
              <a:gd name="T27" fmla="*/ 218120 h 1494"/>
              <a:gd name="T28" fmla="*/ 1002002 w 4892"/>
              <a:gd name="T29" fmla="*/ 145895 h 1494"/>
              <a:gd name="T30" fmla="*/ 980334 w 4892"/>
              <a:gd name="T31" fmla="*/ 251343 h 1494"/>
              <a:gd name="T32" fmla="*/ 414090 w 4892"/>
              <a:gd name="T33" fmla="*/ 429017 h 1494"/>
              <a:gd name="T34" fmla="*/ 448277 w 4892"/>
              <a:gd name="T35" fmla="*/ 311531 h 1494"/>
              <a:gd name="T36" fmla="*/ 534947 w 4892"/>
              <a:gd name="T37" fmla="*/ 419387 h 1494"/>
              <a:gd name="T38" fmla="*/ 1014521 w 4892"/>
              <a:gd name="T39" fmla="*/ 578282 h 1494"/>
              <a:gd name="T40" fmla="*/ 1120932 w 4892"/>
              <a:gd name="T41" fmla="*/ 492093 h 1494"/>
              <a:gd name="T42" fmla="*/ 1110821 w 4892"/>
              <a:gd name="T43" fmla="*/ 628358 h 1494"/>
              <a:gd name="T44" fmla="*/ 381830 w 4892"/>
              <a:gd name="T45" fmla="*/ 370274 h 1494"/>
              <a:gd name="T46" fmla="*/ 503168 w 4892"/>
              <a:gd name="T47" fmla="*/ 465611 h 1494"/>
              <a:gd name="T48" fmla="*/ 520020 w 4892"/>
              <a:gd name="T49" fmla="*/ 306716 h 1494"/>
              <a:gd name="T50" fmla="*/ 303827 w 4892"/>
              <a:gd name="T51" fmla="*/ 508464 h 1494"/>
              <a:gd name="T52" fmla="*/ 442499 w 4892"/>
              <a:gd name="T53" fmla="*/ 98226 h 1494"/>
              <a:gd name="T54" fmla="*/ 985631 w 4892"/>
              <a:gd name="T55" fmla="*/ 280233 h 1494"/>
              <a:gd name="T56" fmla="*/ 1015484 w 4892"/>
              <a:gd name="T57" fmla="*/ 124709 h 1494"/>
              <a:gd name="T58" fmla="*/ 936518 w 4892"/>
              <a:gd name="T59" fmla="*/ 208971 h 1494"/>
              <a:gd name="T60" fmla="*/ 930740 w 4892"/>
              <a:gd name="T61" fmla="*/ 111227 h 1494"/>
              <a:gd name="T62" fmla="*/ 862367 w 4892"/>
              <a:gd name="T63" fmla="*/ 46706 h 1494"/>
              <a:gd name="T64" fmla="*/ 816624 w 4892"/>
              <a:gd name="T65" fmla="*/ 147339 h 1494"/>
              <a:gd name="T66" fmla="*/ 782919 w 4892"/>
              <a:gd name="T67" fmla="*/ 102078 h 1494"/>
              <a:gd name="T68" fmla="*/ 1032818 w 4892"/>
              <a:gd name="T69" fmla="*/ 22631 h 1494"/>
              <a:gd name="T70" fmla="*/ 841662 w 4892"/>
              <a:gd name="T71" fmla="*/ 481019 h 1494"/>
              <a:gd name="T72" fmla="*/ 1170045 w 4892"/>
              <a:gd name="T73" fmla="*/ 266270 h 1494"/>
              <a:gd name="T74" fmla="*/ 660137 w 4892"/>
              <a:gd name="T75" fmla="*/ 224379 h 1494"/>
              <a:gd name="T76" fmla="*/ 529650 w 4892"/>
              <a:gd name="T77" fmla="*/ 194045 h 1494"/>
              <a:gd name="T78" fmla="*/ 1055930 w 4892"/>
              <a:gd name="T79" fmla="*/ 473796 h 1494"/>
              <a:gd name="T80" fmla="*/ 1026558 w 4892"/>
              <a:gd name="T81" fmla="*/ 625950 h 1494"/>
              <a:gd name="T82" fmla="*/ 1175823 w 4892"/>
              <a:gd name="T83" fmla="*/ 569615 h 1494"/>
              <a:gd name="T84" fmla="*/ 1047744 w 4892"/>
              <a:gd name="T85" fmla="*/ 415053 h 1494"/>
              <a:gd name="T86" fmla="*/ 1115636 w 4892"/>
              <a:gd name="T87" fmla="*/ 283604 h 1494"/>
              <a:gd name="T88" fmla="*/ 1173416 w 4892"/>
              <a:gd name="T89" fmla="*/ 94856 h 1494"/>
              <a:gd name="T90" fmla="*/ 1447389 w 4892"/>
              <a:gd name="T91" fmla="*/ 687582 h 1494"/>
              <a:gd name="T92" fmla="*/ 1355423 w 4892"/>
              <a:gd name="T93" fmla="*/ 573467 h 1494"/>
              <a:gd name="T94" fmla="*/ 1372757 w 4892"/>
              <a:gd name="T95" fmla="*/ 455018 h 1494"/>
              <a:gd name="T96" fmla="*/ 1425240 w 4892"/>
              <a:gd name="T97" fmla="*/ 477648 h 1494"/>
              <a:gd name="T98" fmla="*/ 1351571 w 4892"/>
              <a:gd name="T99" fmla="*/ 541206 h 1494"/>
              <a:gd name="T100" fmla="*/ 1479168 w 4892"/>
              <a:gd name="T101" fmla="*/ 685175 h 1494"/>
              <a:gd name="T102" fmla="*/ 1314495 w 4892"/>
              <a:gd name="T103" fmla="*/ 648581 h 1494"/>
              <a:gd name="T104" fmla="*/ 2251976 w 4892"/>
              <a:gd name="T105" fmla="*/ 714065 h 1494"/>
              <a:gd name="T106" fmla="*/ 2019411 w 4892"/>
              <a:gd name="T107" fmla="*/ 16371 h 1494"/>
              <a:gd name="T108" fmla="*/ 2059857 w 4892"/>
              <a:gd name="T109" fmla="*/ 188748 h 1494"/>
              <a:gd name="T110" fmla="*/ 2008337 w 4892"/>
              <a:gd name="T111" fmla="*/ 127598 h 1494"/>
              <a:gd name="T112" fmla="*/ 2188418 w 4892"/>
              <a:gd name="T113" fmla="*/ 116042 h 1494"/>
              <a:gd name="T114" fmla="*/ 2275569 w 4892"/>
              <a:gd name="T115" fmla="*/ 304308 h 1494"/>
              <a:gd name="T116" fmla="*/ 2182158 w 4892"/>
              <a:gd name="T117" fmla="*/ 377015 h 1494"/>
              <a:gd name="T118" fmla="*/ 2133045 w 4892"/>
              <a:gd name="T119" fmla="*/ 50076 h 1494"/>
              <a:gd name="T120" fmla="*/ 2331905 w 4892"/>
              <a:gd name="T121" fmla="*/ 40446 h 1494"/>
              <a:gd name="T122" fmla="*/ 2293866 w 4892"/>
              <a:gd name="T123" fmla="*/ 375089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19668" y="1557338"/>
            <a:ext cx="10752665" cy="1871662"/>
          </a:xfrm>
        </p:spPr>
        <p:txBody>
          <a:bodyPr/>
          <a:lstStyle>
            <a:lvl1pPr algn="l">
              <a:defRPr sz="4400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19668" y="3602038"/>
            <a:ext cx="10752665" cy="690562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accent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i-FI" smtClean="0"/>
              <a:t>Muokkaa alaotsikon perustyyliä napsautt.</a:t>
            </a:r>
            <a:endParaRPr lang="en-US" dirty="0"/>
          </a:p>
        </p:txBody>
      </p:sp>
      <p:sp>
        <p:nvSpPr>
          <p:cNvPr id="8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6C5F31D7-FD4B-4AAC-8024-6B4A3BB23A0A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514966424"/>
      </p:ext>
    </p:extLst>
  </p:cSld>
  <p:clrMapOvr>
    <a:masterClrMapping/>
  </p:clrMapOvr>
  <p:transition spd="slow">
    <p:push dir="u"/>
  </p:transition>
  <p:hf hdr="0" ftr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Otsikollinen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1498604"/>
            <a:ext cx="3854528" cy="1278466"/>
          </a:xfrm>
        </p:spPr>
        <p:txBody>
          <a:bodyPr anchor="b">
            <a:normAutofit/>
          </a:bodyPr>
          <a:lstStyle>
            <a:lvl1pPr>
              <a:defRPr sz="2000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0461" y="514924"/>
            <a:ext cx="4513541" cy="5526437"/>
          </a:xfrm>
        </p:spPr>
        <p:txBody>
          <a:bodyPr>
            <a:normAutofit/>
          </a:bodyPr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2777069"/>
            <a:ext cx="3854528" cy="2584449"/>
          </a:xfrm>
        </p:spPr>
        <p:txBody>
          <a:bodyPr>
            <a:normAutofit/>
          </a:bodyPr>
          <a:lstStyle>
            <a:lvl1pPr marL="0" indent="0">
              <a:buNone/>
              <a:defRPr sz="14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259168605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162BA3FA-672C-4330-BBD4-7BC1A6D68D98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735126052"/>
      </p:ext>
    </p:extLst>
  </p:cSld>
  <p:clrMapOvr>
    <a:masterClrMapping/>
  </p:clrMapOvr>
  <p:transition spd="slow">
    <p:push dir="u"/>
  </p:transition>
  <p:hf hdr="0" ftr="0"/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/>
          </a:p>
        </p:txBody>
      </p:sp>
      <p:sp>
        <p:nvSpPr>
          <p:cNvPr id="7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719667" y="1916113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>
          <a:xfrm>
            <a:off x="719667" y="2636912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9" name="Text Placeholder 7"/>
          <p:cNvSpPr>
            <a:spLocks noGrp="1"/>
          </p:cNvSpPr>
          <p:nvPr>
            <p:ph type="body" sz="quarter" idx="15"/>
          </p:nvPr>
        </p:nvSpPr>
        <p:spPr>
          <a:xfrm>
            <a:off x="719667" y="3356992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0" name="Text Placeholder 7"/>
          <p:cNvSpPr>
            <a:spLocks noGrp="1"/>
          </p:cNvSpPr>
          <p:nvPr>
            <p:ph type="body" sz="quarter" idx="16"/>
          </p:nvPr>
        </p:nvSpPr>
        <p:spPr>
          <a:xfrm>
            <a:off x="719667" y="4077072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17"/>
          </p:nvPr>
        </p:nvSpPr>
        <p:spPr>
          <a:xfrm>
            <a:off x="719667" y="4797152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2" name="Text Placeholder 2"/>
          <p:cNvSpPr>
            <a:spLocks noGrp="1"/>
          </p:cNvSpPr>
          <p:nvPr>
            <p:ph type="body" idx="1"/>
          </p:nvPr>
        </p:nvSpPr>
        <p:spPr>
          <a:xfrm>
            <a:off x="1679510" y="1920300"/>
            <a:ext cx="4224469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idx="18"/>
          </p:nvPr>
        </p:nvSpPr>
        <p:spPr>
          <a:xfrm>
            <a:off x="1679510" y="2636914"/>
            <a:ext cx="4224469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4" name="Text Placeholder 2"/>
          <p:cNvSpPr>
            <a:spLocks noGrp="1"/>
          </p:cNvSpPr>
          <p:nvPr>
            <p:ph type="body" idx="19"/>
          </p:nvPr>
        </p:nvSpPr>
        <p:spPr>
          <a:xfrm>
            <a:off x="1679510" y="3356994"/>
            <a:ext cx="4224469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5" name="Text Placeholder 2"/>
          <p:cNvSpPr>
            <a:spLocks noGrp="1"/>
          </p:cNvSpPr>
          <p:nvPr>
            <p:ph type="body" idx="20"/>
          </p:nvPr>
        </p:nvSpPr>
        <p:spPr>
          <a:xfrm>
            <a:off x="1679510" y="4077074"/>
            <a:ext cx="4224469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6" name="Text Placeholder 2"/>
          <p:cNvSpPr>
            <a:spLocks noGrp="1"/>
          </p:cNvSpPr>
          <p:nvPr>
            <p:ph type="body" idx="21"/>
          </p:nvPr>
        </p:nvSpPr>
        <p:spPr>
          <a:xfrm>
            <a:off x="1679510" y="4797154"/>
            <a:ext cx="4224469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7" name="Text Placeholder 7"/>
          <p:cNvSpPr>
            <a:spLocks noGrp="1"/>
          </p:cNvSpPr>
          <p:nvPr>
            <p:ph type="body" sz="quarter" idx="22"/>
          </p:nvPr>
        </p:nvSpPr>
        <p:spPr>
          <a:xfrm>
            <a:off x="6288107" y="1916113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8" name="Text Placeholder 7"/>
          <p:cNvSpPr>
            <a:spLocks noGrp="1"/>
          </p:cNvSpPr>
          <p:nvPr>
            <p:ph type="body" sz="quarter" idx="23"/>
          </p:nvPr>
        </p:nvSpPr>
        <p:spPr>
          <a:xfrm>
            <a:off x="6288107" y="2636912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9" name="Text Placeholder 7"/>
          <p:cNvSpPr>
            <a:spLocks noGrp="1"/>
          </p:cNvSpPr>
          <p:nvPr>
            <p:ph type="body" sz="quarter" idx="24"/>
          </p:nvPr>
        </p:nvSpPr>
        <p:spPr>
          <a:xfrm>
            <a:off x="6288107" y="3356992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20" name="Text Placeholder 7"/>
          <p:cNvSpPr>
            <a:spLocks noGrp="1"/>
          </p:cNvSpPr>
          <p:nvPr>
            <p:ph type="body" sz="quarter" idx="25"/>
          </p:nvPr>
        </p:nvSpPr>
        <p:spPr>
          <a:xfrm>
            <a:off x="6288107" y="4077072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21" name="Text Placeholder 7"/>
          <p:cNvSpPr>
            <a:spLocks noGrp="1"/>
          </p:cNvSpPr>
          <p:nvPr>
            <p:ph type="body" sz="quarter" idx="26"/>
          </p:nvPr>
        </p:nvSpPr>
        <p:spPr>
          <a:xfrm>
            <a:off x="6288107" y="4797152"/>
            <a:ext cx="768000" cy="576262"/>
          </a:xfrm>
          <a:prstGeom prst="rect">
            <a:avLst/>
          </a:prstGeom>
          <a:solidFill>
            <a:schemeClr val="accent3"/>
          </a:solidFill>
        </p:spPr>
        <p:txBody>
          <a:bodyPr wrap="none" anchor="ctr"/>
          <a:lstStyle>
            <a:lvl1pPr marL="0" indent="0" algn="ctr">
              <a:buNone/>
              <a:defRPr sz="1800">
                <a:solidFill>
                  <a:schemeClr val="accent1"/>
                </a:solidFill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22" name="Text Placeholder 2"/>
          <p:cNvSpPr>
            <a:spLocks noGrp="1"/>
          </p:cNvSpPr>
          <p:nvPr>
            <p:ph type="body" idx="27"/>
          </p:nvPr>
        </p:nvSpPr>
        <p:spPr>
          <a:xfrm>
            <a:off x="7248130" y="1920300"/>
            <a:ext cx="4224205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23" name="Text Placeholder 2"/>
          <p:cNvSpPr>
            <a:spLocks noGrp="1"/>
          </p:cNvSpPr>
          <p:nvPr>
            <p:ph type="body" idx="28"/>
          </p:nvPr>
        </p:nvSpPr>
        <p:spPr>
          <a:xfrm>
            <a:off x="7248130" y="2636914"/>
            <a:ext cx="4224205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24" name="Text Placeholder 2"/>
          <p:cNvSpPr>
            <a:spLocks noGrp="1"/>
          </p:cNvSpPr>
          <p:nvPr>
            <p:ph type="body" idx="29"/>
          </p:nvPr>
        </p:nvSpPr>
        <p:spPr>
          <a:xfrm>
            <a:off x="7248130" y="3356994"/>
            <a:ext cx="4224205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25" name="Text Placeholder 2"/>
          <p:cNvSpPr>
            <a:spLocks noGrp="1"/>
          </p:cNvSpPr>
          <p:nvPr>
            <p:ph type="body" idx="30"/>
          </p:nvPr>
        </p:nvSpPr>
        <p:spPr>
          <a:xfrm>
            <a:off x="7248130" y="4077074"/>
            <a:ext cx="4224205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26" name="Text Placeholder 2"/>
          <p:cNvSpPr>
            <a:spLocks noGrp="1"/>
          </p:cNvSpPr>
          <p:nvPr>
            <p:ph type="body" idx="31"/>
          </p:nvPr>
        </p:nvSpPr>
        <p:spPr>
          <a:xfrm>
            <a:off x="7248130" y="4797154"/>
            <a:ext cx="4224205" cy="572597"/>
          </a:xfrm>
        </p:spPr>
        <p:txBody>
          <a:bodyPr anchor="ctr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800" b="0">
                <a:solidFill>
                  <a:schemeClr val="tx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27" name="Date Placeholder 3"/>
          <p:cNvSpPr>
            <a:spLocks noGrp="1"/>
          </p:cNvSpPr>
          <p:nvPr>
            <p:ph type="dt" sz="half" idx="3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28" name="Footer Placeholder 4"/>
          <p:cNvSpPr>
            <a:spLocks noGrp="1"/>
          </p:cNvSpPr>
          <p:nvPr>
            <p:ph type="ftr" sz="quarter" idx="3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29" name="Slide Number Placeholder 5"/>
          <p:cNvSpPr>
            <a:spLocks noGrp="1"/>
          </p:cNvSpPr>
          <p:nvPr>
            <p:ph type="sldNum" sz="quarter" idx="34"/>
          </p:nvPr>
        </p:nvSpPr>
        <p:spPr/>
        <p:txBody>
          <a:bodyPr/>
          <a:lstStyle>
            <a:lvl1pPr>
              <a:defRPr/>
            </a:lvl1pPr>
          </a:lstStyle>
          <a:p>
            <a:fld id="{ED74337D-FF1A-4179-BDA8-E024881DD5C5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039303275"/>
      </p:ext>
    </p:extLst>
  </p:cSld>
  <p:clrMapOvr>
    <a:masterClrMapping/>
  </p:clrMapOvr>
  <p:transition spd="slow">
    <p:push dir="u"/>
  </p:transition>
  <p:hf hdr="0" ftr="0"/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669" y="333377"/>
            <a:ext cx="6624471" cy="935385"/>
          </a:xfrm>
        </p:spPr>
        <p:txBody>
          <a:bodyPr/>
          <a:lstStyle/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19669" y="1557338"/>
            <a:ext cx="6624471" cy="4608512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7920203" y="0"/>
            <a:ext cx="4271799" cy="6858000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5"/>
          </p:nvPr>
        </p:nvSpPr>
        <p:spPr>
          <a:xfrm>
            <a:off x="2927351" y="6381751"/>
            <a:ext cx="4417483" cy="1428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A2A22565-F464-4A1C-9F13-DDD5C48E6D13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328987178"/>
      </p:ext>
    </p:extLst>
  </p:cSld>
  <p:clrMapOvr>
    <a:masterClrMapping/>
  </p:clrMapOvr>
  <p:transition spd="slow">
    <p:push dir="u"/>
  </p:transition>
  <p:hf hdr="0" ftr="0"/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Picture [Right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19668" y="1557338"/>
            <a:ext cx="6624472" cy="4608512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7920567" y="1557338"/>
            <a:ext cx="3551767" cy="4608512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06ABCB4F-F329-4E59-BEA2-9B0F60E5A215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621504434"/>
      </p:ext>
    </p:extLst>
  </p:cSld>
  <p:clrMapOvr>
    <a:masterClrMapping/>
  </p:clrMapOvr>
  <p:transition spd="slow">
    <p:push dir="u"/>
  </p:transition>
  <p:hf hdr="0" ftr="0"/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and Picture [left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47861" y="1557338"/>
            <a:ext cx="6624472" cy="4608512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719666" y="1557338"/>
            <a:ext cx="3551767" cy="4608512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GB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4D24FAB7-0B26-45F5-8371-EFBE125E66C7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887539881"/>
      </p:ext>
    </p:extLst>
  </p:cSld>
  <p:clrMapOvr>
    <a:masterClrMapping/>
  </p:clrMapOvr>
  <p:transition spd="slow">
    <p:push dir="u"/>
  </p:transition>
  <p:hf hdr="0" ftr="0"/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and Photo [Right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19666" y="1557338"/>
            <a:ext cx="3551767" cy="4608512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847861" y="1557338"/>
            <a:ext cx="6624472" cy="4608512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00B4F8A3-A0A0-40C0-9651-8843D6938145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617274939"/>
      </p:ext>
    </p:extLst>
  </p:cSld>
  <p:clrMapOvr>
    <a:masterClrMapping/>
  </p:clrMapOvr>
  <p:transition spd="slow">
    <p:push dir="u"/>
  </p:transition>
  <p:hf hdr="0" ftr="0"/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719667" y="1557338"/>
            <a:ext cx="10752667" cy="4608512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AF104C5F-41EA-4592-9080-CE842B60B169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758631245"/>
      </p:ext>
    </p:extLst>
  </p:cSld>
  <p:clrMapOvr>
    <a:masterClrMapping/>
  </p:clrMapOvr>
  <p:transition spd="slow">
    <p:push dir="u"/>
  </p:transition>
  <p:hf hdr="0" ftr="0"/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/>
          </a:p>
        </p:txBody>
      </p:sp>
      <p:sp>
        <p:nvSpPr>
          <p:cNvPr id="8" name="Media Placeholder 7"/>
          <p:cNvSpPr>
            <a:spLocks noGrp="1"/>
          </p:cNvSpPr>
          <p:nvPr>
            <p:ph type="media" sz="quarter" idx="13"/>
          </p:nvPr>
        </p:nvSpPr>
        <p:spPr/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medialeike napsauttamalla kuvaketta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fld id="{BD3DE12F-6501-4364-AB24-EFD56C5FE8ED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1150295031"/>
      </p:ext>
    </p:extLst>
  </p:cSld>
  <p:clrMapOvr>
    <a:masterClrMapping/>
  </p:clrMapOvr>
  <p:transition spd="slow">
    <p:push dir="u"/>
  </p:transition>
  <p:hf hdr="0" ftr="0"/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668" y="1709739"/>
            <a:ext cx="10752665" cy="1719262"/>
          </a:xfrm>
        </p:spPr>
        <p:txBody>
          <a:bodyPr/>
          <a:lstStyle>
            <a:lvl1pPr>
              <a:defRPr sz="3200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68" y="3573018"/>
            <a:ext cx="10752665" cy="720079"/>
          </a:xfrm>
        </p:spPr>
        <p:txBody>
          <a:bodyPr/>
          <a:lstStyle>
            <a:lvl1pPr marL="0" indent="0">
              <a:buNone/>
              <a:defRPr sz="2000">
                <a:solidFill>
                  <a:schemeClr val="accent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861A14B0-1959-48FE-98A1-3D6256B72E97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990879628"/>
      </p:ext>
    </p:extLst>
  </p:cSld>
  <p:clrMapOvr>
    <a:masterClrMapping/>
  </p:clrMapOvr>
  <p:transition spd="slow">
    <p:push dir="u"/>
  </p:transition>
  <p:hf hdr="0" ftr="0"/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 [green]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9899651" y="333375"/>
            <a:ext cx="1572683" cy="360363"/>
          </a:xfrm>
          <a:custGeom>
            <a:avLst/>
            <a:gdLst>
              <a:gd name="T0" fmla="*/ 200723 w 4892"/>
              <a:gd name="T1" fmla="*/ 46024 h 1494"/>
              <a:gd name="T2" fmla="*/ 136626 w 4892"/>
              <a:gd name="T3" fmla="*/ 264819 h 1494"/>
              <a:gd name="T4" fmla="*/ 384337 w 4892"/>
              <a:gd name="T5" fmla="*/ 261928 h 1494"/>
              <a:gd name="T6" fmla="*/ 324578 w 4892"/>
              <a:gd name="T7" fmla="*/ 339518 h 1494"/>
              <a:gd name="T8" fmla="*/ 317590 w 4892"/>
              <a:gd name="T9" fmla="*/ 86265 h 1494"/>
              <a:gd name="T10" fmla="*/ 286747 w 4892"/>
              <a:gd name="T11" fmla="*/ 133494 h 1494"/>
              <a:gd name="T12" fmla="*/ 380482 w 4892"/>
              <a:gd name="T13" fmla="*/ 357349 h 1494"/>
              <a:gd name="T14" fmla="*/ 398072 w 4892"/>
              <a:gd name="T15" fmla="*/ 227711 h 1494"/>
              <a:gd name="T16" fmla="*/ 373976 w 4892"/>
              <a:gd name="T17" fmla="*/ 21687 h 1494"/>
              <a:gd name="T18" fmla="*/ 375181 w 4892"/>
              <a:gd name="T19" fmla="*/ 78795 h 1494"/>
              <a:gd name="T20" fmla="*/ 415663 w 4892"/>
              <a:gd name="T21" fmla="*/ 69880 h 1494"/>
              <a:gd name="T22" fmla="*/ 443373 w 4892"/>
              <a:gd name="T23" fmla="*/ 24578 h 1494"/>
              <a:gd name="T24" fmla="*/ 461928 w 4892"/>
              <a:gd name="T25" fmla="*/ 63855 h 1494"/>
              <a:gd name="T26" fmla="*/ 458313 w 4892"/>
              <a:gd name="T27" fmla="*/ 109157 h 1494"/>
              <a:gd name="T28" fmla="*/ 501446 w 4892"/>
              <a:gd name="T29" fmla="*/ 73012 h 1494"/>
              <a:gd name="T30" fmla="*/ 490602 w 4892"/>
              <a:gd name="T31" fmla="*/ 125783 h 1494"/>
              <a:gd name="T32" fmla="*/ 207229 w 4892"/>
              <a:gd name="T33" fmla="*/ 214699 h 1494"/>
              <a:gd name="T34" fmla="*/ 224337 w 4892"/>
              <a:gd name="T35" fmla="*/ 155904 h 1494"/>
              <a:gd name="T36" fmla="*/ 267711 w 4892"/>
              <a:gd name="T37" fmla="*/ 209880 h 1494"/>
              <a:gd name="T38" fmla="*/ 507711 w 4892"/>
              <a:gd name="T39" fmla="*/ 289398 h 1494"/>
              <a:gd name="T40" fmla="*/ 560964 w 4892"/>
              <a:gd name="T41" fmla="*/ 246265 h 1494"/>
              <a:gd name="T42" fmla="*/ 555904 w 4892"/>
              <a:gd name="T43" fmla="*/ 314458 h 1494"/>
              <a:gd name="T44" fmla="*/ 191084 w 4892"/>
              <a:gd name="T45" fmla="*/ 185301 h 1494"/>
              <a:gd name="T46" fmla="*/ 251807 w 4892"/>
              <a:gd name="T47" fmla="*/ 233012 h 1494"/>
              <a:gd name="T48" fmla="*/ 260241 w 4892"/>
              <a:gd name="T49" fmla="*/ 153494 h 1494"/>
              <a:gd name="T50" fmla="*/ 152048 w 4892"/>
              <a:gd name="T51" fmla="*/ 254458 h 1494"/>
              <a:gd name="T52" fmla="*/ 221446 w 4892"/>
              <a:gd name="T53" fmla="*/ 49157 h 1494"/>
              <a:gd name="T54" fmla="*/ 493253 w 4892"/>
              <a:gd name="T55" fmla="*/ 140241 h 1494"/>
              <a:gd name="T56" fmla="*/ 508193 w 4892"/>
              <a:gd name="T57" fmla="*/ 62410 h 1494"/>
              <a:gd name="T58" fmla="*/ 468675 w 4892"/>
              <a:gd name="T59" fmla="*/ 104578 h 1494"/>
              <a:gd name="T60" fmla="*/ 465783 w 4892"/>
              <a:gd name="T61" fmla="*/ 55663 h 1494"/>
              <a:gd name="T62" fmla="*/ 431566 w 4892"/>
              <a:gd name="T63" fmla="*/ 23373 h 1494"/>
              <a:gd name="T64" fmla="*/ 408675 w 4892"/>
              <a:gd name="T65" fmla="*/ 73735 h 1494"/>
              <a:gd name="T66" fmla="*/ 391807 w 4892"/>
              <a:gd name="T67" fmla="*/ 51084 h 1494"/>
              <a:gd name="T68" fmla="*/ 516867 w 4892"/>
              <a:gd name="T69" fmla="*/ 11325 h 1494"/>
              <a:gd name="T70" fmla="*/ 421205 w 4892"/>
              <a:gd name="T71" fmla="*/ 240723 h 1494"/>
              <a:gd name="T72" fmla="*/ 585542 w 4892"/>
              <a:gd name="T73" fmla="*/ 133253 h 1494"/>
              <a:gd name="T74" fmla="*/ 330361 w 4892"/>
              <a:gd name="T75" fmla="*/ 112289 h 1494"/>
              <a:gd name="T76" fmla="*/ 265060 w 4892"/>
              <a:gd name="T77" fmla="*/ 97108 h 1494"/>
              <a:gd name="T78" fmla="*/ 528434 w 4892"/>
              <a:gd name="T79" fmla="*/ 237108 h 1494"/>
              <a:gd name="T80" fmla="*/ 513735 w 4892"/>
              <a:gd name="T81" fmla="*/ 313253 h 1494"/>
              <a:gd name="T82" fmla="*/ 588434 w 4892"/>
              <a:gd name="T83" fmla="*/ 285060 h 1494"/>
              <a:gd name="T84" fmla="*/ 524337 w 4892"/>
              <a:gd name="T85" fmla="*/ 207711 h 1494"/>
              <a:gd name="T86" fmla="*/ 558313 w 4892"/>
              <a:gd name="T87" fmla="*/ 141928 h 1494"/>
              <a:gd name="T88" fmla="*/ 587229 w 4892"/>
              <a:gd name="T89" fmla="*/ 47470 h 1494"/>
              <a:gd name="T90" fmla="*/ 724337 w 4892"/>
              <a:gd name="T91" fmla="*/ 344096 h 1494"/>
              <a:gd name="T92" fmla="*/ 678313 w 4892"/>
              <a:gd name="T93" fmla="*/ 286988 h 1494"/>
              <a:gd name="T94" fmla="*/ 686988 w 4892"/>
              <a:gd name="T95" fmla="*/ 227711 h 1494"/>
              <a:gd name="T96" fmla="*/ 713253 w 4892"/>
              <a:gd name="T97" fmla="*/ 239036 h 1494"/>
              <a:gd name="T98" fmla="*/ 676385 w 4892"/>
              <a:gd name="T99" fmla="*/ 270843 h 1494"/>
              <a:gd name="T100" fmla="*/ 740241 w 4892"/>
              <a:gd name="T101" fmla="*/ 342892 h 1494"/>
              <a:gd name="T102" fmla="*/ 657831 w 4892"/>
              <a:gd name="T103" fmla="*/ 324578 h 1494"/>
              <a:gd name="T104" fmla="*/ 1126988 w 4892"/>
              <a:gd name="T105" fmla="*/ 357349 h 1494"/>
              <a:gd name="T106" fmla="*/ 1010602 w 4892"/>
              <a:gd name="T107" fmla="*/ 8193 h 1494"/>
              <a:gd name="T108" fmla="*/ 1030843 w 4892"/>
              <a:gd name="T109" fmla="*/ 94458 h 1494"/>
              <a:gd name="T110" fmla="*/ 1005060 w 4892"/>
              <a:gd name="T111" fmla="*/ 63855 h 1494"/>
              <a:gd name="T112" fmla="*/ 1095181 w 4892"/>
              <a:gd name="T113" fmla="*/ 58072 h 1494"/>
              <a:gd name="T114" fmla="*/ 1138795 w 4892"/>
              <a:gd name="T115" fmla="*/ 152289 h 1494"/>
              <a:gd name="T116" fmla="*/ 1092048 w 4892"/>
              <a:gd name="T117" fmla="*/ 188675 h 1494"/>
              <a:gd name="T118" fmla="*/ 1067470 w 4892"/>
              <a:gd name="T119" fmla="*/ 25060 h 1494"/>
              <a:gd name="T120" fmla="*/ 1166988 w 4892"/>
              <a:gd name="T121" fmla="*/ 20241 h 1494"/>
              <a:gd name="T122" fmla="*/ 1147952 w 4892"/>
              <a:gd name="T123" fmla="*/ 187711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668" y="1709739"/>
            <a:ext cx="10752665" cy="1719262"/>
          </a:xfrm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68" y="3573018"/>
            <a:ext cx="10752665" cy="720079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6F4F3E46-15F1-4DAA-8875-5E9D37DE79FC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701806375"/>
      </p:ext>
    </p:extLst>
  </p:cSld>
  <p:clrMapOvr>
    <a:masterClrMapping/>
  </p:clrMapOvr>
  <p:transition spd="slow">
    <p:push dir="u"/>
  </p:transition>
  <p:hf hdr="0" ftr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tsikollinen kuv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4" y="4800600"/>
            <a:ext cx="85966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77334" y="609600"/>
            <a:ext cx="8596668" cy="3845718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fi-FI" smtClean="0"/>
              <a:t>Lisää kuva napsauttamalla kuvaketta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77334" y="5367338"/>
            <a:ext cx="8596667" cy="674024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i-FI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429459132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 [orange]">
    <p:bg>
      <p:bgPr>
        <a:solidFill>
          <a:srgbClr val="FF993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9899651" y="333375"/>
            <a:ext cx="1572683" cy="360363"/>
          </a:xfrm>
          <a:custGeom>
            <a:avLst/>
            <a:gdLst>
              <a:gd name="T0" fmla="*/ 200723 w 4892"/>
              <a:gd name="T1" fmla="*/ 46024 h 1494"/>
              <a:gd name="T2" fmla="*/ 136626 w 4892"/>
              <a:gd name="T3" fmla="*/ 264819 h 1494"/>
              <a:gd name="T4" fmla="*/ 384337 w 4892"/>
              <a:gd name="T5" fmla="*/ 261928 h 1494"/>
              <a:gd name="T6" fmla="*/ 324578 w 4892"/>
              <a:gd name="T7" fmla="*/ 339518 h 1494"/>
              <a:gd name="T8" fmla="*/ 317590 w 4892"/>
              <a:gd name="T9" fmla="*/ 86265 h 1494"/>
              <a:gd name="T10" fmla="*/ 286747 w 4892"/>
              <a:gd name="T11" fmla="*/ 133494 h 1494"/>
              <a:gd name="T12" fmla="*/ 380482 w 4892"/>
              <a:gd name="T13" fmla="*/ 357349 h 1494"/>
              <a:gd name="T14" fmla="*/ 398072 w 4892"/>
              <a:gd name="T15" fmla="*/ 227711 h 1494"/>
              <a:gd name="T16" fmla="*/ 373976 w 4892"/>
              <a:gd name="T17" fmla="*/ 21687 h 1494"/>
              <a:gd name="T18" fmla="*/ 375181 w 4892"/>
              <a:gd name="T19" fmla="*/ 78795 h 1494"/>
              <a:gd name="T20" fmla="*/ 415663 w 4892"/>
              <a:gd name="T21" fmla="*/ 69880 h 1494"/>
              <a:gd name="T22" fmla="*/ 443373 w 4892"/>
              <a:gd name="T23" fmla="*/ 24578 h 1494"/>
              <a:gd name="T24" fmla="*/ 461928 w 4892"/>
              <a:gd name="T25" fmla="*/ 63855 h 1494"/>
              <a:gd name="T26" fmla="*/ 458313 w 4892"/>
              <a:gd name="T27" fmla="*/ 109157 h 1494"/>
              <a:gd name="T28" fmla="*/ 501446 w 4892"/>
              <a:gd name="T29" fmla="*/ 73012 h 1494"/>
              <a:gd name="T30" fmla="*/ 490602 w 4892"/>
              <a:gd name="T31" fmla="*/ 125783 h 1494"/>
              <a:gd name="T32" fmla="*/ 207229 w 4892"/>
              <a:gd name="T33" fmla="*/ 214699 h 1494"/>
              <a:gd name="T34" fmla="*/ 224337 w 4892"/>
              <a:gd name="T35" fmla="*/ 155904 h 1494"/>
              <a:gd name="T36" fmla="*/ 267711 w 4892"/>
              <a:gd name="T37" fmla="*/ 209880 h 1494"/>
              <a:gd name="T38" fmla="*/ 507711 w 4892"/>
              <a:gd name="T39" fmla="*/ 289398 h 1494"/>
              <a:gd name="T40" fmla="*/ 560964 w 4892"/>
              <a:gd name="T41" fmla="*/ 246265 h 1494"/>
              <a:gd name="T42" fmla="*/ 555904 w 4892"/>
              <a:gd name="T43" fmla="*/ 314458 h 1494"/>
              <a:gd name="T44" fmla="*/ 191084 w 4892"/>
              <a:gd name="T45" fmla="*/ 185301 h 1494"/>
              <a:gd name="T46" fmla="*/ 251807 w 4892"/>
              <a:gd name="T47" fmla="*/ 233012 h 1494"/>
              <a:gd name="T48" fmla="*/ 260241 w 4892"/>
              <a:gd name="T49" fmla="*/ 153494 h 1494"/>
              <a:gd name="T50" fmla="*/ 152048 w 4892"/>
              <a:gd name="T51" fmla="*/ 254458 h 1494"/>
              <a:gd name="T52" fmla="*/ 221446 w 4892"/>
              <a:gd name="T53" fmla="*/ 49157 h 1494"/>
              <a:gd name="T54" fmla="*/ 493253 w 4892"/>
              <a:gd name="T55" fmla="*/ 140241 h 1494"/>
              <a:gd name="T56" fmla="*/ 508193 w 4892"/>
              <a:gd name="T57" fmla="*/ 62410 h 1494"/>
              <a:gd name="T58" fmla="*/ 468675 w 4892"/>
              <a:gd name="T59" fmla="*/ 104578 h 1494"/>
              <a:gd name="T60" fmla="*/ 465783 w 4892"/>
              <a:gd name="T61" fmla="*/ 55663 h 1494"/>
              <a:gd name="T62" fmla="*/ 431566 w 4892"/>
              <a:gd name="T63" fmla="*/ 23373 h 1494"/>
              <a:gd name="T64" fmla="*/ 408675 w 4892"/>
              <a:gd name="T65" fmla="*/ 73735 h 1494"/>
              <a:gd name="T66" fmla="*/ 391807 w 4892"/>
              <a:gd name="T67" fmla="*/ 51084 h 1494"/>
              <a:gd name="T68" fmla="*/ 516867 w 4892"/>
              <a:gd name="T69" fmla="*/ 11325 h 1494"/>
              <a:gd name="T70" fmla="*/ 421205 w 4892"/>
              <a:gd name="T71" fmla="*/ 240723 h 1494"/>
              <a:gd name="T72" fmla="*/ 585542 w 4892"/>
              <a:gd name="T73" fmla="*/ 133253 h 1494"/>
              <a:gd name="T74" fmla="*/ 330361 w 4892"/>
              <a:gd name="T75" fmla="*/ 112289 h 1494"/>
              <a:gd name="T76" fmla="*/ 265060 w 4892"/>
              <a:gd name="T77" fmla="*/ 97108 h 1494"/>
              <a:gd name="T78" fmla="*/ 528434 w 4892"/>
              <a:gd name="T79" fmla="*/ 237108 h 1494"/>
              <a:gd name="T80" fmla="*/ 513735 w 4892"/>
              <a:gd name="T81" fmla="*/ 313253 h 1494"/>
              <a:gd name="T82" fmla="*/ 588434 w 4892"/>
              <a:gd name="T83" fmla="*/ 285060 h 1494"/>
              <a:gd name="T84" fmla="*/ 524337 w 4892"/>
              <a:gd name="T85" fmla="*/ 207711 h 1494"/>
              <a:gd name="T86" fmla="*/ 558313 w 4892"/>
              <a:gd name="T87" fmla="*/ 141928 h 1494"/>
              <a:gd name="T88" fmla="*/ 587229 w 4892"/>
              <a:gd name="T89" fmla="*/ 47470 h 1494"/>
              <a:gd name="T90" fmla="*/ 724337 w 4892"/>
              <a:gd name="T91" fmla="*/ 344096 h 1494"/>
              <a:gd name="T92" fmla="*/ 678313 w 4892"/>
              <a:gd name="T93" fmla="*/ 286988 h 1494"/>
              <a:gd name="T94" fmla="*/ 686988 w 4892"/>
              <a:gd name="T95" fmla="*/ 227711 h 1494"/>
              <a:gd name="T96" fmla="*/ 713253 w 4892"/>
              <a:gd name="T97" fmla="*/ 239036 h 1494"/>
              <a:gd name="T98" fmla="*/ 676385 w 4892"/>
              <a:gd name="T99" fmla="*/ 270843 h 1494"/>
              <a:gd name="T100" fmla="*/ 740241 w 4892"/>
              <a:gd name="T101" fmla="*/ 342892 h 1494"/>
              <a:gd name="T102" fmla="*/ 657831 w 4892"/>
              <a:gd name="T103" fmla="*/ 324578 h 1494"/>
              <a:gd name="T104" fmla="*/ 1126988 w 4892"/>
              <a:gd name="T105" fmla="*/ 357349 h 1494"/>
              <a:gd name="T106" fmla="*/ 1010602 w 4892"/>
              <a:gd name="T107" fmla="*/ 8193 h 1494"/>
              <a:gd name="T108" fmla="*/ 1030843 w 4892"/>
              <a:gd name="T109" fmla="*/ 94458 h 1494"/>
              <a:gd name="T110" fmla="*/ 1005060 w 4892"/>
              <a:gd name="T111" fmla="*/ 63855 h 1494"/>
              <a:gd name="T112" fmla="*/ 1095181 w 4892"/>
              <a:gd name="T113" fmla="*/ 58072 h 1494"/>
              <a:gd name="T114" fmla="*/ 1138795 w 4892"/>
              <a:gd name="T115" fmla="*/ 152289 h 1494"/>
              <a:gd name="T116" fmla="*/ 1092048 w 4892"/>
              <a:gd name="T117" fmla="*/ 188675 h 1494"/>
              <a:gd name="T118" fmla="*/ 1067470 w 4892"/>
              <a:gd name="T119" fmla="*/ 25060 h 1494"/>
              <a:gd name="T120" fmla="*/ 1166988 w 4892"/>
              <a:gd name="T121" fmla="*/ 20241 h 1494"/>
              <a:gd name="T122" fmla="*/ 1147952 w 4892"/>
              <a:gd name="T123" fmla="*/ 187711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668" y="1709739"/>
            <a:ext cx="10752665" cy="1719262"/>
          </a:xfrm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68" y="3573018"/>
            <a:ext cx="10752665" cy="720079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90FFA846-A28E-4720-A59D-5382E0A89C40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891028540"/>
      </p:ext>
    </p:extLst>
  </p:cSld>
  <p:clrMapOvr>
    <a:masterClrMapping/>
  </p:clrMapOvr>
  <p:transition spd="slow">
    <p:push dir="u"/>
  </p:transition>
  <p:hf hdr="0" ftr="0"/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Header [picture]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2" y="0"/>
            <a:ext cx="12191999" cy="6858000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668" y="1709739"/>
            <a:ext cx="10752665" cy="1719262"/>
          </a:xfrm>
        </p:spPr>
        <p:txBody>
          <a:bodyPr/>
          <a:lstStyle>
            <a:lvl1pPr>
              <a:defRPr sz="3200">
                <a:solidFill>
                  <a:schemeClr val="bg1"/>
                </a:solidFill>
                <a:effectLst>
                  <a:outerShdw blurRad="254000" algn="ctr" rotWithShape="0">
                    <a:prstClr val="black">
                      <a:alpha val="30000"/>
                    </a:prstClr>
                  </a:outerShdw>
                </a:effectLst>
              </a:defRPr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68" y="3573018"/>
            <a:ext cx="10752665" cy="720079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  <a:effectLst>
                  <a:outerShdw blurRad="254000" algn="ctr" rotWithShape="0">
                    <a:prstClr val="black">
                      <a:alpha val="30000"/>
                    </a:prstClr>
                  </a:outerShdw>
                </a:effectLst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9" name="Text Placeholder 8"/>
          <p:cNvSpPr>
            <a:spLocks noGrp="1" noChangeAspect="1"/>
          </p:cNvSpPr>
          <p:nvPr>
            <p:ph type="body" sz="quarter" idx="14"/>
          </p:nvPr>
        </p:nvSpPr>
        <p:spPr>
          <a:xfrm>
            <a:off x="9904312" y="332150"/>
            <a:ext cx="1568021" cy="360000"/>
          </a:xfrm>
          <a:blipFill>
            <a:blip r:embed="rId2"/>
            <a:stretch>
              <a:fillRect/>
            </a:stretch>
          </a:blipFill>
          <a:effectLst>
            <a:outerShdw blurRad="190500" algn="ctr" rotWithShape="0">
              <a:prstClr val="black">
                <a:alpha val="20000"/>
              </a:prstClr>
            </a:outerShdw>
          </a:effectLst>
        </p:spPr>
        <p:txBody>
          <a:bodyPr/>
          <a:lstStyle>
            <a:lvl1pPr marL="0" indent="0">
              <a:buNone/>
              <a:defRPr sz="400">
                <a:noFill/>
              </a:defRPr>
            </a:lvl1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17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F7CD457-FA8E-4654-A3F9-B831DEC341DA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714512148"/>
      </p:ext>
    </p:extLst>
  </p:cSld>
  <p:clrMapOvr>
    <a:masterClrMapping/>
  </p:clrMapOvr>
  <p:transition spd="slow">
    <p:push dir="u"/>
  </p:transition>
  <p:hf hdr="0" ftr="0"/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v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6096002" y="0"/>
            <a:ext cx="6095999" cy="6858000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668" y="1709739"/>
            <a:ext cx="4800269" cy="1719262"/>
          </a:xfrm>
        </p:spPr>
        <p:txBody>
          <a:bodyPr/>
          <a:lstStyle>
            <a:lvl1pPr>
              <a:defRPr sz="3200"/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68" y="3573018"/>
            <a:ext cx="4800269" cy="720079"/>
          </a:xfrm>
        </p:spPr>
        <p:txBody>
          <a:bodyPr/>
          <a:lstStyle>
            <a:lvl1pPr marL="0" indent="0">
              <a:buNone/>
              <a:defRPr sz="2000">
                <a:solidFill>
                  <a:schemeClr val="accent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6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B4675AD-0A22-497B-8707-EF9A314CC9AF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588250062"/>
      </p:ext>
    </p:extLst>
  </p:cSld>
  <p:clrMapOvr>
    <a:masterClrMapping/>
  </p:clrMapOvr>
  <p:transition spd="slow">
    <p:push dir="u"/>
  </p:transition>
  <p:hf hdr="0" ftr="0"/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vider [green]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6096002" y="0"/>
            <a:ext cx="6095999" cy="6858000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668" y="1709739"/>
            <a:ext cx="4800600" cy="1719262"/>
          </a:xfrm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68" y="3573018"/>
            <a:ext cx="4800600" cy="720079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6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4913A37-AF8F-421B-8DEC-522B96700351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1042962839"/>
      </p:ext>
    </p:extLst>
  </p:cSld>
  <p:clrMapOvr>
    <a:masterClrMapping/>
  </p:clrMapOvr>
  <p:transition spd="slow">
    <p:push dir="u"/>
  </p:transition>
  <p:hf hdr="0" ftr="0"/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vider [orange]">
    <p:bg>
      <p:bgPr>
        <a:solidFill>
          <a:srgbClr val="FF993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6096002" y="0"/>
            <a:ext cx="6095999" cy="6858000"/>
          </a:xfrm>
          <a:solidFill>
            <a:schemeClr val="accent4"/>
          </a:solidFill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uva napsauttamalla kuvaketta</a:t>
            </a:r>
            <a:endParaRPr lang="en-GB" noProof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668" y="1709739"/>
            <a:ext cx="4800600" cy="1719262"/>
          </a:xfrm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68" y="3573018"/>
            <a:ext cx="4800600" cy="720079"/>
          </a:xfrm>
        </p:spPr>
        <p:txBody>
          <a:bodyPr/>
          <a:lstStyle>
            <a:lvl1pPr marL="0" indent="0">
              <a:buNone/>
              <a:defRPr sz="20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 smtClean="0">
                <a:noFill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6"/>
          </p:nvPr>
        </p:nvSpPr>
        <p:spPr>
          <a:noFill/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97A286D9-43CA-42FB-A1F4-9004D309113E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733806"/>
      </p:ext>
    </p:extLst>
  </p:cSld>
  <p:clrMapOvr>
    <a:masterClrMapping/>
  </p:clrMapOvr>
  <p:transition spd="slow">
    <p:push dir="u"/>
  </p:transition>
  <p:hf hdr="0" ftr="0"/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7"/>
          <p:cNvCxnSpPr/>
          <p:nvPr/>
        </p:nvCxnSpPr>
        <p:spPr>
          <a:xfrm>
            <a:off x="6096000" y="1557338"/>
            <a:ext cx="0" cy="4608512"/>
          </a:xfrm>
          <a:prstGeom prst="line">
            <a:avLst/>
          </a:prstGeom>
          <a:ln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19668" y="1557338"/>
            <a:ext cx="5184312" cy="4608511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88021" y="1557338"/>
            <a:ext cx="5184312" cy="4608511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7E444EE-6995-4B8C-8A67-F6AFFDB9BA33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1733214262"/>
      </p:ext>
    </p:extLst>
  </p:cSld>
  <p:clrMapOvr>
    <a:masterClrMapping/>
  </p:clrMapOvr>
  <p:transition spd="slow">
    <p:push dir="u"/>
  </p:transition>
  <p:hf hdr="0" ftr="0"/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" name="Straight Connector 11"/>
          <p:cNvCxnSpPr/>
          <p:nvPr/>
        </p:nvCxnSpPr>
        <p:spPr>
          <a:xfrm>
            <a:off x="6096000" y="1557338"/>
            <a:ext cx="0" cy="4608512"/>
          </a:xfrm>
          <a:prstGeom prst="line">
            <a:avLst/>
          </a:prstGeom>
          <a:ln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67" y="1557339"/>
            <a:ext cx="5184311" cy="575518"/>
          </a:xfrm>
        </p:spPr>
        <p:txBody>
          <a:bodyPr/>
          <a:lstStyle>
            <a:lvl1pPr marL="0" indent="0"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9668" y="2132857"/>
            <a:ext cx="5184312" cy="4032994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88021" y="1557339"/>
            <a:ext cx="5184312" cy="575518"/>
          </a:xfrm>
        </p:spPr>
        <p:txBody>
          <a:bodyPr/>
          <a:lstStyle>
            <a:lvl1pPr marL="0" indent="0"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88021" y="2132857"/>
            <a:ext cx="5184312" cy="4032994"/>
          </a:xfrm>
        </p:spPr>
        <p:txBody>
          <a:bodyPr/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GB"/>
          </a:p>
        </p:txBody>
      </p:sp>
      <p:sp>
        <p:nvSpPr>
          <p:cNvPr id="8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9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11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24EBE7D-5DD4-45BD-A9BD-52F66D0A40F5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1344698972"/>
      </p:ext>
    </p:extLst>
  </p:cSld>
  <p:clrMapOvr>
    <a:masterClrMapping/>
  </p:clrMapOvr>
  <p:transition spd="slow">
    <p:push dir="u"/>
  </p:transition>
  <p:hf hdr="0" ftr="0"/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har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17"/>
          <p:cNvSpPr/>
          <p:nvPr/>
        </p:nvSpPr>
        <p:spPr>
          <a:xfrm>
            <a:off x="719667" y="2205039"/>
            <a:ext cx="5183717" cy="3095625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>
              <a:defRPr/>
            </a:pPr>
            <a:endParaRPr lang="en-GB" sz="1800"/>
          </a:p>
        </p:txBody>
      </p:sp>
      <p:sp>
        <p:nvSpPr>
          <p:cNvPr id="12" name="Rectangle 18"/>
          <p:cNvSpPr/>
          <p:nvPr/>
        </p:nvSpPr>
        <p:spPr>
          <a:xfrm>
            <a:off x="6288618" y="2205039"/>
            <a:ext cx="5183716" cy="3095625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>
              <a:defRPr/>
            </a:pPr>
            <a:endParaRPr lang="en-GB" sz="1800"/>
          </a:p>
        </p:txBody>
      </p:sp>
      <p:cxnSp>
        <p:nvCxnSpPr>
          <p:cNvPr id="14" name="Straight Connector 11"/>
          <p:cNvCxnSpPr/>
          <p:nvPr/>
        </p:nvCxnSpPr>
        <p:spPr>
          <a:xfrm>
            <a:off x="6096000" y="1557338"/>
            <a:ext cx="0" cy="4608512"/>
          </a:xfrm>
          <a:prstGeom prst="line">
            <a:avLst/>
          </a:prstGeom>
          <a:ln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81" y="1557339"/>
            <a:ext cx="5184740" cy="5755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88020" y="1557339"/>
            <a:ext cx="5184313" cy="5755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GB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3"/>
          </p:nvPr>
        </p:nvSpPr>
        <p:spPr>
          <a:xfrm>
            <a:off x="719682" y="5373216"/>
            <a:ext cx="5184741" cy="792634"/>
          </a:xfrm>
        </p:spPr>
        <p:txBody>
          <a:bodyPr/>
          <a:lstStyle>
            <a:lvl1pPr>
              <a:lnSpc>
                <a:spcPct val="100000"/>
              </a:lnSpc>
              <a:spcBef>
                <a:spcPts val="200"/>
              </a:spcBef>
              <a:defRPr sz="1400"/>
            </a:lvl1pPr>
            <a:lvl2pPr>
              <a:lnSpc>
                <a:spcPct val="100000"/>
              </a:lnSpc>
              <a:spcBef>
                <a:spcPts val="200"/>
              </a:spcBef>
              <a:defRPr sz="1200"/>
            </a:lvl2pPr>
            <a:lvl3pPr>
              <a:lnSpc>
                <a:spcPct val="100000"/>
              </a:lnSpc>
              <a:spcBef>
                <a:spcPts val="200"/>
              </a:spcBef>
              <a:defRPr sz="1100"/>
            </a:lvl3pPr>
            <a:lvl4pPr>
              <a:lnSpc>
                <a:spcPct val="100000"/>
              </a:lnSpc>
              <a:spcBef>
                <a:spcPts val="200"/>
              </a:spcBef>
              <a:defRPr sz="1100"/>
            </a:lvl4pPr>
            <a:lvl5pPr>
              <a:lnSpc>
                <a:spcPct val="100000"/>
              </a:lnSpc>
              <a:spcBef>
                <a:spcPts val="200"/>
              </a:spcBef>
              <a:defRPr sz="1050"/>
            </a:lvl5pPr>
          </a:lstStyle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</p:txBody>
      </p:sp>
      <p:sp>
        <p:nvSpPr>
          <p:cNvPr id="13" name="Text Placeholder 10"/>
          <p:cNvSpPr>
            <a:spLocks noGrp="1"/>
          </p:cNvSpPr>
          <p:nvPr>
            <p:ph type="body" sz="quarter" idx="14"/>
          </p:nvPr>
        </p:nvSpPr>
        <p:spPr>
          <a:xfrm>
            <a:off x="6288020" y="5373216"/>
            <a:ext cx="5184313" cy="792634"/>
          </a:xfrm>
        </p:spPr>
        <p:txBody>
          <a:bodyPr/>
          <a:lstStyle>
            <a:lvl1pPr>
              <a:lnSpc>
                <a:spcPct val="100000"/>
              </a:lnSpc>
              <a:spcBef>
                <a:spcPts val="200"/>
              </a:spcBef>
              <a:defRPr sz="1400"/>
            </a:lvl1pPr>
            <a:lvl2pPr>
              <a:lnSpc>
                <a:spcPct val="100000"/>
              </a:lnSpc>
              <a:spcBef>
                <a:spcPts val="200"/>
              </a:spcBef>
              <a:defRPr sz="1200"/>
            </a:lvl2pPr>
            <a:lvl3pPr>
              <a:lnSpc>
                <a:spcPct val="100000"/>
              </a:lnSpc>
              <a:spcBef>
                <a:spcPts val="200"/>
              </a:spcBef>
              <a:defRPr sz="1100"/>
            </a:lvl3pPr>
            <a:lvl4pPr>
              <a:lnSpc>
                <a:spcPct val="100000"/>
              </a:lnSpc>
              <a:spcBef>
                <a:spcPts val="200"/>
              </a:spcBef>
              <a:defRPr sz="1100"/>
            </a:lvl4pPr>
            <a:lvl5pPr>
              <a:lnSpc>
                <a:spcPct val="100000"/>
              </a:lnSpc>
              <a:spcBef>
                <a:spcPts val="200"/>
              </a:spcBef>
              <a:defRPr sz="1050"/>
            </a:lvl5pPr>
          </a:lstStyle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</p:txBody>
      </p:sp>
      <p:sp>
        <p:nvSpPr>
          <p:cNvPr id="21" name="Chart Placeholder 20"/>
          <p:cNvSpPr>
            <a:spLocks noGrp="1"/>
          </p:cNvSpPr>
          <p:nvPr>
            <p:ph type="chart" sz="quarter" idx="15"/>
          </p:nvPr>
        </p:nvSpPr>
        <p:spPr>
          <a:xfrm>
            <a:off x="719667" y="2205040"/>
            <a:ext cx="5184312" cy="3095625"/>
          </a:xfrm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aavio napsauttamalla kuvaketta</a:t>
            </a:r>
            <a:endParaRPr lang="en-GB" noProof="0"/>
          </a:p>
        </p:txBody>
      </p:sp>
      <p:sp>
        <p:nvSpPr>
          <p:cNvPr id="22" name="Chart Placeholder 20"/>
          <p:cNvSpPr>
            <a:spLocks noGrp="1"/>
          </p:cNvSpPr>
          <p:nvPr>
            <p:ph type="chart" sz="quarter" idx="16"/>
          </p:nvPr>
        </p:nvSpPr>
        <p:spPr>
          <a:xfrm>
            <a:off x="6288021" y="2205040"/>
            <a:ext cx="5184313" cy="3095625"/>
          </a:xfrm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aavio napsauttamalla kuvaketta</a:t>
            </a:r>
            <a:endParaRPr lang="en-GB" noProof="0"/>
          </a:p>
        </p:txBody>
      </p:sp>
      <p:sp>
        <p:nvSpPr>
          <p:cNvPr id="15" name="Date Placeholder 6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16" name="Footer Placeholder 7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17" name="Slide Number Placeholder 8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/>
            </a:lvl1pPr>
          </a:lstStyle>
          <a:p>
            <a:fld id="{A030D055-42B6-4B2F-9C77-6AF089E00E1D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3175505124"/>
      </p:ext>
    </p:extLst>
  </p:cSld>
  <p:clrMapOvr>
    <a:masterClrMapping/>
  </p:clrMapOvr>
  <p:transition spd="slow">
    <p:push dir="u"/>
  </p:transition>
  <p:hf hdr="0" ftr="0"/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17"/>
          <p:cNvSpPr/>
          <p:nvPr/>
        </p:nvSpPr>
        <p:spPr>
          <a:xfrm>
            <a:off x="719667" y="2205039"/>
            <a:ext cx="10752667" cy="3095625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>
              <a:defRPr/>
            </a:pPr>
            <a:endParaRPr lang="en-GB" sz="1800"/>
          </a:p>
        </p:txBody>
      </p:sp>
      <p:cxnSp>
        <p:nvCxnSpPr>
          <p:cNvPr id="8" name="Straight Connector 14"/>
          <p:cNvCxnSpPr/>
          <p:nvPr/>
        </p:nvCxnSpPr>
        <p:spPr>
          <a:xfrm>
            <a:off x="6096000" y="5373688"/>
            <a:ext cx="0" cy="792162"/>
          </a:xfrm>
          <a:prstGeom prst="line">
            <a:avLst/>
          </a:prstGeom>
          <a:ln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667" y="1557339"/>
            <a:ext cx="10752667" cy="5755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20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smtClean="0"/>
              <a:t>Muokkaa tekstin perustyylejä napsauttamalla</a:t>
            </a:r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GB"/>
          </a:p>
        </p:txBody>
      </p:sp>
      <p:sp>
        <p:nvSpPr>
          <p:cNvPr id="21" name="Chart Placeholder 20"/>
          <p:cNvSpPr>
            <a:spLocks noGrp="1"/>
          </p:cNvSpPr>
          <p:nvPr>
            <p:ph type="chart" sz="quarter" idx="15"/>
          </p:nvPr>
        </p:nvSpPr>
        <p:spPr>
          <a:xfrm>
            <a:off x="719667" y="2205040"/>
            <a:ext cx="10752667" cy="3095625"/>
          </a:xfrm>
        </p:spPr>
        <p:txBody>
          <a:bodyPr rtlCol="0">
            <a:noAutofit/>
          </a:bodyPr>
          <a:lstStyle>
            <a:lvl1pPr marL="0" indent="0">
              <a:buFontTx/>
              <a:buNone/>
              <a:defRPr sz="1800"/>
            </a:lvl1pPr>
          </a:lstStyle>
          <a:p>
            <a:pPr lvl="0"/>
            <a:r>
              <a:rPr lang="fi-FI" noProof="0" smtClean="0"/>
              <a:t>Lisää kaavio napsauttamalla kuvaketta</a:t>
            </a:r>
            <a:endParaRPr lang="en-GB" noProof="0"/>
          </a:p>
        </p:txBody>
      </p:sp>
      <p:sp>
        <p:nvSpPr>
          <p:cNvPr id="16" name="Text Placeholder 10"/>
          <p:cNvSpPr>
            <a:spLocks noGrp="1"/>
          </p:cNvSpPr>
          <p:nvPr>
            <p:ph type="body" sz="quarter" idx="13"/>
          </p:nvPr>
        </p:nvSpPr>
        <p:spPr>
          <a:xfrm>
            <a:off x="719668" y="5373216"/>
            <a:ext cx="5184312" cy="792634"/>
          </a:xfrm>
        </p:spPr>
        <p:txBody>
          <a:bodyPr/>
          <a:lstStyle>
            <a:lvl1pPr>
              <a:lnSpc>
                <a:spcPct val="100000"/>
              </a:lnSpc>
              <a:spcBef>
                <a:spcPts val="200"/>
              </a:spcBef>
              <a:defRPr sz="1400"/>
            </a:lvl1pPr>
            <a:lvl2pPr>
              <a:lnSpc>
                <a:spcPct val="100000"/>
              </a:lnSpc>
              <a:spcBef>
                <a:spcPts val="200"/>
              </a:spcBef>
              <a:defRPr sz="1200"/>
            </a:lvl2pPr>
            <a:lvl3pPr>
              <a:lnSpc>
                <a:spcPct val="100000"/>
              </a:lnSpc>
              <a:spcBef>
                <a:spcPts val="200"/>
              </a:spcBef>
              <a:defRPr sz="1100"/>
            </a:lvl3pPr>
            <a:lvl4pPr>
              <a:lnSpc>
                <a:spcPct val="100000"/>
              </a:lnSpc>
              <a:spcBef>
                <a:spcPts val="200"/>
              </a:spcBef>
              <a:defRPr sz="1100"/>
            </a:lvl4pPr>
            <a:lvl5pPr>
              <a:lnSpc>
                <a:spcPct val="100000"/>
              </a:lnSpc>
              <a:spcBef>
                <a:spcPts val="200"/>
              </a:spcBef>
              <a:defRPr sz="1050"/>
            </a:lvl5pPr>
          </a:lstStyle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</p:txBody>
      </p:sp>
      <p:sp>
        <p:nvSpPr>
          <p:cNvPr id="17" name="Text Placeholder 10"/>
          <p:cNvSpPr>
            <a:spLocks noGrp="1"/>
          </p:cNvSpPr>
          <p:nvPr>
            <p:ph type="body" sz="quarter" idx="14"/>
          </p:nvPr>
        </p:nvSpPr>
        <p:spPr>
          <a:xfrm>
            <a:off x="6288021" y="5373216"/>
            <a:ext cx="5184312" cy="792634"/>
          </a:xfrm>
        </p:spPr>
        <p:txBody>
          <a:bodyPr/>
          <a:lstStyle>
            <a:lvl1pPr>
              <a:lnSpc>
                <a:spcPct val="100000"/>
              </a:lnSpc>
              <a:spcBef>
                <a:spcPts val="200"/>
              </a:spcBef>
              <a:defRPr sz="1400"/>
            </a:lvl1pPr>
            <a:lvl2pPr>
              <a:lnSpc>
                <a:spcPct val="100000"/>
              </a:lnSpc>
              <a:spcBef>
                <a:spcPts val="200"/>
              </a:spcBef>
              <a:defRPr sz="1200"/>
            </a:lvl2pPr>
            <a:lvl3pPr>
              <a:lnSpc>
                <a:spcPct val="100000"/>
              </a:lnSpc>
              <a:spcBef>
                <a:spcPts val="200"/>
              </a:spcBef>
              <a:defRPr sz="1100"/>
            </a:lvl3pPr>
            <a:lvl4pPr>
              <a:lnSpc>
                <a:spcPct val="100000"/>
              </a:lnSpc>
              <a:spcBef>
                <a:spcPts val="200"/>
              </a:spcBef>
              <a:defRPr sz="1100"/>
            </a:lvl4pPr>
            <a:lvl5pPr>
              <a:lnSpc>
                <a:spcPct val="100000"/>
              </a:lnSpc>
              <a:spcBef>
                <a:spcPts val="200"/>
              </a:spcBef>
              <a:defRPr sz="1050"/>
            </a:lvl5pPr>
          </a:lstStyle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</p:txBody>
      </p:sp>
      <p:sp>
        <p:nvSpPr>
          <p:cNvPr id="9" name="Date Placeholder 6"/>
          <p:cNvSpPr>
            <a:spLocks noGrp="1"/>
          </p:cNvSpPr>
          <p:nvPr>
            <p:ph type="dt" sz="half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11" name="Footer Placeholder 7"/>
          <p:cNvSpPr>
            <a:spLocks noGrp="1"/>
          </p:cNvSpPr>
          <p:nvPr>
            <p:ph type="ftr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12" name="Slide Number Placeholder 8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fld id="{889E8530-AF18-4E2C-A1AA-08D874AF7130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2721076938"/>
      </p:ext>
    </p:extLst>
  </p:cSld>
  <p:clrMapOvr>
    <a:masterClrMapping/>
  </p:clrMapOvr>
  <p:transition spd="slow">
    <p:push dir="u"/>
  </p:transition>
  <p:hf hdr="0" ftr="0"/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smtClean="0"/>
              <a:t>Muokkaa perustyyl. napsautt.</a:t>
            </a:r>
            <a:endParaRPr lang="en-US"/>
          </a:p>
        </p:txBody>
      </p:sp>
      <p:sp>
        <p:nvSpPr>
          <p:cNvPr id="3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65DBCA0-F50D-407F-925A-59E87C913EDC}" type="slidenum">
              <a:rPr lang="fi-FI" altLang="fi-FI"/>
              <a:pPr/>
              <a:t>‹#›</a:t>
            </a:fld>
            <a:endParaRPr lang="fi-FI" altLang="fi-FI"/>
          </a:p>
        </p:txBody>
      </p:sp>
    </p:spTree>
    <p:extLst>
      <p:ext uri="{BB962C8B-B14F-4D97-AF65-F5344CB8AC3E}">
        <p14:creationId xmlns:p14="http://schemas.microsoft.com/office/powerpoint/2010/main" val="4060175079"/>
      </p:ext>
    </p:extLst>
  </p:cSld>
  <p:clrMapOvr>
    <a:masterClrMapping/>
  </p:clrMapOvr>
  <p:transition spd="slow">
    <p:push dir="u"/>
  </p:transition>
  <p:hf hdr="0" ftr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11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1.xml"/><Relationship Id="rId10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0.xml"/><Relationship Id="rId9" Type="http://schemas.openxmlformats.org/officeDocument/2006/relationships/slideLayout" Target="../slideLayouts/slideLayout25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5.xml"/><Relationship Id="rId13" Type="http://schemas.openxmlformats.org/officeDocument/2006/relationships/slideLayout" Target="../slideLayouts/slideLayout40.xml"/><Relationship Id="rId3" Type="http://schemas.openxmlformats.org/officeDocument/2006/relationships/slideLayout" Target="../slideLayouts/slideLayout30.xml"/><Relationship Id="rId7" Type="http://schemas.openxmlformats.org/officeDocument/2006/relationships/slideLayout" Target="../slideLayouts/slideLayout34.xml"/><Relationship Id="rId12" Type="http://schemas.openxmlformats.org/officeDocument/2006/relationships/slideLayout" Target="../slideLayouts/slideLayout39.xml"/><Relationship Id="rId2" Type="http://schemas.openxmlformats.org/officeDocument/2006/relationships/slideLayout" Target="../slideLayouts/slideLayout29.xml"/><Relationship Id="rId16" Type="http://schemas.openxmlformats.org/officeDocument/2006/relationships/image" Target="../media/image1.jpg"/><Relationship Id="rId1" Type="http://schemas.openxmlformats.org/officeDocument/2006/relationships/slideLayout" Target="../slideLayouts/slideLayout28.xml"/><Relationship Id="rId6" Type="http://schemas.openxmlformats.org/officeDocument/2006/relationships/slideLayout" Target="../slideLayouts/slideLayout33.xml"/><Relationship Id="rId11" Type="http://schemas.openxmlformats.org/officeDocument/2006/relationships/slideLayout" Target="../slideLayouts/slideLayout38.xml"/><Relationship Id="rId5" Type="http://schemas.openxmlformats.org/officeDocument/2006/relationships/slideLayout" Target="../slideLayouts/slideLayout32.xml"/><Relationship Id="rId15" Type="http://schemas.openxmlformats.org/officeDocument/2006/relationships/theme" Target="../theme/theme3.xml"/><Relationship Id="rId10" Type="http://schemas.openxmlformats.org/officeDocument/2006/relationships/slideLayout" Target="../slideLayouts/slideLayout37.xml"/><Relationship Id="rId4" Type="http://schemas.openxmlformats.org/officeDocument/2006/relationships/slideLayout" Target="../slideLayouts/slideLayout31.xml"/><Relationship Id="rId9" Type="http://schemas.openxmlformats.org/officeDocument/2006/relationships/slideLayout" Target="../slideLayouts/slideLayout36.xml"/><Relationship Id="rId14" Type="http://schemas.openxmlformats.org/officeDocument/2006/relationships/slideLayout" Target="../slideLayouts/slideLayout41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9.xml"/><Relationship Id="rId13" Type="http://schemas.openxmlformats.org/officeDocument/2006/relationships/slideLayout" Target="../slideLayouts/slideLayout54.xml"/><Relationship Id="rId18" Type="http://schemas.openxmlformats.org/officeDocument/2006/relationships/slideLayout" Target="../slideLayouts/slideLayout59.xml"/><Relationship Id="rId26" Type="http://schemas.openxmlformats.org/officeDocument/2006/relationships/slideLayout" Target="../slideLayouts/slideLayout67.xml"/><Relationship Id="rId3" Type="http://schemas.openxmlformats.org/officeDocument/2006/relationships/slideLayout" Target="../slideLayouts/slideLayout44.xml"/><Relationship Id="rId21" Type="http://schemas.openxmlformats.org/officeDocument/2006/relationships/slideLayout" Target="../slideLayouts/slideLayout62.xml"/><Relationship Id="rId7" Type="http://schemas.openxmlformats.org/officeDocument/2006/relationships/slideLayout" Target="../slideLayouts/slideLayout48.xml"/><Relationship Id="rId12" Type="http://schemas.openxmlformats.org/officeDocument/2006/relationships/slideLayout" Target="../slideLayouts/slideLayout53.xml"/><Relationship Id="rId17" Type="http://schemas.openxmlformats.org/officeDocument/2006/relationships/slideLayout" Target="../slideLayouts/slideLayout58.xml"/><Relationship Id="rId25" Type="http://schemas.openxmlformats.org/officeDocument/2006/relationships/slideLayout" Target="../slideLayouts/slideLayout66.xml"/><Relationship Id="rId2" Type="http://schemas.openxmlformats.org/officeDocument/2006/relationships/slideLayout" Target="../slideLayouts/slideLayout43.xml"/><Relationship Id="rId16" Type="http://schemas.openxmlformats.org/officeDocument/2006/relationships/slideLayout" Target="../slideLayouts/slideLayout57.xml"/><Relationship Id="rId20" Type="http://schemas.openxmlformats.org/officeDocument/2006/relationships/slideLayout" Target="../slideLayouts/slideLayout61.xml"/><Relationship Id="rId1" Type="http://schemas.openxmlformats.org/officeDocument/2006/relationships/slideLayout" Target="../slideLayouts/slideLayout42.xml"/><Relationship Id="rId6" Type="http://schemas.openxmlformats.org/officeDocument/2006/relationships/slideLayout" Target="../slideLayouts/slideLayout47.xml"/><Relationship Id="rId11" Type="http://schemas.openxmlformats.org/officeDocument/2006/relationships/slideLayout" Target="../slideLayouts/slideLayout52.xml"/><Relationship Id="rId24" Type="http://schemas.openxmlformats.org/officeDocument/2006/relationships/slideLayout" Target="../slideLayouts/slideLayout65.xml"/><Relationship Id="rId5" Type="http://schemas.openxmlformats.org/officeDocument/2006/relationships/slideLayout" Target="../slideLayouts/slideLayout46.xml"/><Relationship Id="rId15" Type="http://schemas.openxmlformats.org/officeDocument/2006/relationships/slideLayout" Target="../slideLayouts/slideLayout56.xml"/><Relationship Id="rId23" Type="http://schemas.openxmlformats.org/officeDocument/2006/relationships/slideLayout" Target="../slideLayouts/slideLayout64.xml"/><Relationship Id="rId10" Type="http://schemas.openxmlformats.org/officeDocument/2006/relationships/slideLayout" Target="../slideLayouts/slideLayout51.xml"/><Relationship Id="rId19" Type="http://schemas.openxmlformats.org/officeDocument/2006/relationships/slideLayout" Target="../slideLayouts/slideLayout60.xml"/><Relationship Id="rId4" Type="http://schemas.openxmlformats.org/officeDocument/2006/relationships/slideLayout" Target="../slideLayouts/slideLayout45.xml"/><Relationship Id="rId9" Type="http://schemas.openxmlformats.org/officeDocument/2006/relationships/slideLayout" Target="../slideLayouts/slideLayout50.xml"/><Relationship Id="rId14" Type="http://schemas.openxmlformats.org/officeDocument/2006/relationships/slideLayout" Target="../slideLayouts/slideLayout55.xml"/><Relationship Id="rId22" Type="http://schemas.openxmlformats.org/officeDocument/2006/relationships/slideLayout" Target="../slideLayouts/slideLayout63.xml"/><Relationship Id="rId27" Type="http://schemas.openxmlformats.org/officeDocument/2006/relationships/theme" Target="../theme/theme4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theme" Target="../theme/theme5.xml"/><Relationship Id="rId3" Type="http://schemas.openxmlformats.org/officeDocument/2006/relationships/slideLayout" Target="../slideLayouts/slideLayout70.xml"/><Relationship Id="rId7" Type="http://schemas.openxmlformats.org/officeDocument/2006/relationships/slideLayout" Target="../slideLayouts/slideLayout74.xml"/><Relationship Id="rId2" Type="http://schemas.openxmlformats.org/officeDocument/2006/relationships/slideLayout" Target="../slideLayouts/slideLayout69.xml"/><Relationship Id="rId1" Type="http://schemas.openxmlformats.org/officeDocument/2006/relationships/slideLayout" Target="../slideLayouts/slideLayout68.xml"/><Relationship Id="rId6" Type="http://schemas.openxmlformats.org/officeDocument/2006/relationships/slideLayout" Target="../slideLayouts/slideLayout73.xml"/><Relationship Id="rId5" Type="http://schemas.openxmlformats.org/officeDocument/2006/relationships/slideLayout" Target="../slideLayouts/slideLayout72.xml"/><Relationship Id="rId4" Type="http://schemas.openxmlformats.org/officeDocument/2006/relationships/slideLayout" Target="../slideLayouts/slideLayout71.xml"/><Relationship Id="rId9" Type="http://schemas.openxmlformats.org/officeDocument/2006/relationships/image" Target="../media/image19.png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2.xml"/><Relationship Id="rId13" Type="http://schemas.openxmlformats.org/officeDocument/2006/relationships/slideLayout" Target="../slideLayouts/slideLayout87.xml"/><Relationship Id="rId18" Type="http://schemas.openxmlformats.org/officeDocument/2006/relationships/slideLayout" Target="../slideLayouts/slideLayout92.xml"/><Relationship Id="rId26" Type="http://schemas.openxmlformats.org/officeDocument/2006/relationships/slideLayout" Target="../slideLayouts/slideLayout100.xml"/><Relationship Id="rId3" Type="http://schemas.openxmlformats.org/officeDocument/2006/relationships/slideLayout" Target="../slideLayouts/slideLayout77.xml"/><Relationship Id="rId21" Type="http://schemas.openxmlformats.org/officeDocument/2006/relationships/slideLayout" Target="../slideLayouts/slideLayout95.xml"/><Relationship Id="rId34" Type="http://schemas.openxmlformats.org/officeDocument/2006/relationships/slideLayout" Target="../slideLayouts/slideLayout108.xml"/><Relationship Id="rId7" Type="http://schemas.openxmlformats.org/officeDocument/2006/relationships/slideLayout" Target="../slideLayouts/slideLayout81.xml"/><Relationship Id="rId12" Type="http://schemas.openxmlformats.org/officeDocument/2006/relationships/slideLayout" Target="../slideLayouts/slideLayout86.xml"/><Relationship Id="rId17" Type="http://schemas.openxmlformats.org/officeDocument/2006/relationships/slideLayout" Target="../slideLayouts/slideLayout91.xml"/><Relationship Id="rId25" Type="http://schemas.openxmlformats.org/officeDocument/2006/relationships/slideLayout" Target="../slideLayouts/slideLayout99.xml"/><Relationship Id="rId33" Type="http://schemas.openxmlformats.org/officeDocument/2006/relationships/slideLayout" Target="../slideLayouts/slideLayout107.xml"/><Relationship Id="rId2" Type="http://schemas.openxmlformats.org/officeDocument/2006/relationships/slideLayout" Target="../slideLayouts/slideLayout76.xml"/><Relationship Id="rId16" Type="http://schemas.openxmlformats.org/officeDocument/2006/relationships/slideLayout" Target="../slideLayouts/slideLayout90.xml"/><Relationship Id="rId20" Type="http://schemas.openxmlformats.org/officeDocument/2006/relationships/slideLayout" Target="../slideLayouts/slideLayout94.xml"/><Relationship Id="rId29" Type="http://schemas.openxmlformats.org/officeDocument/2006/relationships/slideLayout" Target="../slideLayouts/slideLayout103.xml"/><Relationship Id="rId1" Type="http://schemas.openxmlformats.org/officeDocument/2006/relationships/slideLayout" Target="../slideLayouts/slideLayout75.xml"/><Relationship Id="rId6" Type="http://schemas.openxmlformats.org/officeDocument/2006/relationships/slideLayout" Target="../slideLayouts/slideLayout80.xml"/><Relationship Id="rId11" Type="http://schemas.openxmlformats.org/officeDocument/2006/relationships/slideLayout" Target="../slideLayouts/slideLayout85.xml"/><Relationship Id="rId24" Type="http://schemas.openxmlformats.org/officeDocument/2006/relationships/slideLayout" Target="../slideLayouts/slideLayout98.xml"/><Relationship Id="rId32" Type="http://schemas.openxmlformats.org/officeDocument/2006/relationships/slideLayout" Target="../slideLayouts/slideLayout106.xml"/><Relationship Id="rId5" Type="http://schemas.openxmlformats.org/officeDocument/2006/relationships/slideLayout" Target="../slideLayouts/slideLayout79.xml"/><Relationship Id="rId15" Type="http://schemas.openxmlformats.org/officeDocument/2006/relationships/slideLayout" Target="../slideLayouts/slideLayout89.xml"/><Relationship Id="rId23" Type="http://schemas.openxmlformats.org/officeDocument/2006/relationships/slideLayout" Target="../slideLayouts/slideLayout97.xml"/><Relationship Id="rId28" Type="http://schemas.openxmlformats.org/officeDocument/2006/relationships/slideLayout" Target="../slideLayouts/slideLayout102.xml"/><Relationship Id="rId10" Type="http://schemas.openxmlformats.org/officeDocument/2006/relationships/slideLayout" Target="../slideLayouts/slideLayout84.xml"/><Relationship Id="rId19" Type="http://schemas.openxmlformats.org/officeDocument/2006/relationships/slideLayout" Target="../slideLayouts/slideLayout93.xml"/><Relationship Id="rId31" Type="http://schemas.openxmlformats.org/officeDocument/2006/relationships/slideLayout" Target="../slideLayouts/slideLayout105.xml"/><Relationship Id="rId4" Type="http://schemas.openxmlformats.org/officeDocument/2006/relationships/slideLayout" Target="../slideLayouts/slideLayout78.xml"/><Relationship Id="rId9" Type="http://schemas.openxmlformats.org/officeDocument/2006/relationships/slideLayout" Target="../slideLayouts/slideLayout83.xml"/><Relationship Id="rId14" Type="http://schemas.openxmlformats.org/officeDocument/2006/relationships/slideLayout" Target="../slideLayouts/slideLayout88.xml"/><Relationship Id="rId22" Type="http://schemas.openxmlformats.org/officeDocument/2006/relationships/slideLayout" Target="../slideLayouts/slideLayout96.xml"/><Relationship Id="rId27" Type="http://schemas.openxmlformats.org/officeDocument/2006/relationships/slideLayout" Target="../slideLayouts/slideLayout101.xml"/><Relationship Id="rId30" Type="http://schemas.openxmlformats.org/officeDocument/2006/relationships/slideLayout" Target="../slideLayouts/slideLayout104.xml"/><Relationship Id="rId35" Type="http://schemas.openxmlformats.org/officeDocument/2006/relationships/theme" Target="../theme/theme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-8467"/>
            <a:ext cx="12192000" cy="6866467"/>
            <a:chOff x="0" y="-8467"/>
            <a:chExt cx="12192000" cy="6866467"/>
          </a:xfrm>
        </p:grpSpPr>
        <p:cxnSp>
          <p:nvCxnSpPr>
            <p:cNvPr id="20" name="Straight Connector 19"/>
            <p:cNvCxnSpPr/>
            <p:nvPr/>
          </p:nvCxnSpPr>
          <p:spPr>
            <a:xfrm>
              <a:off x="9371012" y="0"/>
              <a:ext cx="1219200" cy="6858000"/>
            </a:xfrm>
            <a:prstGeom prst="line">
              <a:avLst/>
            </a:prstGeom>
            <a:ln w="9525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 flipH="1">
              <a:off x="7425267" y="3681413"/>
              <a:ext cx="4763558" cy="3176587"/>
            </a:xfrm>
            <a:prstGeom prst="line">
              <a:avLst/>
            </a:prstGeom>
            <a:ln w="9525"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Rectangle 23"/>
            <p:cNvSpPr/>
            <p:nvPr/>
          </p:nvSpPr>
          <p:spPr>
            <a:xfrm>
              <a:off x="9181476" y="-8467"/>
              <a:ext cx="3007349" cy="6866467"/>
            </a:xfrm>
            <a:custGeom>
              <a:avLst/>
              <a:gdLst/>
              <a:ahLst/>
              <a:cxnLst/>
              <a:rect l="l" t="t" r="r" b="b"/>
              <a:pathLst>
                <a:path w="3007349" h="6866467">
                  <a:moveTo>
                    <a:pt x="2045532" y="0"/>
                  </a:moveTo>
                  <a:lnTo>
                    <a:pt x="3007349" y="0"/>
                  </a:lnTo>
                  <a:lnTo>
                    <a:pt x="3007349" y="6866467"/>
                  </a:lnTo>
                  <a:lnTo>
                    <a:pt x="0" y="6866467"/>
                  </a:lnTo>
                  <a:lnTo>
                    <a:pt x="2045532" y="0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Rectangle 25"/>
            <p:cNvSpPr/>
            <p:nvPr/>
          </p:nvSpPr>
          <p:spPr>
            <a:xfrm>
              <a:off x="9603442" y="-8467"/>
              <a:ext cx="2588558" cy="6866467"/>
            </a:xfrm>
            <a:custGeom>
              <a:avLst/>
              <a:gdLst/>
              <a:ahLst/>
              <a:cxnLst/>
              <a:rect l="l" t="t" r="r" b="b"/>
              <a:pathLst>
                <a:path w="2573311" h="6866467">
                  <a:moveTo>
                    <a:pt x="0" y="0"/>
                  </a:moveTo>
                  <a:lnTo>
                    <a:pt x="2573311" y="0"/>
                  </a:lnTo>
                  <a:lnTo>
                    <a:pt x="2573311" y="6866467"/>
                  </a:lnTo>
                  <a:lnTo>
                    <a:pt x="1202336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2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Isosceles Triangle 23"/>
            <p:cNvSpPr/>
            <p:nvPr/>
          </p:nvSpPr>
          <p:spPr>
            <a:xfrm>
              <a:off x="8932333" y="3048000"/>
              <a:ext cx="3259667" cy="3810000"/>
            </a:xfrm>
            <a:prstGeom prst="triangle">
              <a:avLst>
                <a:gd name="adj" fmla="val 100000"/>
              </a:avLst>
            </a:prstGeom>
            <a:solidFill>
              <a:schemeClr val="accent2">
                <a:alpha val="72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Rectangle 27"/>
            <p:cNvSpPr/>
            <p:nvPr/>
          </p:nvSpPr>
          <p:spPr>
            <a:xfrm>
              <a:off x="9334500" y="-8467"/>
              <a:ext cx="2854326" cy="6866467"/>
            </a:xfrm>
            <a:custGeom>
              <a:avLst/>
              <a:gdLst/>
              <a:ahLst/>
              <a:cxnLst/>
              <a:rect l="l" t="t" r="r" b="b"/>
              <a:pathLst>
                <a:path w="2858013" h="6866467">
                  <a:moveTo>
                    <a:pt x="0" y="0"/>
                  </a:moveTo>
                  <a:lnTo>
                    <a:pt x="2858013" y="0"/>
                  </a:lnTo>
                  <a:lnTo>
                    <a:pt x="2858013" y="6866467"/>
                  </a:lnTo>
                  <a:lnTo>
                    <a:pt x="2473942" y="686646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2">
                <a:lumMod val="75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6" name="Rectangle 28"/>
            <p:cNvSpPr/>
            <p:nvPr/>
          </p:nvSpPr>
          <p:spPr>
            <a:xfrm>
              <a:off x="10898730" y="-8467"/>
              <a:ext cx="1290094" cy="6866467"/>
            </a:xfrm>
            <a:custGeom>
              <a:avLst/>
              <a:gdLst/>
              <a:ahLst/>
              <a:cxnLst/>
              <a:rect l="l" t="t" r="r" b="b"/>
              <a:pathLst>
                <a:path w="1290094" h="6858000">
                  <a:moveTo>
                    <a:pt x="1019735" y="0"/>
                  </a:moveTo>
                  <a:lnTo>
                    <a:pt x="1290094" y="0"/>
                  </a:lnTo>
                  <a:lnTo>
                    <a:pt x="1290094" y="6858000"/>
                  </a:lnTo>
                  <a:lnTo>
                    <a:pt x="0" y="6858000"/>
                  </a:lnTo>
                  <a:lnTo>
                    <a:pt x="1019735" y="0"/>
                  </a:lnTo>
                  <a:close/>
                </a:path>
              </a:pathLst>
            </a:custGeom>
            <a:solidFill>
              <a:schemeClr val="accent1">
                <a:lumMod val="60000"/>
                <a:lumOff val="40000"/>
                <a:alpha val="7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7" name="Rectangle 29"/>
            <p:cNvSpPr/>
            <p:nvPr/>
          </p:nvSpPr>
          <p:spPr>
            <a:xfrm>
              <a:off x="10938999" y="-8467"/>
              <a:ext cx="1249825" cy="6866467"/>
            </a:xfrm>
            <a:custGeom>
              <a:avLst/>
              <a:gdLst/>
              <a:ahLst/>
              <a:cxnLst/>
              <a:rect l="l" t="t" r="r" b="b"/>
              <a:pathLst>
                <a:path w="1249825" h="6858000">
                  <a:moveTo>
                    <a:pt x="0" y="0"/>
                  </a:moveTo>
                  <a:lnTo>
                    <a:pt x="1249825" y="0"/>
                  </a:lnTo>
                  <a:lnTo>
                    <a:pt x="1249825" y="6858000"/>
                  </a:lnTo>
                  <a:lnTo>
                    <a:pt x="1109382" y="685800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>
                <a:alpha val="6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8" name="Isosceles Triangle 27"/>
            <p:cNvSpPr/>
            <p:nvPr/>
          </p:nvSpPr>
          <p:spPr>
            <a:xfrm>
              <a:off x="10371666" y="3589867"/>
              <a:ext cx="1817159" cy="3268133"/>
            </a:xfrm>
            <a:prstGeom prst="triangle">
              <a:avLst>
                <a:gd name="adj" fmla="val 100000"/>
              </a:avLst>
            </a:prstGeom>
            <a:solidFill>
              <a:schemeClr val="accent1">
                <a:alpha val="80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9" name="Isosceles Triangle 28"/>
            <p:cNvSpPr/>
            <p:nvPr/>
          </p:nvSpPr>
          <p:spPr>
            <a:xfrm>
              <a:off x="0" y="4013200"/>
              <a:ext cx="448733" cy="2844800"/>
            </a:xfrm>
            <a:prstGeom prst="triangle">
              <a:avLst>
                <a:gd name="adj" fmla="val 0"/>
              </a:avLst>
            </a:prstGeom>
            <a:solidFill>
              <a:schemeClr val="accent1">
                <a:alpha val="8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7334" y="609600"/>
            <a:ext cx="8596668" cy="132080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fi-FI" smtClean="0"/>
              <a:t>Muokkaa perustyyl. napsautt.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7334" y="2160589"/>
            <a:ext cx="8596668" cy="388077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i-FI" smtClean="0"/>
              <a:t>Muokkaa tekstin perustyylejä napsauttamalla</a:t>
            </a:r>
          </a:p>
          <a:p>
            <a:pPr lvl="1"/>
            <a:r>
              <a:rPr lang="fi-FI" smtClean="0"/>
              <a:t>toinen taso</a:t>
            </a:r>
          </a:p>
          <a:p>
            <a:pPr lvl="2"/>
            <a:r>
              <a:rPr lang="fi-FI" smtClean="0"/>
              <a:t>kolmas taso</a:t>
            </a:r>
          </a:p>
          <a:p>
            <a:pPr lvl="3"/>
            <a:r>
              <a:rPr lang="fi-FI" smtClean="0"/>
              <a:t>neljäs taso</a:t>
            </a:r>
          </a:p>
          <a:p>
            <a:pPr lvl="4"/>
            <a:r>
              <a:rPr lang="fi-FI" smtClean="0"/>
              <a:t>viides taso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205133" y="6041362"/>
            <a:ext cx="9119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86131C6-0B6C-4696-869E-90F1942E798D}" type="datetimeFigureOut">
              <a:rPr lang="fi-FI" smtClean="0"/>
              <a:t>22.12.2017</a:t>
            </a:fld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677334" y="6041362"/>
            <a:ext cx="62976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590663" y="6041362"/>
            <a:ext cx="68333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accent1"/>
                </a:solidFill>
              </a:defRPr>
            </a:lvl1pPr>
          </a:lstStyle>
          <a:p>
            <a:fld id="{B45EBBDF-EC2E-494C-977C-D31AEC584774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23931670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 smtClean="0"/>
              <a:t>Klicka här för att ändra format</a:t>
            </a:r>
            <a:endParaRPr lang="sv-SE"/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sv-SE" smtClean="0"/>
              <a:t>Klicka här för att ändra format på bakgrundstexten</a:t>
            </a:r>
          </a:p>
          <a:p>
            <a:pPr lvl="1"/>
            <a:r>
              <a:rPr lang="sv-SE" smtClean="0"/>
              <a:t>Nivå två</a:t>
            </a:r>
          </a:p>
          <a:p>
            <a:pPr lvl="2"/>
            <a:r>
              <a:rPr lang="sv-SE" smtClean="0"/>
              <a:t>Nivå tre</a:t>
            </a:r>
          </a:p>
          <a:p>
            <a:pPr lvl="3"/>
            <a:r>
              <a:rPr lang="sv-SE" smtClean="0"/>
              <a:t>Nivå fyra</a:t>
            </a:r>
          </a:p>
          <a:p>
            <a:pPr lvl="4"/>
            <a:r>
              <a:rPr lang="sv-SE" smtClean="0"/>
              <a:t>Nivå fem</a:t>
            </a:r>
            <a:endParaRPr lang="sv-SE"/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12A3B13-12EF-4611-A63E-466639F37506}" type="datetimeFigureOut">
              <a:rPr lang="sv-SE" smtClean="0"/>
              <a:t>2017-12-22</a:t>
            </a:fld>
            <a:endParaRPr lang="sv-SE"/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97B78EA-4044-4058-B07E-E89B100D479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5738520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8" r:id="rId1"/>
    <p:sldLayoutId id="2147483679" r:id="rId2"/>
    <p:sldLayoutId id="2147483680" r:id="rId3"/>
    <p:sldLayoutId id="2147483681" r:id="rId4"/>
    <p:sldLayoutId id="2147483682" r:id="rId5"/>
    <p:sldLayoutId id="2147483683" r:id="rId6"/>
    <p:sldLayoutId id="2147483684" r:id="rId7"/>
    <p:sldLayoutId id="2147483685" r:id="rId8"/>
    <p:sldLayoutId id="2147483686" r:id="rId9"/>
    <p:sldLayoutId id="2147483687" r:id="rId10"/>
    <p:sldLayoutId id="2147483688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11"/>
          <p:cNvSpPr>
            <a:spLocks/>
          </p:cNvSpPr>
          <p:nvPr/>
        </p:nvSpPr>
        <p:spPr bwMode="auto">
          <a:xfrm>
            <a:off x="0" y="1"/>
            <a:ext cx="12192000" cy="1670477"/>
          </a:xfrm>
          <a:custGeom>
            <a:avLst/>
            <a:gdLst>
              <a:gd name="T0" fmla="*/ 1964 w 5764"/>
              <a:gd name="T1" fmla="*/ 846 h 1053"/>
              <a:gd name="T2" fmla="*/ 3049 w 5764"/>
              <a:gd name="T3" fmla="*/ 846 h 1053"/>
              <a:gd name="T4" fmla="*/ 4135 w 5764"/>
              <a:gd name="T5" fmla="*/ 846 h 1053"/>
              <a:gd name="T6" fmla="*/ 5221 w 5764"/>
              <a:gd name="T7" fmla="*/ 846 h 1053"/>
              <a:gd name="T8" fmla="*/ 5764 w 5764"/>
              <a:gd name="T9" fmla="*/ 422 h 1053"/>
              <a:gd name="T10" fmla="*/ 5044 w 5764"/>
              <a:gd name="T11" fmla="*/ 0 h 1053"/>
              <a:gd name="T12" fmla="*/ 3603 w 5764"/>
              <a:gd name="T13" fmla="*/ 0 h 1053"/>
              <a:gd name="T14" fmla="*/ 2162 w 5764"/>
              <a:gd name="T15" fmla="*/ 0 h 1053"/>
              <a:gd name="T16" fmla="*/ 721 w 5764"/>
              <a:gd name="T17" fmla="*/ 0 h 1053"/>
              <a:gd name="T18" fmla="*/ 0 w 5764"/>
              <a:gd name="T19" fmla="*/ 422 h 1053"/>
              <a:gd name="T20" fmla="*/ 795 w 5764"/>
              <a:gd name="T21" fmla="*/ 846 h 1053"/>
              <a:gd name="T22" fmla="*/ 821 w 5764"/>
              <a:gd name="T23" fmla="*/ 848 h 1053"/>
              <a:gd name="T24" fmla="*/ 847 w 5764"/>
              <a:gd name="T25" fmla="*/ 851 h 1053"/>
              <a:gd name="T26" fmla="*/ 872 w 5764"/>
              <a:gd name="T27" fmla="*/ 856 h 1053"/>
              <a:gd name="T28" fmla="*/ 896 w 5764"/>
              <a:gd name="T29" fmla="*/ 862 h 1053"/>
              <a:gd name="T30" fmla="*/ 920 w 5764"/>
              <a:gd name="T31" fmla="*/ 871 h 1053"/>
              <a:gd name="T32" fmla="*/ 943 w 5764"/>
              <a:gd name="T33" fmla="*/ 881 h 1053"/>
              <a:gd name="T34" fmla="*/ 965 w 5764"/>
              <a:gd name="T35" fmla="*/ 892 h 1053"/>
              <a:gd name="T36" fmla="*/ 985 w 5764"/>
              <a:gd name="T37" fmla="*/ 905 h 1053"/>
              <a:gd name="T38" fmla="*/ 1005 w 5764"/>
              <a:gd name="T39" fmla="*/ 919 h 1053"/>
              <a:gd name="T40" fmla="*/ 1024 w 5764"/>
              <a:gd name="T41" fmla="*/ 935 h 1053"/>
              <a:gd name="T42" fmla="*/ 1042 w 5764"/>
              <a:gd name="T43" fmla="*/ 952 h 1053"/>
              <a:gd name="T44" fmla="*/ 1058 w 5764"/>
              <a:gd name="T45" fmla="*/ 970 h 1053"/>
              <a:gd name="T46" fmla="*/ 1073 w 5764"/>
              <a:gd name="T47" fmla="*/ 989 h 1053"/>
              <a:gd name="T48" fmla="*/ 1086 w 5764"/>
              <a:gd name="T49" fmla="*/ 1010 h 1053"/>
              <a:gd name="T50" fmla="*/ 1098 w 5764"/>
              <a:gd name="T51" fmla="*/ 1031 h 1053"/>
              <a:gd name="T52" fmla="*/ 1109 w 5764"/>
              <a:gd name="T53" fmla="*/ 1053 h 1053"/>
              <a:gd name="T54" fmla="*/ 1119 w 5764"/>
              <a:gd name="T55" fmla="*/ 1031 h 1053"/>
              <a:gd name="T56" fmla="*/ 1131 w 5764"/>
              <a:gd name="T57" fmla="*/ 1010 h 1053"/>
              <a:gd name="T58" fmla="*/ 1145 w 5764"/>
              <a:gd name="T59" fmla="*/ 989 h 1053"/>
              <a:gd name="T60" fmla="*/ 1159 w 5764"/>
              <a:gd name="T61" fmla="*/ 970 h 1053"/>
              <a:gd name="T62" fmla="*/ 1176 w 5764"/>
              <a:gd name="T63" fmla="*/ 952 h 1053"/>
              <a:gd name="T64" fmla="*/ 1202 w 5764"/>
              <a:gd name="T65" fmla="*/ 927 h 1053"/>
              <a:gd name="T66" fmla="*/ 1222 w 5764"/>
              <a:gd name="T67" fmla="*/ 912 h 1053"/>
              <a:gd name="T68" fmla="*/ 1242 w 5764"/>
              <a:gd name="T69" fmla="*/ 898 h 1053"/>
              <a:gd name="T70" fmla="*/ 1263 w 5764"/>
              <a:gd name="T71" fmla="*/ 886 h 1053"/>
              <a:gd name="T72" fmla="*/ 1286 w 5764"/>
              <a:gd name="T73" fmla="*/ 875 h 1053"/>
              <a:gd name="T74" fmla="*/ 1309 w 5764"/>
              <a:gd name="T75" fmla="*/ 866 h 1053"/>
              <a:gd name="T76" fmla="*/ 1333 w 5764"/>
              <a:gd name="T77" fmla="*/ 859 h 1053"/>
              <a:gd name="T78" fmla="*/ 1358 w 5764"/>
              <a:gd name="T79" fmla="*/ 853 h 1053"/>
              <a:gd name="T80" fmla="*/ 1383 w 5764"/>
              <a:gd name="T81" fmla="*/ 849 h 1053"/>
              <a:gd name="T82" fmla="*/ 1409 w 5764"/>
              <a:gd name="T83" fmla="*/ 847 h 105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5764" h="1053">
                <a:moveTo>
                  <a:pt x="1422" y="846"/>
                </a:moveTo>
                <a:lnTo>
                  <a:pt x="1964" y="846"/>
                </a:lnTo>
                <a:lnTo>
                  <a:pt x="2507" y="846"/>
                </a:lnTo>
                <a:lnTo>
                  <a:pt x="3049" y="846"/>
                </a:lnTo>
                <a:lnTo>
                  <a:pt x="3592" y="846"/>
                </a:lnTo>
                <a:lnTo>
                  <a:pt x="4135" y="846"/>
                </a:lnTo>
                <a:lnTo>
                  <a:pt x="4678" y="846"/>
                </a:lnTo>
                <a:lnTo>
                  <a:pt x="5221" y="846"/>
                </a:lnTo>
                <a:lnTo>
                  <a:pt x="5764" y="846"/>
                </a:lnTo>
                <a:lnTo>
                  <a:pt x="5764" y="422"/>
                </a:lnTo>
                <a:lnTo>
                  <a:pt x="5764" y="0"/>
                </a:lnTo>
                <a:lnTo>
                  <a:pt x="5044" y="0"/>
                </a:lnTo>
                <a:lnTo>
                  <a:pt x="4323" y="0"/>
                </a:lnTo>
                <a:lnTo>
                  <a:pt x="3603" y="0"/>
                </a:lnTo>
                <a:lnTo>
                  <a:pt x="2882" y="0"/>
                </a:lnTo>
                <a:lnTo>
                  <a:pt x="2162" y="0"/>
                </a:lnTo>
                <a:lnTo>
                  <a:pt x="1441" y="0"/>
                </a:lnTo>
                <a:lnTo>
                  <a:pt x="721" y="0"/>
                </a:lnTo>
                <a:lnTo>
                  <a:pt x="0" y="0"/>
                </a:lnTo>
                <a:lnTo>
                  <a:pt x="0" y="422"/>
                </a:lnTo>
                <a:lnTo>
                  <a:pt x="0" y="846"/>
                </a:lnTo>
                <a:lnTo>
                  <a:pt x="795" y="846"/>
                </a:lnTo>
                <a:lnTo>
                  <a:pt x="808" y="847"/>
                </a:lnTo>
                <a:lnTo>
                  <a:pt x="821" y="848"/>
                </a:lnTo>
                <a:lnTo>
                  <a:pt x="834" y="849"/>
                </a:lnTo>
                <a:lnTo>
                  <a:pt x="847" y="851"/>
                </a:lnTo>
                <a:lnTo>
                  <a:pt x="860" y="853"/>
                </a:lnTo>
                <a:lnTo>
                  <a:pt x="872" y="856"/>
                </a:lnTo>
                <a:lnTo>
                  <a:pt x="884" y="859"/>
                </a:lnTo>
                <a:lnTo>
                  <a:pt x="896" y="862"/>
                </a:lnTo>
                <a:lnTo>
                  <a:pt x="908" y="866"/>
                </a:lnTo>
                <a:lnTo>
                  <a:pt x="920" y="871"/>
                </a:lnTo>
                <a:lnTo>
                  <a:pt x="931" y="875"/>
                </a:lnTo>
                <a:lnTo>
                  <a:pt x="943" y="881"/>
                </a:lnTo>
                <a:lnTo>
                  <a:pt x="954" y="886"/>
                </a:lnTo>
                <a:lnTo>
                  <a:pt x="965" y="892"/>
                </a:lnTo>
                <a:lnTo>
                  <a:pt x="975" y="898"/>
                </a:lnTo>
                <a:lnTo>
                  <a:pt x="985" y="905"/>
                </a:lnTo>
                <a:lnTo>
                  <a:pt x="996" y="912"/>
                </a:lnTo>
                <a:lnTo>
                  <a:pt x="1005" y="919"/>
                </a:lnTo>
                <a:lnTo>
                  <a:pt x="1015" y="927"/>
                </a:lnTo>
                <a:lnTo>
                  <a:pt x="1024" y="935"/>
                </a:lnTo>
                <a:lnTo>
                  <a:pt x="1033" y="943"/>
                </a:lnTo>
                <a:lnTo>
                  <a:pt x="1042" y="952"/>
                </a:lnTo>
                <a:lnTo>
                  <a:pt x="1050" y="961"/>
                </a:lnTo>
                <a:lnTo>
                  <a:pt x="1058" y="970"/>
                </a:lnTo>
                <a:lnTo>
                  <a:pt x="1065" y="980"/>
                </a:lnTo>
                <a:lnTo>
                  <a:pt x="1073" y="989"/>
                </a:lnTo>
                <a:lnTo>
                  <a:pt x="1080" y="999"/>
                </a:lnTo>
                <a:lnTo>
                  <a:pt x="1086" y="1010"/>
                </a:lnTo>
                <a:lnTo>
                  <a:pt x="1092" y="1020"/>
                </a:lnTo>
                <a:lnTo>
                  <a:pt x="1098" y="1031"/>
                </a:lnTo>
                <a:lnTo>
                  <a:pt x="1104" y="1042"/>
                </a:lnTo>
                <a:lnTo>
                  <a:pt x="1109" y="1053"/>
                </a:lnTo>
                <a:lnTo>
                  <a:pt x="1114" y="1042"/>
                </a:lnTo>
                <a:lnTo>
                  <a:pt x="1119" y="1031"/>
                </a:lnTo>
                <a:lnTo>
                  <a:pt x="1125" y="1020"/>
                </a:lnTo>
                <a:lnTo>
                  <a:pt x="1131" y="1010"/>
                </a:lnTo>
                <a:lnTo>
                  <a:pt x="1138" y="999"/>
                </a:lnTo>
                <a:lnTo>
                  <a:pt x="1145" y="989"/>
                </a:lnTo>
                <a:lnTo>
                  <a:pt x="1152" y="980"/>
                </a:lnTo>
                <a:lnTo>
                  <a:pt x="1159" y="970"/>
                </a:lnTo>
                <a:lnTo>
                  <a:pt x="1167" y="961"/>
                </a:lnTo>
                <a:lnTo>
                  <a:pt x="1176" y="952"/>
                </a:lnTo>
                <a:lnTo>
                  <a:pt x="1193" y="935"/>
                </a:lnTo>
                <a:lnTo>
                  <a:pt x="1202" y="927"/>
                </a:lnTo>
                <a:lnTo>
                  <a:pt x="1212" y="919"/>
                </a:lnTo>
                <a:lnTo>
                  <a:pt x="1222" y="912"/>
                </a:lnTo>
                <a:lnTo>
                  <a:pt x="1232" y="905"/>
                </a:lnTo>
                <a:lnTo>
                  <a:pt x="1242" y="898"/>
                </a:lnTo>
                <a:lnTo>
                  <a:pt x="1253" y="892"/>
                </a:lnTo>
                <a:lnTo>
                  <a:pt x="1263" y="886"/>
                </a:lnTo>
                <a:lnTo>
                  <a:pt x="1274" y="881"/>
                </a:lnTo>
                <a:lnTo>
                  <a:pt x="1286" y="875"/>
                </a:lnTo>
                <a:lnTo>
                  <a:pt x="1297" y="871"/>
                </a:lnTo>
                <a:lnTo>
                  <a:pt x="1309" y="866"/>
                </a:lnTo>
                <a:lnTo>
                  <a:pt x="1321" y="862"/>
                </a:lnTo>
                <a:lnTo>
                  <a:pt x="1333" y="859"/>
                </a:lnTo>
                <a:lnTo>
                  <a:pt x="1345" y="856"/>
                </a:lnTo>
                <a:lnTo>
                  <a:pt x="1358" y="853"/>
                </a:lnTo>
                <a:lnTo>
                  <a:pt x="1370" y="851"/>
                </a:lnTo>
                <a:lnTo>
                  <a:pt x="1383" y="849"/>
                </a:lnTo>
                <a:lnTo>
                  <a:pt x="1396" y="848"/>
                </a:lnTo>
                <a:lnTo>
                  <a:pt x="1409" y="847"/>
                </a:lnTo>
                <a:lnTo>
                  <a:pt x="1422" y="846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fi-FI" sz="1800"/>
          </a:p>
        </p:txBody>
      </p:sp>
      <p:sp>
        <p:nvSpPr>
          <p:cNvPr id="2" name="Otsikon paikkamerkki 1"/>
          <p:cNvSpPr>
            <a:spLocks noGrp="1"/>
          </p:cNvSpPr>
          <p:nvPr>
            <p:ph type="title"/>
          </p:nvPr>
        </p:nvSpPr>
        <p:spPr bwMode="white">
          <a:xfrm>
            <a:off x="1200000" y="259200"/>
            <a:ext cx="9792000" cy="936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fi-FI" dirty="0" smtClean="0"/>
              <a:t>Muokkaa </a:t>
            </a:r>
            <a:r>
              <a:rPr lang="fi-FI" dirty="0" err="1" smtClean="0"/>
              <a:t>perustyyl</a:t>
            </a:r>
            <a:r>
              <a:rPr lang="fi-FI" dirty="0" smtClean="0"/>
              <a:t>. </a:t>
            </a:r>
            <a:r>
              <a:rPr lang="fi-FI" dirty="0" err="1" smtClean="0"/>
              <a:t>napsautt</a:t>
            </a:r>
            <a:r>
              <a:rPr lang="fi-FI" dirty="0" smtClean="0"/>
              <a:t>.</a:t>
            </a:r>
            <a:endParaRPr lang="fi-FI" dirty="0"/>
          </a:p>
        </p:txBody>
      </p:sp>
      <p:sp>
        <p:nvSpPr>
          <p:cNvPr id="3" name="Tekstin paikkamerkki 2"/>
          <p:cNvSpPr>
            <a:spLocks noGrp="1"/>
          </p:cNvSpPr>
          <p:nvPr>
            <p:ph type="body" idx="1"/>
          </p:nvPr>
        </p:nvSpPr>
        <p:spPr>
          <a:xfrm>
            <a:off x="1200000" y="2062800"/>
            <a:ext cx="9792000" cy="39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fi-FI" dirty="0" smtClean="0"/>
              <a:t>Muokkaa tekstin perustyylejä napsauttamalla</a:t>
            </a:r>
          </a:p>
          <a:p>
            <a:pPr lvl="1"/>
            <a:r>
              <a:rPr lang="fi-FI" dirty="0" smtClean="0"/>
              <a:t>toinen taso</a:t>
            </a:r>
          </a:p>
          <a:p>
            <a:pPr lvl="2"/>
            <a:r>
              <a:rPr lang="fi-FI" dirty="0" smtClean="0"/>
              <a:t>kolmas taso</a:t>
            </a:r>
          </a:p>
          <a:p>
            <a:pPr lvl="3"/>
            <a:r>
              <a:rPr lang="fi-FI" dirty="0" smtClean="0"/>
              <a:t>neljäs taso</a:t>
            </a:r>
          </a:p>
          <a:p>
            <a:pPr lvl="4"/>
            <a:r>
              <a:rPr lang="fi-FI" dirty="0" smtClean="0"/>
              <a:t>viides taso</a:t>
            </a:r>
          </a:p>
        </p:txBody>
      </p:sp>
      <p:sp>
        <p:nvSpPr>
          <p:cNvPr id="4" name="Päivämäärän paikkamerkki 3"/>
          <p:cNvSpPr>
            <a:spLocks noGrp="1"/>
          </p:cNvSpPr>
          <p:nvPr>
            <p:ph type="dt" sz="half" idx="2"/>
          </p:nvPr>
        </p:nvSpPr>
        <p:spPr>
          <a:xfrm>
            <a:off x="1199456" y="6402532"/>
            <a:ext cx="1344149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r>
              <a:rPr lang="fi-FI" smtClean="0"/>
              <a:t>[pvm]</a:t>
            </a:r>
            <a:endParaRPr lang="fi-FI"/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3"/>
          </p:nvPr>
        </p:nvSpPr>
        <p:spPr>
          <a:xfrm>
            <a:off x="2352000" y="6402532"/>
            <a:ext cx="38608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r>
              <a:rPr lang="fi-FI" smtClean="0"/>
              <a:t>Yksikkö/Projekti/Esittäjä | Esityksen otsikko</a:t>
            </a:r>
            <a:endParaRPr lang="fi-FI"/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4"/>
          </p:nvPr>
        </p:nvSpPr>
        <p:spPr>
          <a:xfrm>
            <a:off x="576000" y="6402532"/>
            <a:ext cx="431435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EA8B17D0-BA01-4CC0-9408-FAF7B5A248A9}" type="slidenum">
              <a:rPr lang="fi-FI" smtClean="0"/>
              <a:pPr/>
              <a:t>‹#›</a:t>
            </a:fld>
            <a:endParaRPr lang="fi-FI"/>
          </a:p>
        </p:txBody>
      </p:sp>
      <p:pic>
        <p:nvPicPr>
          <p:cNvPr id="7" name="Kuva 6" descr="KelaFpa_väri_iso.jpg"/>
          <p:cNvPicPr>
            <a:picLocks noChangeAspect="1"/>
          </p:cNvPicPr>
          <p:nvPr/>
        </p:nvPicPr>
        <p:blipFill>
          <a:blip r:embed="rId1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56628" y="6343888"/>
            <a:ext cx="1536171" cy="371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03641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0" r:id="rId1"/>
    <p:sldLayoutId id="2147483691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7" r:id="rId8"/>
    <p:sldLayoutId id="2147483698" r:id="rId9"/>
    <p:sldLayoutId id="2147483699" r:id="rId10"/>
    <p:sldLayoutId id="2147483700" r:id="rId11"/>
    <p:sldLayoutId id="2147483701" r:id="rId12"/>
    <p:sldLayoutId id="2147483702" r:id="rId13"/>
    <p:sldLayoutId id="2147483703" r:id="rId14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800" kern="1200">
          <a:solidFill>
            <a:srgbClr val="FFFFFF"/>
          </a:solidFill>
          <a:latin typeface="+mj-lt"/>
          <a:ea typeface="+mj-ea"/>
          <a:cs typeface="+mj-cs"/>
        </a:defRPr>
      </a:lvl1pPr>
    </p:titleStyle>
    <p:bodyStyle>
      <a:lvl1pPr marL="270000" indent="-270000" algn="l" defTabSz="914400" rtl="0" eaLnBrk="1" latinLnBrk="0" hangingPunct="1">
        <a:spcBef>
          <a:spcPts val="0"/>
        </a:spcBef>
        <a:spcAft>
          <a:spcPts val="400"/>
        </a:spcAft>
        <a:buClr>
          <a:schemeClr val="accent1"/>
        </a:buClr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540000" indent="-270000" algn="l" defTabSz="914400" rtl="0" eaLnBrk="1" latinLnBrk="0" hangingPunct="1">
        <a:spcBef>
          <a:spcPts val="0"/>
        </a:spcBef>
        <a:spcAft>
          <a:spcPts val="400"/>
        </a:spcAft>
        <a:buClr>
          <a:schemeClr val="accent1"/>
        </a:buClr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810000" indent="-270000" algn="l" defTabSz="914400" rtl="0" eaLnBrk="1" latinLnBrk="0" hangingPunct="1">
        <a:spcBef>
          <a:spcPts val="0"/>
        </a:spcBef>
        <a:spcAft>
          <a:spcPts val="400"/>
        </a:spcAft>
        <a:buClrTx/>
        <a:buFont typeface="Arial" pitchFamily="34" charset="0"/>
        <a:buChar char="−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080000" indent="-270000" algn="l" defTabSz="914400" rtl="0" eaLnBrk="1" latinLnBrk="0" hangingPunct="1">
        <a:spcBef>
          <a:spcPts val="0"/>
        </a:spcBef>
        <a:spcAft>
          <a:spcPts val="400"/>
        </a:spcAft>
        <a:buClrTx/>
        <a:buFont typeface="Arial" pitchFamily="34" charset="0"/>
        <a:buChar char="−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350000" indent="-270000" algn="l" defTabSz="914400" rtl="0" eaLnBrk="1" latinLnBrk="0" hangingPunct="1">
        <a:spcBef>
          <a:spcPts val="0"/>
        </a:spcBef>
        <a:spcAft>
          <a:spcPts val="400"/>
        </a:spcAft>
        <a:buClrTx/>
        <a:buFont typeface="Arial" pitchFamily="34" charset="0"/>
        <a:buChar char="−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1620000" indent="-270000" algn="l" defTabSz="914400" rtl="0" eaLnBrk="1" latinLnBrk="0" hangingPunct="1">
        <a:spcBef>
          <a:spcPts val="0"/>
        </a:spcBef>
        <a:spcAft>
          <a:spcPts val="400"/>
        </a:spcAft>
        <a:buClrTx/>
        <a:buFont typeface="Arial" pitchFamily="34" charset="0"/>
        <a:buChar char="−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1890000" indent="-270000" algn="l" defTabSz="914400" rtl="0" eaLnBrk="1" latinLnBrk="0" hangingPunct="1">
        <a:spcBef>
          <a:spcPts val="0"/>
        </a:spcBef>
        <a:spcAft>
          <a:spcPts val="400"/>
        </a:spcAft>
        <a:buClrTx/>
        <a:buFont typeface="Arial" pitchFamily="34" charset="0"/>
        <a:buChar char="−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2160000" indent="-270000" algn="l" defTabSz="914400" rtl="0" eaLnBrk="1" latinLnBrk="0" hangingPunct="1">
        <a:spcBef>
          <a:spcPts val="0"/>
        </a:spcBef>
        <a:spcAft>
          <a:spcPts val="400"/>
        </a:spcAft>
        <a:buClrTx/>
        <a:buFont typeface="Arial" pitchFamily="34" charset="0"/>
        <a:buChar char="−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2160000" indent="0" algn="l" defTabSz="914400" rtl="0" eaLnBrk="1" latinLnBrk="0" hangingPunct="1">
        <a:spcBef>
          <a:spcPts val="0"/>
        </a:spcBef>
        <a:spcAft>
          <a:spcPts val="400"/>
        </a:spcAft>
        <a:buClrTx/>
        <a:buFont typeface="Arial" pitchFamily="34" charset="0"/>
        <a:buNone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Sixth level</a:t>
            </a:r>
            <a:endParaRPr lang="en-GB"/>
          </a:p>
          <a:p>
            <a:pPr lvl="6"/>
            <a:r>
              <a:rPr lang="en-GB" dirty="0"/>
              <a:t>Seventh level</a:t>
            </a:r>
            <a:endParaRPr lang="en-GB"/>
          </a:p>
          <a:p>
            <a:pPr lvl="7"/>
            <a:r>
              <a:rPr lang="en-GB" dirty="0"/>
              <a:t>Eight level</a:t>
            </a:r>
            <a:endParaRPr lang="en-GB"/>
          </a:p>
          <a:p>
            <a:pPr lvl="8"/>
            <a:r>
              <a:rPr lang="en-GB" dirty="0"/>
              <a:t>Night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r>
              <a:rPr lang="en-GB" dirty="0"/>
              <a:t>03/03/2017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325922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5" r:id="rId1"/>
    <p:sldLayoutId id="2147483706" r:id="rId2"/>
    <p:sldLayoutId id="2147483707" r:id="rId3"/>
    <p:sldLayoutId id="2147483708" r:id="rId4"/>
    <p:sldLayoutId id="2147483709" r:id="rId5"/>
    <p:sldLayoutId id="2147483710" r:id="rId6"/>
    <p:sldLayoutId id="2147483711" r:id="rId7"/>
    <p:sldLayoutId id="2147483712" r:id="rId8"/>
    <p:sldLayoutId id="2147483713" r:id="rId9"/>
    <p:sldLayoutId id="2147483714" r:id="rId10"/>
    <p:sldLayoutId id="2147483715" r:id="rId11"/>
    <p:sldLayoutId id="2147483716" r:id="rId12"/>
    <p:sldLayoutId id="2147483717" r:id="rId13"/>
    <p:sldLayoutId id="2147483718" r:id="rId14"/>
    <p:sldLayoutId id="2147483719" r:id="rId15"/>
    <p:sldLayoutId id="2147483720" r:id="rId16"/>
    <p:sldLayoutId id="2147483721" r:id="rId17"/>
    <p:sldLayoutId id="2147483722" r:id="rId18"/>
    <p:sldLayoutId id="2147483723" r:id="rId19"/>
    <p:sldLayoutId id="2147483724" r:id="rId20"/>
    <p:sldLayoutId id="2147483725" r:id="rId21"/>
    <p:sldLayoutId id="2147483726" r:id="rId22"/>
    <p:sldLayoutId id="2147483727" r:id="rId23"/>
    <p:sldLayoutId id="2147483728" r:id="rId24"/>
    <p:sldLayoutId id="2147483729" r:id="rId25"/>
    <p:sldLayoutId id="2147483730" r:id="rId26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37">
          <p15:clr>
            <a:srgbClr val="F26B43"/>
          </p15:clr>
        </p15:guide>
        <p15:guide id="2" pos="2138">
          <p15:clr>
            <a:srgbClr val="F26B43"/>
          </p15:clr>
        </p15:guide>
        <p15:guide id="3" orient="horz" pos="253">
          <p15:clr>
            <a:srgbClr val="F26B43"/>
          </p15:clr>
        </p15:guide>
        <p15:guide id="4" orient="horz" pos="888">
          <p15:clr>
            <a:srgbClr val="F26B43"/>
          </p15:clr>
        </p15:guide>
        <p15:guide id="5" pos="3839">
          <p15:clr>
            <a:srgbClr val="F26B43"/>
          </p15:clr>
        </p15:guide>
        <p15:guide id="6" pos="5540">
          <p15:clr>
            <a:srgbClr val="F26B43"/>
          </p15:clr>
        </p15:guide>
        <p15:guide id="7" orient="horz" pos="1523">
          <p15:clr>
            <a:srgbClr val="F26B43"/>
          </p15:clr>
        </p15:guide>
        <p15:guide id="8" orient="horz" pos="2158">
          <p15:clr>
            <a:srgbClr val="F26B43"/>
          </p15:clr>
        </p15:guide>
        <p15:guide id="9" pos="7240">
          <p15:clr>
            <a:srgbClr val="F26B43"/>
          </p15:clr>
        </p15:guide>
        <p15:guide id="10" orient="horz" pos="2793">
          <p15:clr>
            <a:srgbClr val="F26B43"/>
          </p15:clr>
        </p15:guide>
        <p15:guide id="11" orient="horz" pos="3428">
          <p15:clr>
            <a:srgbClr val="F26B43"/>
          </p15:clr>
        </p15:guide>
        <p15:guide id="13" orient="horz" pos="4063">
          <p15:clr>
            <a:srgbClr val="F26B43"/>
          </p15:clr>
        </p15:guide>
        <p15:guide id="14" orient="horz" pos="3748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4"/>
          <p:cNvSpPr/>
          <p:nvPr userDrawn="1"/>
        </p:nvSpPr>
        <p:spPr>
          <a:xfrm>
            <a:off x="0" y="6408622"/>
            <a:ext cx="12192000" cy="455605"/>
          </a:xfrm>
          <a:prstGeom prst="rect">
            <a:avLst/>
          </a:prstGeom>
          <a:solidFill>
            <a:srgbClr val="02B7F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bg1"/>
              </a:solidFill>
            </a:endParaRPr>
          </a:p>
        </p:txBody>
      </p:sp>
      <p:sp>
        <p:nvSpPr>
          <p:cNvPr id="2" name="Otsikon paikkamerkki 1"/>
          <p:cNvSpPr>
            <a:spLocks noGrp="1"/>
          </p:cNvSpPr>
          <p:nvPr>
            <p:ph type="title"/>
          </p:nvPr>
        </p:nvSpPr>
        <p:spPr>
          <a:xfrm>
            <a:off x="838200" y="122401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fi-FI" dirty="0"/>
              <a:t>Muokkaa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</a:p>
        </p:txBody>
      </p:sp>
      <p:sp>
        <p:nvSpPr>
          <p:cNvPr id="3" name="Tekstin paikkamerkki 2"/>
          <p:cNvSpPr>
            <a:spLocks noGrp="1"/>
          </p:cNvSpPr>
          <p:nvPr>
            <p:ph type="body" idx="1"/>
          </p:nvPr>
        </p:nvSpPr>
        <p:spPr>
          <a:xfrm>
            <a:off x="838200" y="1630800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fi-FI" dirty="0"/>
              <a:t>Muokkaa tekstin perustyylejä</a:t>
            </a:r>
          </a:p>
          <a:p>
            <a:pPr marL="742950" marR="0" lvl="1" indent="-230400" algn="l" defTabSz="4572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Tx/>
              <a:buSzTx/>
              <a:buFont typeface="Arial" charset="0"/>
              <a:buChar char="–"/>
              <a:tabLst/>
              <a:defRPr/>
            </a:pPr>
            <a:r>
              <a:rPr kumimoji="0" lang="fi-FI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Second </a:t>
            </a:r>
            <a:r>
              <a:rPr kumimoji="0" lang="fi-FI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level</a:t>
            </a:r>
            <a:endParaRPr kumimoji="0" lang="fi-FI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ea typeface="Verdana" pitchFamily="34" charset="0"/>
              <a:cs typeface="Verdana"/>
            </a:endParaRPr>
          </a:p>
          <a:p>
            <a:pPr marL="1143000" marR="0" lvl="2" indent="-228600" algn="l" defTabSz="4572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Tx/>
              <a:buSzTx/>
              <a:buFont typeface="Verdana" pitchFamily="34" charset="0"/>
              <a:buChar char="»"/>
              <a:tabLst/>
              <a:defRPr/>
            </a:pPr>
            <a:r>
              <a:rPr kumimoji="0" lang="fi-FI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Third </a:t>
            </a:r>
            <a:r>
              <a:rPr kumimoji="0" lang="fi-FI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level</a:t>
            </a:r>
            <a:endParaRPr kumimoji="0" lang="fi-FI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ea typeface="Verdana" pitchFamily="34" charset="0"/>
              <a:cs typeface="Verdana"/>
            </a:endParaRPr>
          </a:p>
          <a:p>
            <a:pPr marL="1600200" marR="0" lvl="3" indent="-228600" algn="l" defTabSz="4572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Tx/>
              <a:buSzTx/>
              <a:buFont typeface="Arial" pitchFamily="34" charset="0"/>
              <a:buChar char="▪"/>
              <a:tabLst/>
              <a:defRPr/>
            </a:pPr>
            <a:r>
              <a:rPr kumimoji="0" lang="fi-FI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Fourth</a:t>
            </a:r>
            <a:r>
              <a:rPr kumimoji="0" lang="fi-FI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 </a:t>
            </a:r>
            <a:r>
              <a:rPr kumimoji="0" lang="fi-FI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level</a:t>
            </a:r>
            <a:endParaRPr kumimoji="0" lang="fi-FI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ea typeface="Verdana" pitchFamily="34" charset="0"/>
              <a:cs typeface="Verdana"/>
            </a:endParaRPr>
          </a:p>
          <a:p>
            <a:pPr marL="2057400" marR="0" lvl="4" indent="-228600" algn="l" defTabSz="4572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ts val="600"/>
              </a:spcAft>
              <a:buClrTx/>
              <a:buSzTx/>
              <a:buFont typeface="Arial" pitchFamily="34" charset="0"/>
              <a:buChar char="▫"/>
              <a:tabLst/>
              <a:defRPr/>
            </a:pPr>
            <a:r>
              <a:rPr kumimoji="0" lang="fi-FI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Fifth</a:t>
            </a:r>
            <a:r>
              <a:rPr kumimoji="0" lang="fi-FI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 </a:t>
            </a:r>
            <a:r>
              <a:rPr kumimoji="0" lang="fi-FI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/>
              </a:rPr>
              <a:t>level</a:t>
            </a:r>
            <a:endParaRPr kumimoji="0" lang="fi-FI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Verdana"/>
              <a:ea typeface="Verdana" pitchFamily="34" charset="0"/>
              <a:cs typeface="Verdana"/>
            </a:endParaRPr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4"/>
          </p:nvPr>
        </p:nvSpPr>
        <p:spPr>
          <a:xfrm>
            <a:off x="9897577" y="6453860"/>
            <a:ext cx="14400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fld id="{AEF28B38-18CD-45F7-BC13-FDF411831B66}" type="slidenum">
              <a:rPr lang="fi-FI" smtClean="0"/>
              <a:pPr/>
              <a:t>‹#›</a:t>
            </a:fld>
            <a:endParaRPr lang="fi-FI" dirty="0"/>
          </a:p>
        </p:txBody>
      </p:sp>
      <p:pic>
        <p:nvPicPr>
          <p:cNvPr id="10" name="Kuva 9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11607000" y="6490801"/>
            <a:ext cx="390177" cy="286537"/>
          </a:xfrm>
          <a:prstGeom prst="rect">
            <a:avLst/>
          </a:prstGeom>
        </p:spPr>
      </p:pic>
      <p:sp>
        <p:nvSpPr>
          <p:cNvPr id="8" name="Päivämäärän paikkamerkki 7"/>
          <p:cNvSpPr>
            <a:spLocks noGrp="1"/>
          </p:cNvSpPr>
          <p:nvPr>
            <p:ph type="dt" sz="half" idx="2"/>
          </p:nvPr>
        </p:nvSpPr>
        <p:spPr>
          <a:xfrm>
            <a:off x="7893378" y="6451506"/>
            <a:ext cx="190835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/>
              <a:t>01.01.2016</a:t>
            </a:r>
            <a:endParaRPr lang="fi-FI" dirty="0"/>
          </a:p>
        </p:txBody>
      </p:sp>
      <p:sp>
        <p:nvSpPr>
          <p:cNvPr id="9" name="Alatunnisteen paikkamerkki 8"/>
          <p:cNvSpPr>
            <a:spLocks noGrp="1"/>
          </p:cNvSpPr>
          <p:nvPr>
            <p:ph type="ftr" sz="quarter" idx="3"/>
          </p:nvPr>
        </p:nvSpPr>
        <p:spPr>
          <a:xfrm>
            <a:off x="812781" y="6448309"/>
            <a:ext cx="669492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Etunimi Sukunimi   </a:t>
            </a:r>
            <a:r>
              <a:rPr lang="fi-FI" sz="1300" dirty="0"/>
              <a:t>ELÄKETURVAKESKUS</a:t>
            </a:r>
          </a:p>
        </p:txBody>
      </p:sp>
    </p:spTree>
    <p:extLst>
      <p:ext uri="{BB962C8B-B14F-4D97-AF65-F5344CB8AC3E}">
        <p14:creationId xmlns:p14="http://schemas.microsoft.com/office/powerpoint/2010/main" val="372490860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2" r:id="rId1"/>
    <p:sldLayoutId id="2147483733" r:id="rId2"/>
    <p:sldLayoutId id="2147483734" r:id="rId3"/>
    <p:sldLayoutId id="2147483735" r:id="rId4"/>
    <p:sldLayoutId id="2147483736" r:id="rId5"/>
    <p:sldLayoutId id="2147483737" r:id="rId6"/>
    <p:sldLayoutId id="2147483738" r:id="rId7"/>
  </p:sldLayoutIdLst>
  <p:hf hdr="0"/>
  <p:txStyles>
    <p:titleStyle>
      <a:lvl1pPr algn="l" defTabSz="685800" rtl="0" eaLnBrk="1" latinLnBrk="0" hangingPunct="1">
        <a:lnSpc>
          <a:spcPct val="100000"/>
        </a:lnSpc>
        <a:spcBef>
          <a:spcPct val="0"/>
        </a:spcBef>
        <a:buNone/>
        <a:defRPr sz="2300" b="1" kern="1200">
          <a:solidFill>
            <a:schemeClr val="accent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</p:titleStyle>
    <p:bodyStyle>
      <a:lvl1pPr marL="171450" indent="-171450" algn="l" defTabSz="685800" rtl="0" eaLnBrk="1" latinLnBrk="0" hangingPunct="1">
        <a:lnSpc>
          <a:spcPct val="100000"/>
        </a:lnSpc>
        <a:spcBef>
          <a:spcPts val="75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742950" marR="0" indent="-230400" algn="l" defTabSz="457200" rtl="0" eaLnBrk="1" fontAlgn="base" latinLnBrk="0" hangingPunct="1">
        <a:lnSpc>
          <a:spcPct val="100000"/>
        </a:lnSpc>
        <a:spcBef>
          <a:spcPct val="20000"/>
        </a:spcBef>
        <a:spcAft>
          <a:spcPts val="600"/>
        </a:spcAft>
        <a:buClrTx/>
        <a:buSzTx/>
        <a:buFont typeface="Arial" charset="0"/>
        <a:buChar char="–"/>
        <a:tabLst/>
        <a:defRPr sz="16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1143000" marR="0" indent="-228600" algn="l" defTabSz="457200" rtl="0" eaLnBrk="1" fontAlgn="base" latinLnBrk="0" hangingPunct="1">
        <a:lnSpc>
          <a:spcPct val="100000"/>
        </a:lnSpc>
        <a:spcBef>
          <a:spcPct val="20000"/>
        </a:spcBef>
        <a:spcAft>
          <a:spcPts val="600"/>
        </a:spcAft>
        <a:buClrTx/>
        <a:buSzTx/>
        <a:buFont typeface="Verdana" pitchFamily="34" charset="0"/>
        <a:buChar char="»"/>
        <a:tabLst/>
        <a:defRPr sz="16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1600200" marR="0" indent="-228600" algn="l" defTabSz="457200" rtl="0" eaLnBrk="1" fontAlgn="base" latinLnBrk="0" hangingPunct="1">
        <a:lnSpc>
          <a:spcPct val="100000"/>
        </a:lnSpc>
        <a:spcBef>
          <a:spcPct val="20000"/>
        </a:spcBef>
        <a:spcAft>
          <a:spcPts val="600"/>
        </a:spcAft>
        <a:buClrTx/>
        <a:buSzTx/>
        <a:buFont typeface="Arial" pitchFamily="34" charset="0"/>
        <a:buChar char="▪"/>
        <a:tabLst/>
        <a:defRPr sz="16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2057400" marR="0" indent="-228600" algn="l" defTabSz="457200" rtl="0" eaLnBrk="1" fontAlgn="base" latinLnBrk="0" hangingPunct="1">
        <a:lnSpc>
          <a:spcPct val="100000"/>
        </a:lnSpc>
        <a:spcBef>
          <a:spcPct val="20000"/>
        </a:spcBef>
        <a:spcAft>
          <a:spcPts val="600"/>
        </a:spcAft>
        <a:buClrTx/>
        <a:buSzTx/>
        <a:buFont typeface="Arial" pitchFamily="34" charset="0"/>
        <a:buChar char="▫"/>
        <a:tabLst/>
        <a:defRPr sz="160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i-FI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/>
          </p:cNvSpPr>
          <p:nvPr>
            <p:ph type="title"/>
          </p:nvPr>
        </p:nvSpPr>
        <p:spPr bwMode="auto">
          <a:xfrm>
            <a:off x="719667" y="333375"/>
            <a:ext cx="8832851" cy="935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fi-FI" altLang="fi-FI" smtClean="0"/>
              <a:t>Muokkaa perustyyl. napsautt.</a:t>
            </a:r>
            <a:endParaRPr lang="en-US" altLang="fi-FI" smtClean="0"/>
          </a:p>
        </p:txBody>
      </p:sp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719667" y="1557338"/>
            <a:ext cx="10752667" cy="46085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i-FI" altLang="fi-FI" smtClean="0"/>
              <a:t>Muokkaa tekstin perustyylejä napsauttamalla</a:t>
            </a:r>
          </a:p>
          <a:p>
            <a:pPr lvl="1"/>
            <a:r>
              <a:rPr lang="fi-FI" altLang="fi-FI" smtClean="0"/>
              <a:t>toinen taso</a:t>
            </a:r>
          </a:p>
          <a:p>
            <a:pPr lvl="2"/>
            <a:r>
              <a:rPr lang="fi-FI" altLang="fi-FI" smtClean="0"/>
              <a:t>kolmas taso</a:t>
            </a:r>
          </a:p>
          <a:p>
            <a:pPr lvl="3"/>
            <a:r>
              <a:rPr lang="fi-FI" altLang="fi-FI" smtClean="0"/>
              <a:t>neljäs taso</a:t>
            </a:r>
          </a:p>
          <a:p>
            <a:pPr lvl="4"/>
            <a:r>
              <a:rPr lang="fi-FI" altLang="fi-FI" smtClean="0"/>
              <a:t>viides taso</a:t>
            </a:r>
            <a:endParaRPr lang="en-US" altLang="fi-FI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200151" y="6381751"/>
            <a:ext cx="1534583" cy="142875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700" smtClean="0">
                <a:solidFill>
                  <a:schemeClr val="accent1"/>
                </a:solidFill>
                <a:latin typeface="Arial" charset="0"/>
              </a:defRPr>
            </a:lvl1pPr>
          </a:lstStyle>
          <a:p>
            <a:pPr>
              <a:defRPr/>
            </a:pPr>
            <a:r>
              <a:rPr lang="es-ES_tradnl"/>
              <a:t>17.01.2014</a:t>
            </a:r>
            <a:endParaRPr lang="fi-FI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927351" y="6381751"/>
            <a:ext cx="8544983" cy="142875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r">
              <a:defRPr sz="700" smtClean="0">
                <a:solidFill>
                  <a:schemeClr val="accent1"/>
                </a:solidFill>
                <a:latin typeface="Arial" charset="0"/>
              </a:defRPr>
            </a:lvl1pPr>
          </a:lstStyle>
          <a:p>
            <a:pPr>
              <a:defRPr/>
            </a:pPr>
            <a:r>
              <a:rPr lang="fi-FI"/>
              <a:t>Jaana Joenperä, Pääkaupunkiseudun verotoimisto</a:t>
            </a:r>
            <a:endParaRPr lang="fi-FI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19667" y="6381751"/>
            <a:ext cx="287867" cy="142875"/>
          </a:xfrm>
          <a:prstGeom prst="rect">
            <a:avLst/>
          </a:prstGeom>
          <a:solidFill>
            <a:schemeClr val="accent1"/>
          </a:solidFill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>
              <a:defRPr sz="700">
                <a:solidFill>
                  <a:schemeClr val="bg1"/>
                </a:solidFill>
              </a:defRPr>
            </a:lvl1pPr>
          </a:lstStyle>
          <a:p>
            <a:fld id="{D3C3401A-AFA3-4172-AB69-059085BD06BD}" type="slidenum">
              <a:rPr lang="fi-FI" altLang="fi-FI"/>
              <a:pPr/>
              <a:t>‹#›</a:t>
            </a:fld>
            <a:endParaRPr lang="fi-FI" altLang="fi-FI"/>
          </a:p>
        </p:txBody>
      </p:sp>
      <p:sp>
        <p:nvSpPr>
          <p:cNvPr id="1031" name="(c)" hidden="1"/>
          <p:cNvSpPr txBox="1">
            <a:spLocks noChangeArrowheads="1"/>
          </p:cNvSpPr>
          <p:nvPr/>
        </p:nvSpPr>
        <p:spPr bwMode="auto">
          <a:xfrm>
            <a:off x="11908332" y="6884988"/>
            <a:ext cx="277319" cy="307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eaLnBrk="0" hangingPunct="0">
              <a:defRPr b="1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eaLnBrk="0" hangingPunct="0">
              <a:defRPr b="1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eaLnBrk="0" hangingPunct="0">
              <a:defRPr b="1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eaLnBrk="0" hangingPunct="0">
              <a:defRPr b="1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eaLnBrk="0" hangingPunct="0">
              <a:defRPr b="1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r" eaLnBrk="1" hangingPunct="1"/>
            <a:r>
              <a:rPr lang="fi-FI" altLang="fi-FI" sz="200">
                <a:solidFill>
                  <a:schemeClr val="bg1"/>
                </a:solidFill>
              </a:rPr>
              <a:t>©grow. for verohallinto</a:t>
            </a:r>
            <a:endParaRPr lang="en-GB" altLang="fi-FI" sz="200">
              <a:solidFill>
                <a:schemeClr val="bg1"/>
              </a:solidFill>
            </a:endParaRPr>
          </a:p>
        </p:txBody>
      </p:sp>
      <p:sp>
        <p:nvSpPr>
          <p:cNvPr id="1032" name="Freeform 6"/>
          <p:cNvSpPr>
            <a:spLocks noChangeAspect="1" noEditPoints="1"/>
          </p:cNvSpPr>
          <p:nvPr/>
        </p:nvSpPr>
        <p:spPr bwMode="auto">
          <a:xfrm>
            <a:off x="9899651" y="333375"/>
            <a:ext cx="1572683" cy="360363"/>
          </a:xfrm>
          <a:custGeom>
            <a:avLst/>
            <a:gdLst>
              <a:gd name="T0" fmla="*/ 200723 w 4892"/>
              <a:gd name="T1" fmla="*/ 46024 h 1494"/>
              <a:gd name="T2" fmla="*/ 136626 w 4892"/>
              <a:gd name="T3" fmla="*/ 264819 h 1494"/>
              <a:gd name="T4" fmla="*/ 384337 w 4892"/>
              <a:gd name="T5" fmla="*/ 261928 h 1494"/>
              <a:gd name="T6" fmla="*/ 324578 w 4892"/>
              <a:gd name="T7" fmla="*/ 339518 h 1494"/>
              <a:gd name="T8" fmla="*/ 317590 w 4892"/>
              <a:gd name="T9" fmla="*/ 86265 h 1494"/>
              <a:gd name="T10" fmla="*/ 286747 w 4892"/>
              <a:gd name="T11" fmla="*/ 133494 h 1494"/>
              <a:gd name="T12" fmla="*/ 380482 w 4892"/>
              <a:gd name="T13" fmla="*/ 357349 h 1494"/>
              <a:gd name="T14" fmla="*/ 398072 w 4892"/>
              <a:gd name="T15" fmla="*/ 227711 h 1494"/>
              <a:gd name="T16" fmla="*/ 373976 w 4892"/>
              <a:gd name="T17" fmla="*/ 21687 h 1494"/>
              <a:gd name="T18" fmla="*/ 375181 w 4892"/>
              <a:gd name="T19" fmla="*/ 78795 h 1494"/>
              <a:gd name="T20" fmla="*/ 415663 w 4892"/>
              <a:gd name="T21" fmla="*/ 69880 h 1494"/>
              <a:gd name="T22" fmla="*/ 443373 w 4892"/>
              <a:gd name="T23" fmla="*/ 24578 h 1494"/>
              <a:gd name="T24" fmla="*/ 461928 w 4892"/>
              <a:gd name="T25" fmla="*/ 63855 h 1494"/>
              <a:gd name="T26" fmla="*/ 458313 w 4892"/>
              <a:gd name="T27" fmla="*/ 109157 h 1494"/>
              <a:gd name="T28" fmla="*/ 501446 w 4892"/>
              <a:gd name="T29" fmla="*/ 73012 h 1494"/>
              <a:gd name="T30" fmla="*/ 490602 w 4892"/>
              <a:gd name="T31" fmla="*/ 125783 h 1494"/>
              <a:gd name="T32" fmla="*/ 207229 w 4892"/>
              <a:gd name="T33" fmla="*/ 214699 h 1494"/>
              <a:gd name="T34" fmla="*/ 224337 w 4892"/>
              <a:gd name="T35" fmla="*/ 155904 h 1494"/>
              <a:gd name="T36" fmla="*/ 267711 w 4892"/>
              <a:gd name="T37" fmla="*/ 209880 h 1494"/>
              <a:gd name="T38" fmla="*/ 507711 w 4892"/>
              <a:gd name="T39" fmla="*/ 289398 h 1494"/>
              <a:gd name="T40" fmla="*/ 560964 w 4892"/>
              <a:gd name="T41" fmla="*/ 246265 h 1494"/>
              <a:gd name="T42" fmla="*/ 555904 w 4892"/>
              <a:gd name="T43" fmla="*/ 314458 h 1494"/>
              <a:gd name="T44" fmla="*/ 191084 w 4892"/>
              <a:gd name="T45" fmla="*/ 185301 h 1494"/>
              <a:gd name="T46" fmla="*/ 251807 w 4892"/>
              <a:gd name="T47" fmla="*/ 233012 h 1494"/>
              <a:gd name="T48" fmla="*/ 260241 w 4892"/>
              <a:gd name="T49" fmla="*/ 153494 h 1494"/>
              <a:gd name="T50" fmla="*/ 152048 w 4892"/>
              <a:gd name="T51" fmla="*/ 254458 h 1494"/>
              <a:gd name="T52" fmla="*/ 221446 w 4892"/>
              <a:gd name="T53" fmla="*/ 49157 h 1494"/>
              <a:gd name="T54" fmla="*/ 493253 w 4892"/>
              <a:gd name="T55" fmla="*/ 140241 h 1494"/>
              <a:gd name="T56" fmla="*/ 508193 w 4892"/>
              <a:gd name="T57" fmla="*/ 62410 h 1494"/>
              <a:gd name="T58" fmla="*/ 468675 w 4892"/>
              <a:gd name="T59" fmla="*/ 104578 h 1494"/>
              <a:gd name="T60" fmla="*/ 465783 w 4892"/>
              <a:gd name="T61" fmla="*/ 55663 h 1494"/>
              <a:gd name="T62" fmla="*/ 431566 w 4892"/>
              <a:gd name="T63" fmla="*/ 23373 h 1494"/>
              <a:gd name="T64" fmla="*/ 408675 w 4892"/>
              <a:gd name="T65" fmla="*/ 73735 h 1494"/>
              <a:gd name="T66" fmla="*/ 391807 w 4892"/>
              <a:gd name="T67" fmla="*/ 51084 h 1494"/>
              <a:gd name="T68" fmla="*/ 516867 w 4892"/>
              <a:gd name="T69" fmla="*/ 11325 h 1494"/>
              <a:gd name="T70" fmla="*/ 421205 w 4892"/>
              <a:gd name="T71" fmla="*/ 240723 h 1494"/>
              <a:gd name="T72" fmla="*/ 585542 w 4892"/>
              <a:gd name="T73" fmla="*/ 133253 h 1494"/>
              <a:gd name="T74" fmla="*/ 330361 w 4892"/>
              <a:gd name="T75" fmla="*/ 112289 h 1494"/>
              <a:gd name="T76" fmla="*/ 265060 w 4892"/>
              <a:gd name="T77" fmla="*/ 97108 h 1494"/>
              <a:gd name="T78" fmla="*/ 528434 w 4892"/>
              <a:gd name="T79" fmla="*/ 237108 h 1494"/>
              <a:gd name="T80" fmla="*/ 513735 w 4892"/>
              <a:gd name="T81" fmla="*/ 313253 h 1494"/>
              <a:gd name="T82" fmla="*/ 588434 w 4892"/>
              <a:gd name="T83" fmla="*/ 285060 h 1494"/>
              <a:gd name="T84" fmla="*/ 524337 w 4892"/>
              <a:gd name="T85" fmla="*/ 207711 h 1494"/>
              <a:gd name="T86" fmla="*/ 558313 w 4892"/>
              <a:gd name="T87" fmla="*/ 141928 h 1494"/>
              <a:gd name="T88" fmla="*/ 587229 w 4892"/>
              <a:gd name="T89" fmla="*/ 47470 h 1494"/>
              <a:gd name="T90" fmla="*/ 724337 w 4892"/>
              <a:gd name="T91" fmla="*/ 344096 h 1494"/>
              <a:gd name="T92" fmla="*/ 678313 w 4892"/>
              <a:gd name="T93" fmla="*/ 286988 h 1494"/>
              <a:gd name="T94" fmla="*/ 686988 w 4892"/>
              <a:gd name="T95" fmla="*/ 227711 h 1494"/>
              <a:gd name="T96" fmla="*/ 713253 w 4892"/>
              <a:gd name="T97" fmla="*/ 239036 h 1494"/>
              <a:gd name="T98" fmla="*/ 676385 w 4892"/>
              <a:gd name="T99" fmla="*/ 270843 h 1494"/>
              <a:gd name="T100" fmla="*/ 740241 w 4892"/>
              <a:gd name="T101" fmla="*/ 342892 h 1494"/>
              <a:gd name="T102" fmla="*/ 657831 w 4892"/>
              <a:gd name="T103" fmla="*/ 324578 h 1494"/>
              <a:gd name="T104" fmla="*/ 1126988 w 4892"/>
              <a:gd name="T105" fmla="*/ 357349 h 1494"/>
              <a:gd name="T106" fmla="*/ 1010602 w 4892"/>
              <a:gd name="T107" fmla="*/ 8193 h 1494"/>
              <a:gd name="T108" fmla="*/ 1030843 w 4892"/>
              <a:gd name="T109" fmla="*/ 94458 h 1494"/>
              <a:gd name="T110" fmla="*/ 1005060 w 4892"/>
              <a:gd name="T111" fmla="*/ 63855 h 1494"/>
              <a:gd name="T112" fmla="*/ 1095181 w 4892"/>
              <a:gd name="T113" fmla="*/ 58072 h 1494"/>
              <a:gd name="T114" fmla="*/ 1138795 w 4892"/>
              <a:gd name="T115" fmla="*/ 152289 h 1494"/>
              <a:gd name="T116" fmla="*/ 1092048 w 4892"/>
              <a:gd name="T117" fmla="*/ 188675 h 1494"/>
              <a:gd name="T118" fmla="*/ 1067470 w 4892"/>
              <a:gd name="T119" fmla="*/ 25060 h 1494"/>
              <a:gd name="T120" fmla="*/ 1166988 w 4892"/>
              <a:gd name="T121" fmla="*/ 20241 h 1494"/>
              <a:gd name="T122" fmla="*/ 1147952 w 4892"/>
              <a:gd name="T123" fmla="*/ 187711 h 1494"/>
              <a:gd name="T124" fmla="*/ 0 60000 65536"/>
              <a:gd name="T125" fmla="*/ 0 60000 65536"/>
              <a:gd name="T126" fmla="*/ 0 60000 65536"/>
              <a:gd name="T127" fmla="*/ 0 60000 65536"/>
              <a:gd name="T128" fmla="*/ 0 60000 65536"/>
              <a:gd name="T129" fmla="*/ 0 60000 65536"/>
              <a:gd name="T130" fmla="*/ 0 60000 65536"/>
              <a:gd name="T131" fmla="*/ 0 60000 65536"/>
              <a:gd name="T132" fmla="*/ 0 60000 65536"/>
              <a:gd name="T133" fmla="*/ 0 60000 65536"/>
              <a:gd name="T134" fmla="*/ 0 60000 65536"/>
              <a:gd name="T135" fmla="*/ 0 60000 65536"/>
              <a:gd name="T136" fmla="*/ 0 60000 65536"/>
              <a:gd name="T137" fmla="*/ 0 60000 65536"/>
              <a:gd name="T138" fmla="*/ 0 60000 65536"/>
              <a:gd name="T139" fmla="*/ 0 60000 65536"/>
              <a:gd name="T140" fmla="*/ 0 60000 65536"/>
              <a:gd name="T141" fmla="*/ 0 60000 65536"/>
              <a:gd name="T142" fmla="*/ 0 60000 65536"/>
              <a:gd name="T143" fmla="*/ 0 60000 65536"/>
              <a:gd name="T144" fmla="*/ 0 60000 65536"/>
              <a:gd name="T145" fmla="*/ 0 60000 65536"/>
              <a:gd name="T146" fmla="*/ 0 60000 65536"/>
              <a:gd name="T147" fmla="*/ 0 60000 65536"/>
              <a:gd name="T148" fmla="*/ 0 60000 65536"/>
              <a:gd name="T149" fmla="*/ 0 60000 65536"/>
              <a:gd name="T150" fmla="*/ 0 60000 65536"/>
              <a:gd name="T151" fmla="*/ 0 60000 65536"/>
              <a:gd name="T152" fmla="*/ 0 60000 65536"/>
              <a:gd name="T153" fmla="*/ 0 60000 65536"/>
              <a:gd name="T154" fmla="*/ 0 60000 65536"/>
              <a:gd name="T155" fmla="*/ 0 60000 65536"/>
              <a:gd name="T156" fmla="*/ 0 60000 65536"/>
              <a:gd name="T157" fmla="*/ 0 60000 65536"/>
              <a:gd name="T158" fmla="*/ 0 60000 65536"/>
              <a:gd name="T159" fmla="*/ 0 60000 65536"/>
              <a:gd name="T160" fmla="*/ 0 60000 65536"/>
              <a:gd name="T161" fmla="*/ 0 60000 65536"/>
              <a:gd name="T162" fmla="*/ 0 60000 65536"/>
              <a:gd name="T163" fmla="*/ 0 60000 65536"/>
              <a:gd name="T164" fmla="*/ 0 60000 65536"/>
              <a:gd name="T165" fmla="*/ 0 60000 65536"/>
              <a:gd name="T166" fmla="*/ 0 60000 65536"/>
              <a:gd name="T167" fmla="*/ 0 60000 65536"/>
              <a:gd name="T168" fmla="*/ 0 60000 65536"/>
              <a:gd name="T169" fmla="*/ 0 60000 65536"/>
              <a:gd name="T170" fmla="*/ 0 60000 65536"/>
              <a:gd name="T171" fmla="*/ 0 60000 65536"/>
              <a:gd name="T172" fmla="*/ 0 60000 65536"/>
              <a:gd name="T173" fmla="*/ 0 60000 65536"/>
              <a:gd name="T174" fmla="*/ 0 60000 65536"/>
              <a:gd name="T175" fmla="*/ 0 60000 65536"/>
              <a:gd name="T176" fmla="*/ 0 60000 65536"/>
              <a:gd name="T177" fmla="*/ 0 60000 65536"/>
              <a:gd name="T178" fmla="*/ 0 60000 65536"/>
              <a:gd name="T179" fmla="*/ 0 60000 65536"/>
              <a:gd name="T180" fmla="*/ 0 60000 65536"/>
              <a:gd name="T181" fmla="*/ 0 60000 65536"/>
              <a:gd name="T182" fmla="*/ 0 60000 65536"/>
              <a:gd name="T183" fmla="*/ 0 60000 65536"/>
              <a:gd name="T184" fmla="*/ 0 60000 65536"/>
              <a:gd name="T185" fmla="*/ 0 60000 65536"/>
            </a:gdLst>
            <a:ahLst/>
            <a:cxnLst>
              <a:cxn ang="T124">
                <a:pos x="T0" y="T1"/>
              </a:cxn>
              <a:cxn ang="T125">
                <a:pos x="T2" y="T3"/>
              </a:cxn>
              <a:cxn ang="T126">
                <a:pos x="T4" y="T5"/>
              </a:cxn>
              <a:cxn ang="T127">
                <a:pos x="T6" y="T7"/>
              </a:cxn>
              <a:cxn ang="T128">
                <a:pos x="T8" y="T9"/>
              </a:cxn>
              <a:cxn ang="T129">
                <a:pos x="T10" y="T11"/>
              </a:cxn>
              <a:cxn ang="T130">
                <a:pos x="T12" y="T13"/>
              </a:cxn>
              <a:cxn ang="T131">
                <a:pos x="T14" y="T15"/>
              </a:cxn>
              <a:cxn ang="T132">
                <a:pos x="T16" y="T17"/>
              </a:cxn>
              <a:cxn ang="T133">
                <a:pos x="T18" y="T19"/>
              </a:cxn>
              <a:cxn ang="T134">
                <a:pos x="T20" y="T21"/>
              </a:cxn>
              <a:cxn ang="T135">
                <a:pos x="T22" y="T23"/>
              </a:cxn>
              <a:cxn ang="T136">
                <a:pos x="T24" y="T25"/>
              </a:cxn>
              <a:cxn ang="T137">
                <a:pos x="T26" y="T27"/>
              </a:cxn>
              <a:cxn ang="T138">
                <a:pos x="T28" y="T29"/>
              </a:cxn>
              <a:cxn ang="T139">
                <a:pos x="T30" y="T31"/>
              </a:cxn>
              <a:cxn ang="T140">
                <a:pos x="T32" y="T33"/>
              </a:cxn>
              <a:cxn ang="T141">
                <a:pos x="T34" y="T35"/>
              </a:cxn>
              <a:cxn ang="T142">
                <a:pos x="T36" y="T37"/>
              </a:cxn>
              <a:cxn ang="T143">
                <a:pos x="T38" y="T39"/>
              </a:cxn>
              <a:cxn ang="T144">
                <a:pos x="T40" y="T41"/>
              </a:cxn>
              <a:cxn ang="T145">
                <a:pos x="T42" y="T43"/>
              </a:cxn>
              <a:cxn ang="T146">
                <a:pos x="T44" y="T45"/>
              </a:cxn>
              <a:cxn ang="T147">
                <a:pos x="T46" y="T47"/>
              </a:cxn>
              <a:cxn ang="T148">
                <a:pos x="T48" y="T49"/>
              </a:cxn>
              <a:cxn ang="T149">
                <a:pos x="T50" y="T51"/>
              </a:cxn>
              <a:cxn ang="T150">
                <a:pos x="T52" y="T53"/>
              </a:cxn>
              <a:cxn ang="T151">
                <a:pos x="T54" y="T55"/>
              </a:cxn>
              <a:cxn ang="T152">
                <a:pos x="T56" y="T57"/>
              </a:cxn>
              <a:cxn ang="T153">
                <a:pos x="T58" y="T59"/>
              </a:cxn>
              <a:cxn ang="T154">
                <a:pos x="T60" y="T61"/>
              </a:cxn>
              <a:cxn ang="T155">
                <a:pos x="T62" y="T63"/>
              </a:cxn>
              <a:cxn ang="T156">
                <a:pos x="T64" y="T65"/>
              </a:cxn>
              <a:cxn ang="T157">
                <a:pos x="T66" y="T67"/>
              </a:cxn>
              <a:cxn ang="T158">
                <a:pos x="T68" y="T69"/>
              </a:cxn>
              <a:cxn ang="T159">
                <a:pos x="T70" y="T71"/>
              </a:cxn>
              <a:cxn ang="T160">
                <a:pos x="T72" y="T73"/>
              </a:cxn>
              <a:cxn ang="T161">
                <a:pos x="T74" y="T75"/>
              </a:cxn>
              <a:cxn ang="T162">
                <a:pos x="T76" y="T77"/>
              </a:cxn>
              <a:cxn ang="T163">
                <a:pos x="T78" y="T79"/>
              </a:cxn>
              <a:cxn ang="T164">
                <a:pos x="T80" y="T81"/>
              </a:cxn>
              <a:cxn ang="T165">
                <a:pos x="T82" y="T83"/>
              </a:cxn>
              <a:cxn ang="T166">
                <a:pos x="T84" y="T85"/>
              </a:cxn>
              <a:cxn ang="T167">
                <a:pos x="T86" y="T87"/>
              </a:cxn>
              <a:cxn ang="T168">
                <a:pos x="T88" y="T89"/>
              </a:cxn>
              <a:cxn ang="T169">
                <a:pos x="T90" y="T91"/>
              </a:cxn>
              <a:cxn ang="T170">
                <a:pos x="T92" y="T93"/>
              </a:cxn>
              <a:cxn ang="T171">
                <a:pos x="T94" y="T95"/>
              </a:cxn>
              <a:cxn ang="T172">
                <a:pos x="T96" y="T97"/>
              </a:cxn>
              <a:cxn ang="T173">
                <a:pos x="T98" y="T99"/>
              </a:cxn>
              <a:cxn ang="T174">
                <a:pos x="T100" y="T101"/>
              </a:cxn>
              <a:cxn ang="T175">
                <a:pos x="T102" y="T103"/>
              </a:cxn>
              <a:cxn ang="T176">
                <a:pos x="T104" y="T105"/>
              </a:cxn>
              <a:cxn ang="T177">
                <a:pos x="T106" y="T107"/>
              </a:cxn>
              <a:cxn ang="T178">
                <a:pos x="T108" y="T109"/>
              </a:cxn>
              <a:cxn ang="T179">
                <a:pos x="T110" y="T111"/>
              </a:cxn>
              <a:cxn ang="T180">
                <a:pos x="T112" y="T113"/>
              </a:cxn>
              <a:cxn ang="T181">
                <a:pos x="T114" y="T115"/>
              </a:cxn>
              <a:cxn ang="T182">
                <a:pos x="T116" y="T117"/>
              </a:cxn>
              <a:cxn ang="T183">
                <a:pos x="T118" y="T119"/>
              </a:cxn>
              <a:cxn ang="T184">
                <a:pos x="T120" y="T121"/>
              </a:cxn>
              <a:cxn ang="T185">
                <a:pos x="T122" y="T123"/>
              </a:cxn>
            </a:cxnLst>
            <a:rect l="0" t="0" r="r" b="b"/>
            <a:pathLst>
              <a:path w="4892" h="1494">
                <a:moveTo>
                  <a:pt x="1023" y="1319"/>
                </a:moveTo>
                <a:lnTo>
                  <a:pt x="877" y="1390"/>
                </a:lnTo>
                <a:lnTo>
                  <a:pt x="852" y="1336"/>
                </a:lnTo>
                <a:lnTo>
                  <a:pt x="1023" y="1253"/>
                </a:lnTo>
                <a:lnTo>
                  <a:pt x="1153" y="1189"/>
                </a:lnTo>
                <a:lnTo>
                  <a:pt x="1339" y="1098"/>
                </a:lnTo>
                <a:lnTo>
                  <a:pt x="1356" y="1089"/>
                </a:lnTo>
                <a:lnTo>
                  <a:pt x="1540" y="1000"/>
                </a:lnTo>
                <a:lnTo>
                  <a:pt x="1556" y="1025"/>
                </a:lnTo>
                <a:lnTo>
                  <a:pt x="1572" y="1050"/>
                </a:lnTo>
                <a:lnTo>
                  <a:pt x="1567" y="1052"/>
                </a:lnTo>
                <a:lnTo>
                  <a:pt x="1565" y="1053"/>
                </a:lnTo>
                <a:lnTo>
                  <a:pt x="1563" y="1054"/>
                </a:lnTo>
                <a:lnTo>
                  <a:pt x="1356" y="1156"/>
                </a:lnTo>
                <a:lnTo>
                  <a:pt x="1339" y="1164"/>
                </a:lnTo>
                <a:lnTo>
                  <a:pt x="1153" y="1255"/>
                </a:lnTo>
                <a:lnTo>
                  <a:pt x="1023" y="1319"/>
                </a:lnTo>
                <a:close/>
                <a:moveTo>
                  <a:pt x="1023" y="1216"/>
                </a:moveTo>
                <a:lnTo>
                  <a:pt x="984" y="1237"/>
                </a:lnTo>
                <a:lnTo>
                  <a:pt x="868" y="1216"/>
                </a:lnTo>
                <a:lnTo>
                  <a:pt x="1023" y="1140"/>
                </a:lnTo>
                <a:lnTo>
                  <a:pt x="1153" y="1077"/>
                </a:lnTo>
                <a:lnTo>
                  <a:pt x="1192" y="1057"/>
                </a:lnTo>
                <a:lnTo>
                  <a:pt x="1305" y="1078"/>
                </a:lnTo>
                <a:lnTo>
                  <a:pt x="1153" y="1154"/>
                </a:lnTo>
                <a:lnTo>
                  <a:pt x="1023" y="1216"/>
                </a:lnTo>
                <a:close/>
                <a:moveTo>
                  <a:pt x="1023" y="26"/>
                </a:moveTo>
                <a:lnTo>
                  <a:pt x="1004" y="39"/>
                </a:lnTo>
                <a:lnTo>
                  <a:pt x="986" y="53"/>
                </a:lnTo>
                <a:lnTo>
                  <a:pt x="968" y="67"/>
                </a:lnTo>
                <a:lnTo>
                  <a:pt x="950" y="81"/>
                </a:lnTo>
                <a:lnTo>
                  <a:pt x="933" y="96"/>
                </a:lnTo>
                <a:lnTo>
                  <a:pt x="914" y="111"/>
                </a:lnTo>
                <a:lnTo>
                  <a:pt x="897" y="126"/>
                </a:lnTo>
                <a:lnTo>
                  <a:pt x="881" y="142"/>
                </a:lnTo>
                <a:lnTo>
                  <a:pt x="865" y="158"/>
                </a:lnTo>
                <a:lnTo>
                  <a:pt x="849" y="174"/>
                </a:lnTo>
                <a:lnTo>
                  <a:pt x="833" y="191"/>
                </a:lnTo>
                <a:lnTo>
                  <a:pt x="818" y="208"/>
                </a:lnTo>
                <a:lnTo>
                  <a:pt x="803" y="226"/>
                </a:lnTo>
                <a:lnTo>
                  <a:pt x="788" y="244"/>
                </a:lnTo>
                <a:lnTo>
                  <a:pt x="774" y="262"/>
                </a:lnTo>
                <a:lnTo>
                  <a:pt x="760" y="281"/>
                </a:lnTo>
                <a:lnTo>
                  <a:pt x="746" y="299"/>
                </a:lnTo>
                <a:lnTo>
                  <a:pt x="733" y="319"/>
                </a:lnTo>
                <a:lnTo>
                  <a:pt x="720" y="338"/>
                </a:lnTo>
                <a:lnTo>
                  <a:pt x="708" y="358"/>
                </a:lnTo>
                <a:lnTo>
                  <a:pt x="696" y="379"/>
                </a:lnTo>
                <a:lnTo>
                  <a:pt x="685" y="400"/>
                </a:lnTo>
                <a:lnTo>
                  <a:pt x="673" y="420"/>
                </a:lnTo>
                <a:lnTo>
                  <a:pt x="663" y="441"/>
                </a:lnTo>
                <a:lnTo>
                  <a:pt x="652" y="463"/>
                </a:lnTo>
                <a:lnTo>
                  <a:pt x="643" y="485"/>
                </a:lnTo>
                <a:lnTo>
                  <a:pt x="633" y="507"/>
                </a:lnTo>
                <a:lnTo>
                  <a:pt x="624" y="529"/>
                </a:lnTo>
                <a:lnTo>
                  <a:pt x="616" y="551"/>
                </a:lnTo>
                <a:lnTo>
                  <a:pt x="608" y="574"/>
                </a:lnTo>
                <a:lnTo>
                  <a:pt x="600" y="598"/>
                </a:lnTo>
                <a:lnTo>
                  <a:pt x="593" y="621"/>
                </a:lnTo>
                <a:lnTo>
                  <a:pt x="586" y="649"/>
                </a:lnTo>
                <a:lnTo>
                  <a:pt x="579" y="678"/>
                </a:lnTo>
                <a:lnTo>
                  <a:pt x="573" y="706"/>
                </a:lnTo>
                <a:lnTo>
                  <a:pt x="568" y="735"/>
                </a:lnTo>
                <a:lnTo>
                  <a:pt x="563" y="763"/>
                </a:lnTo>
                <a:lnTo>
                  <a:pt x="559" y="792"/>
                </a:lnTo>
                <a:lnTo>
                  <a:pt x="556" y="820"/>
                </a:lnTo>
                <a:lnTo>
                  <a:pt x="554" y="848"/>
                </a:lnTo>
                <a:lnTo>
                  <a:pt x="553" y="877"/>
                </a:lnTo>
                <a:lnTo>
                  <a:pt x="552" y="905"/>
                </a:lnTo>
                <a:lnTo>
                  <a:pt x="552" y="933"/>
                </a:lnTo>
                <a:lnTo>
                  <a:pt x="553" y="961"/>
                </a:lnTo>
                <a:lnTo>
                  <a:pt x="554" y="989"/>
                </a:lnTo>
                <a:lnTo>
                  <a:pt x="556" y="1017"/>
                </a:lnTo>
                <a:lnTo>
                  <a:pt x="559" y="1044"/>
                </a:lnTo>
                <a:lnTo>
                  <a:pt x="563" y="1072"/>
                </a:lnTo>
                <a:lnTo>
                  <a:pt x="567" y="1099"/>
                </a:lnTo>
                <a:lnTo>
                  <a:pt x="572" y="1127"/>
                </a:lnTo>
                <a:lnTo>
                  <a:pt x="577" y="1154"/>
                </a:lnTo>
                <a:lnTo>
                  <a:pt x="584" y="1181"/>
                </a:lnTo>
                <a:lnTo>
                  <a:pt x="591" y="1208"/>
                </a:lnTo>
                <a:lnTo>
                  <a:pt x="598" y="1234"/>
                </a:lnTo>
                <a:lnTo>
                  <a:pt x="607" y="1260"/>
                </a:lnTo>
                <a:lnTo>
                  <a:pt x="616" y="1286"/>
                </a:lnTo>
                <a:lnTo>
                  <a:pt x="625" y="1312"/>
                </a:lnTo>
                <a:lnTo>
                  <a:pt x="635" y="1337"/>
                </a:lnTo>
                <a:lnTo>
                  <a:pt x="646" y="1362"/>
                </a:lnTo>
                <a:lnTo>
                  <a:pt x="658" y="1387"/>
                </a:lnTo>
                <a:lnTo>
                  <a:pt x="670" y="1412"/>
                </a:lnTo>
                <a:lnTo>
                  <a:pt x="683" y="1436"/>
                </a:lnTo>
                <a:lnTo>
                  <a:pt x="696" y="1460"/>
                </a:lnTo>
                <a:lnTo>
                  <a:pt x="710" y="1483"/>
                </a:lnTo>
                <a:lnTo>
                  <a:pt x="0" y="1483"/>
                </a:lnTo>
                <a:lnTo>
                  <a:pt x="0" y="746"/>
                </a:lnTo>
                <a:lnTo>
                  <a:pt x="0" y="10"/>
                </a:lnTo>
                <a:lnTo>
                  <a:pt x="511" y="10"/>
                </a:lnTo>
                <a:lnTo>
                  <a:pt x="1023" y="10"/>
                </a:lnTo>
                <a:lnTo>
                  <a:pt x="1048" y="10"/>
                </a:lnTo>
                <a:lnTo>
                  <a:pt x="1042" y="14"/>
                </a:lnTo>
                <a:lnTo>
                  <a:pt x="1036" y="18"/>
                </a:lnTo>
                <a:lnTo>
                  <a:pt x="1023" y="26"/>
                </a:lnTo>
                <a:close/>
                <a:moveTo>
                  <a:pt x="1153" y="1483"/>
                </a:moveTo>
                <a:lnTo>
                  <a:pt x="1023" y="1483"/>
                </a:lnTo>
                <a:lnTo>
                  <a:pt x="989" y="1483"/>
                </a:lnTo>
                <a:lnTo>
                  <a:pt x="1023" y="1466"/>
                </a:lnTo>
                <a:lnTo>
                  <a:pt x="1153" y="1404"/>
                </a:lnTo>
                <a:lnTo>
                  <a:pt x="1328" y="1317"/>
                </a:lnTo>
                <a:lnTo>
                  <a:pt x="1339" y="1299"/>
                </a:lnTo>
                <a:lnTo>
                  <a:pt x="1356" y="1265"/>
                </a:lnTo>
                <a:lnTo>
                  <a:pt x="1408" y="1166"/>
                </a:lnTo>
                <a:lnTo>
                  <a:pt x="1577" y="1084"/>
                </a:lnTo>
                <a:lnTo>
                  <a:pt x="1583" y="1081"/>
                </a:lnTo>
                <a:lnTo>
                  <a:pt x="1588" y="1078"/>
                </a:lnTo>
                <a:lnTo>
                  <a:pt x="1591" y="1082"/>
                </a:lnTo>
                <a:lnTo>
                  <a:pt x="1595" y="1087"/>
                </a:lnTo>
                <a:lnTo>
                  <a:pt x="1694" y="1248"/>
                </a:lnTo>
                <a:lnTo>
                  <a:pt x="1682" y="1418"/>
                </a:lnTo>
                <a:lnTo>
                  <a:pt x="1717" y="1476"/>
                </a:lnTo>
                <a:lnTo>
                  <a:pt x="1723" y="1483"/>
                </a:lnTo>
                <a:lnTo>
                  <a:pt x="1717" y="1483"/>
                </a:lnTo>
                <a:lnTo>
                  <a:pt x="1616" y="1483"/>
                </a:lnTo>
                <a:lnTo>
                  <a:pt x="1612" y="1475"/>
                </a:lnTo>
                <a:lnTo>
                  <a:pt x="1607" y="1467"/>
                </a:lnTo>
                <a:lnTo>
                  <a:pt x="1601" y="1459"/>
                </a:lnTo>
                <a:lnTo>
                  <a:pt x="1596" y="1451"/>
                </a:lnTo>
                <a:lnTo>
                  <a:pt x="1590" y="1444"/>
                </a:lnTo>
                <a:lnTo>
                  <a:pt x="1583" y="1437"/>
                </a:lnTo>
                <a:lnTo>
                  <a:pt x="1576" y="1430"/>
                </a:lnTo>
                <a:lnTo>
                  <a:pt x="1569" y="1423"/>
                </a:lnTo>
                <a:lnTo>
                  <a:pt x="1562" y="1417"/>
                </a:lnTo>
                <a:lnTo>
                  <a:pt x="1554" y="1412"/>
                </a:lnTo>
                <a:lnTo>
                  <a:pt x="1546" y="1406"/>
                </a:lnTo>
                <a:lnTo>
                  <a:pt x="1537" y="1401"/>
                </a:lnTo>
                <a:lnTo>
                  <a:pt x="1529" y="1397"/>
                </a:lnTo>
                <a:lnTo>
                  <a:pt x="1519" y="1393"/>
                </a:lnTo>
                <a:lnTo>
                  <a:pt x="1509" y="1389"/>
                </a:lnTo>
                <a:lnTo>
                  <a:pt x="1500" y="1386"/>
                </a:lnTo>
                <a:lnTo>
                  <a:pt x="1490" y="1384"/>
                </a:lnTo>
                <a:lnTo>
                  <a:pt x="1481" y="1382"/>
                </a:lnTo>
                <a:lnTo>
                  <a:pt x="1462" y="1380"/>
                </a:lnTo>
                <a:lnTo>
                  <a:pt x="1452" y="1379"/>
                </a:lnTo>
                <a:lnTo>
                  <a:pt x="1443" y="1379"/>
                </a:lnTo>
                <a:lnTo>
                  <a:pt x="1433" y="1380"/>
                </a:lnTo>
                <a:lnTo>
                  <a:pt x="1424" y="1381"/>
                </a:lnTo>
                <a:lnTo>
                  <a:pt x="1415" y="1382"/>
                </a:lnTo>
                <a:lnTo>
                  <a:pt x="1406" y="1384"/>
                </a:lnTo>
                <a:lnTo>
                  <a:pt x="1397" y="1387"/>
                </a:lnTo>
                <a:lnTo>
                  <a:pt x="1389" y="1389"/>
                </a:lnTo>
                <a:lnTo>
                  <a:pt x="1380" y="1392"/>
                </a:lnTo>
                <a:lnTo>
                  <a:pt x="1372" y="1396"/>
                </a:lnTo>
                <a:lnTo>
                  <a:pt x="1364" y="1400"/>
                </a:lnTo>
                <a:lnTo>
                  <a:pt x="1356" y="1404"/>
                </a:lnTo>
                <a:lnTo>
                  <a:pt x="1347" y="1409"/>
                </a:lnTo>
                <a:lnTo>
                  <a:pt x="1339" y="1414"/>
                </a:lnTo>
                <a:lnTo>
                  <a:pt x="1330" y="1421"/>
                </a:lnTo>
                <a:lnTo>
                  <a:pt x="1321" y="1429"/>
                </a:lnTo>
                <a:lnTo>
                  <a:pt x="1313" y="1437"/>
                </a:lnTo>
                <a:lnTo>
                  <a:pt x="1305" y="1445"/>
                </a:lnTo>
                <a:lnTo>
                  <a:pt x="1298" y="1454"/>
                </a:lnTo>
                <a:lnTo>
                  <a:pt x="1292" y="1463"/>
                </a:lnTo>
                <a:lnTo>
                  <a:pt x="1289" y="1468"/>
                </a:lnTo>
                <a:lnTo>
                  <a:pt x="1286" y="1473"/>
                </a:lnTo>
                <a:lnTo>
                  <a:pt x="1280" y="1483"/>
                </a:lnTo>
                <a:lnTo>
                  <a:pt x="1153" y="1483"/>
                </a:lnTo>
                <a:close/>
                <a:moveTo>
                  <a:pt x="1153" y="460"/>
                </a:moveTo>
                <a:lnTo>
                  <a:pt x="1142" y="428"/>
                </a:lnTo>
                <a:lnTo>
                  <a:pt x="1137" y="412"/>
                </a:lnTo>
                <a:lnTo>
                  <a:pt x="1132" y="396"/>
                </a:lnTo>
                <a:lnTo>
                  <a:pt x="1124" y="363"/>
                </a:lnTo>
                <a:lnTo>
                  <a:pt x="1120" y="346"/>
                </a:lnTo>
                <a:lnTo>
                  <a:pt x="1117" y="330"/>
                </a:lnTo>
                <a:lnTo>
                  <a:pt x="1114" y="313"/>
                </a:lnTo>
                <a:lnTo>
                  <a:pt x="1111" y="297"/>
                </a:lnTo>
                <a:lnTo>
                  <a:pt x="1109" y="280"/>
                </a:lnTo>
                <a:lnTo>
                  <a:pt x="1107" y="264"/>
                </a:lnTo>
                <a:lnTo>
                  <a:pt x="1105" y="231"/>
                </a:lnTo>
                <a:lnTo>
                  <a:pt x="1105" y="214"/>
                </a:lnTo>
                <a:lnTo>
                  <a:pt x="1105" y="198"/>
                </a:lnTo>
                <a:lnTo>
                  <a:pt x="1117" y="204"/>
                </a:lnTo>
                <a:lnTo>
                  <a:pt x="1129" y="210"/>
                </a:lnTo>
                <a:lnTo>
                  <a:pt x="1153" y="223"/>
                </a:lnTo>
                <a:lnTo>
                  <a:pt x="1165" y="231"/>
                </a:lnTo>
                <a:lnTo>
                  <a:pt x="1178" y="239"/>
                </a:lnTo>
                <a:lnTo>
                  <a:pt x="1191" y="247"/>
                </a:lnTo>
                <a:lnTo>
                  <a:pt x="1203" y="256"/>
                </a:lnTo>
                <a:lnTo>
                  <a:pt x="1227" y="275"/>
                </a:lnTo>
                <a:lnTo>
                  <a:pt x="1239" y="285"/>
                </a:lnTo>
                <a:lnTo>
                  <a:pt x="1251" y="295"/>
                </a:lnTo>
                <a:lnTo>
                  <a:pt x="1274" y="315"/>
                </a:lnTo>
                <a:lnTo>
                  <a:pt x="1296" y="336"/>
                </a:lnTo>
                <a:lnTo>
                  <a:pt x="1318" y="358"/>
                </a:lnTo>
                <a:lnTo>
                  <a:pt x="1339" y="382"/>
                </a:lnTo>
                <a:lnTo>
                  <a:pt x="1347" y="392"/>
                </a:lnTo>
                <a:lnTo>
                  <a:pt x="1351" y="397"/>
                </a:lnTo>
                <a:lnTo>
                  <a:pt x="1356" y="401"/>
                </a:lnTo>
                <a:lnTo>
                  <a:pt x="1363" y="411"/>
                </a:lnTo>
                <a:lnTo>
                  <a:pt x="1371" y="420"/>
                </a:lnTo>
                <a:lnTo>
                  <a:pt x="1385" y="438"/>
                </a:lnTo>
                <a:lnTo>
                  <a:pt x="1371" y="433"/>
                </a:lnTo>
                <a:lnTo>
                  <a:pt x="1363" y="431"/>
                </a:lnTo>
                <a:lnTo>
                  <a:pt x="1356" y="430"/>
                </a:lnTo>
                <a:lnTo>
                  <a:pt x="1351" y="429"/>
                </a:lnTo>
                <a:lnTo>
                  <a:pt x="1347" y="428"/>
                </a:lnTo>
                <a:lnTo>
                  <a:pt x="1339" y="426"/>
                </a:lnTo>
                <a:lnTo>
                  <a:pt x="1327" y="425"/>
                </a:lnTo>
                <a:lnTo>
                  <a:pt x="1315" y="425"/>
                </a:lnTo>
                <a:lnTo>
                  <a:pt x="1302" y="426"/>
                </a:lnTo>
                <a:lnTo>
                  <a:pt x="1289" y="428"/>
                </a:lnTo>
                <a:lnTo>
                  <a:pt x="1309" y="460"/>
                </a:lnTo>
                <a:lnTo>
                  <a:pt x="1339" y="508"/>
                </a:lnTo>
                <a:lnTo>
                  <a:pt x="1356" y="536"/>
                </a:lnTo>
                <a:lnTo>
                  <a:pt x="1379" y="571"/>
                </a:lnTo>
                <a:lnTo>
                  <a:pt x="1356" y="586"/>
                </a:lnTo>
                <a:lnTo>
                  <a:pt x="1339" y="598"/>
                </a:lnTo>
                <a:lnTo>
                  <a:pt x="1306" y="544"/>
                </a:lnTo>
                <a:lnTo>
                  <a:pt x="1274" y="490"/>
                </a:lnTo>
                <a:lnTo>
                  <a:pt x="1211" y="380"/>
                </a:lnTo>
                <a:lnTo>
                  <a:pt x="1193" y="380"/>
                </a:lnTo>
                <a:lnTo>
                  <a:pt x="1176" y="382"/>
                </a:lnTo>
                <a:lnTo>
                  <a:pt x="1190" y="408"/>
                </a:lnTo>
                <a:lnTo>
                  <a:pt x="1206" y="435"/>
                </a:lnTo>
                <a:lnTo>
                  <a:pt x="1221" y="461"/>
                </a:lnTo>
                <a:lnTo>
                  <a:pt x="1236" y="488"/>
                </a:lnTo>
                <a:lnTo>
                  <a:pt x="1227" y="511"/>
                </a:lnTo>
                <a:lnTo>
                  <a:pt x="1223" y="523"/>
                </a:lnTo>
                <a:lnTo>
                  <a:pt x="1219" y="535"/>
                </a:lnTo>
                <a:lnTo>
                  <a:pt x="1211" y="559"/>
                </a:lnTo>
                <a:lnTo>
                  <a:pt x="1204" y="584"/>
                </a:lnTo>
                <a:lnTo>
                  <a:pt x="1190" y="554"/>
                </a:lnTo>
                <a:lnTo>
                  <a:pt x="1177" y="523"/>
                </a:lnTo>
                <a:lnTo>
                  <a:pt x="1164" y="492"/>
                </a:lnTo>
                <a:lnTo>
                  <a:pt x="1158" y="476"/>
                </a:lnTo>
                <a:lnTo>
                  <a:pt x="1153" y="460"/>
                </a:lnTo>
                <a:close/>
                <a:moveTo>
                  <a:pt x="1339" y="1483"/>
                </a:moveTo>
                <a:lnTo>
                  <a:pt x="1317" y="1483"/>
                </a:lnTo>
                <a:lnTo>
                  <a:pt x="1339" y="1457"/>
                </a:lnTo>
                <a:lnTo>
                  <a:pt x="1347" y="1449"/>
                </a:lnTo>
                <a:lnTo>
                  <a:pt x="1351" y="1446"/>
                </a:lnTo>
                <a:lnTo>
                  <a:pt x="1356" y="1443"/>
                </a:lnTo>
                <a:lnTo>
                  <a:pt x="1363" y="1438"/>
                </a:lnTo>
                <a:lnTo>
                  <a:pt x="1371" y="1433"/>
                </a:lnTo>
                <a:lnTo>
                  <a:pt x="1378" y="1429"/>
                </a:lnTo>
                <a:lnTo>
                  <a:pt x="1386" y="1425"/>
                </a:lnTo>
                <a:lnTo>
                  <a:pt x="1394" y="1422"/>
                </a:lnTo>
                <a:lnTo>
                  <a:pt x="1402" y="1419"/>
                </a:lnTo>
                <a:lnTo>
                  <a:pt x="1411" y="1416"/>
                </a:lnTo>
                <a:lnTo>
                  <a:pt x="1419" y="1414"/>
                </a:lnTo>
                <a:lnTo>
                  <a:pt x="1428" y="1413"/>
                </a:lnTo>
                <a:lnTo>
                  <a:pt x="1436" y="1412"/>
                </a:lnTo>
                <a:lnTo>
                  <a:pt x="1445" y="1412"/>
                </a:lnTo>
                <a:lnTo>
                  <a:pt x="1454" y="1412"/>
                </a:lnTo>
                <a:lnTo>
                  <a:pt x="1463" y="1412"/>
                </a:lnTo>
                <a:lnTo>
                  <a:pt x="1473" y="1414"/>
                </a:lnTo>
                <a:lnTo>
                  <a:pt x="1482" y="1416"/>
                </a:lnTo>
                <a:lnTo>
                  <a:pt x="1491" y="1418"/>
                </a:lnTo>
                <a:lnTo>
                  <a:pt x="1498" y="1420"/>
                </a:lnTo>
                <a:lnTo>
                  <a:pt x="1505" y="1422"/>
                </a:lnTo>
                <a:lnTo>
                  <a:pt x="1511" y="1425"/>
                </a:lnTo>
                <a:lnTo>
                  <a:pt x="1518" y="1428"/>
                </a:lnTo>
                <a:lnTo>
                  <a:pt x="1524" y="1431"/>
                </a:lnTo>
                <a:lnTo>
                  <a:pt x="1531" y="1435"/>
                </a:lnTo>
                <a:lnTo>
                  <a:pt x="1542" y="1443"/>
                </a:lnTo>
                <a:lnTo>
                  <a:pt x="1548" y="1447"/>
                </a:lnTo>
                <a:lnTo>
                  <a:pt x="1553" y="1452"/>
                </a:lnTo>
                <a:lnTo>
                  <a:pt x="1562" y="1461"/>
                </a:lnTo>
                <a:lnTo>
                  <a:pt x="1571" y="1472"/>
                </a:lnTo>
                <a:lnTo>
                  <a:pt x="1579" y="1483"/>
                </a:lnTo>
                <a:lnTo>
                  <a:pt x="1356" y="1483"/>
                </a:lnTo>
                <a:lnTo>
                  <a:pt x="1339" y="1483"/>
                </a:lnTo>
                <a:close/>
                <a:moveTo>
                  <a:pt x="1153" y="1368"/>
                </a:moveTo>
                <a:lnTo>
                  <a:pt x="1023" y="1430"/>
                </a:lnTo>
                <a:lnTo>
                  <a:pt x="1000" y="1443"/>
                </a:lnTo>
                <a:lnTo>
                  <a:pt x="1023" y="1382"/>
                </a:lnTo>
                <a:lnTo>
                  <a:pt x="1039" y="1347"/>
                </a:lnTo>
                <a:lnTo>
                  <a:pt x="1153" y="1290"/>
                </a:lnTo>
                <a:lnTo>
                  <a:pt x="1339" y="1200"/>
                </a:lnTo>
                <a:lnTo>
                  <a:pt x="1356" y="1191"/>
                </a:lnTo>
                <a:lnTo>
                  <a:pt x="1356" y="1196"/>
                </a:lnTo>
                <a:lnTo>
                  <a:pt x="1339" y="1228"/>
                </a:lnTo>
                <a:lnTo>
                  <a:pt x="1305" y="1294"/>
                </a:lnTo>
                <a:lnTo>
                  <a:pt x="1153" y="1368"/>
                </a:lnTo>
                <a:close/>
                <a:moveTo>
                  <a:pt x="1356" y="632"/>
                </a:moveTo>
                <a:lnTo>
                  <a:pt x="1354" y="629"/>
                </a:lnTo>
                <a:lnTo>
                  <a:pt x="1353" y="628"/>
                </a:lnTo>
                <a:lnTo>
                  <a:pt x="1353" y="626"/>
                </a:lnTo>
                <a:lnTo>
                  <a:pt x="1395" y="600"/>
                </a:lnTo>
                <a:lnTo>
                  <a:pt x="1717" y="1114"/>
                </a:lnTo>
                <a:lnTo>
                  <a:pt x="1840" y="1308"/>
                </a:lnTo>
                <a:lnTo>
                  <a:pt x="1948" y="1483"/>
                </a:lnTo>
                <a:lnTo>
                  <a:pt x="1879" y="1483"/>
                </a:lnTo>
                <a:lnTo>
                  <a:pt x="1840" y="1420"/>
                </a:lnTo>
                <a:lnTo>
                  <a:pt x="1717" y="1226"/>
                </a:lnTo>
                <a:lnTo>
                  <a:pt x="1622" y="1071"/>
                </a:lnTo>
                <a:lnTo>
                  <a:pt x="1554" y="962"/>
                </a:lnTo>
                <a:lnTo>
                  <a:pt x="1486" y="853"/>
                </a:lnTo>
                <a:lnTo>
                  <a:pt x="1454" y="798"/>
                </a:lnTo>
                <a:lnTo>
                  <a:pt x="1421" y="743"/>
                </a:lnTo>
                <a:lnTo>
                  <a:pt x="1388" y="687"/>
                </a:lnTo>
                <a:lnTo>
                  <a:pt x="1356" y="632"/>
                </a:lnTo>
                <a:close/>
                <a:moveTo>
                  <a:pt x="1717" y="977"/>
                </a:moveTo>
                <a:lnTo>
                  <a:pt x="1709" y="982"/>
                </a:lnTo>
                <a:lnTo>
                  <a:pt x="1700" y="987"/>
                </a:lnTo>
                <a:lnTo>
                  <a:pt x="1691" y="991"/>
                </a:lnTo>
                <a:lnTo>
                  <a:pt x="1682" y="995"/>
                </a:lnTo>
                <a:lnTo>
                  <a:pt x="1652" y="945"/>
                </a:lnTo>
                <a:lnTo>
                  <a:pt x="1717" y="913"/>
                </a:lnTo>
                <a:lnTo>
                  <a:pt x="1840" y="853"/>
                </a:lnTo>
                <a:lnTo>
                  <a:pt x="2004" y="773"/>
                </a:lnTo>
                <a:lnTo>
                  <a:pt x="2026" y="820"/>
                </a:lnTo>
                <a:lnTo>
                  <a:pt x="1933" y="869"/>
                </a:lnTo>
                <a:lnTo>
                  <a:pt x="1840" y="917"/>
                </a:lnTo>
                <a:lnTo>
                  <a:pt x="1809" y="933"/>
                </a:lnTo>
                <a:lnTo>
                  <a:pt x="1778" y="948"/>
                </a:lnTo>
                <a:lnTo>
                  <a:pt x="1717" y="977"/>
                </a:lnTo>
                <a:close/>
                <a:moveTo>
                  <a:pt x="1717" y="453"/>
                </a:moveTo>
                <a:lnTo>
                  <a:pt x="1498" y="391"/>
                </a:lnTo>
                <a:lnTo>
                  <a:pt x="1502" y="367"/>
                </a:lnTo>
                <a:lnTo>
                  <a:pt x="1506" y="345"/>
                </a:lnTo>
                <a:lnTo>
                  <a:pt x="1509" y="322"/>
                </a:lnTo>
                <a:lnTo>
                  <a:pt x="1512" y="300"/>
                </a:lnTo>
                <a:lnTo>
                  <a:pt x="1517" y="255"/>
                </a:lnTo>
                <a:lnTo>
                  <a:pt x="1519" y="233"/>
                </a:lnTo>
                <a:lnTo>
                  <a:pt x="1520" y="211"/>
                </a:lnTo>
                <a:lnTo>
                  <a:pt x="1521" y="188"/>
                </a:lnTo>
                <a:lnTo>
                  <a:pt x="1522" y="166"/>
                </a:lnTo>
                <a:lnTo>
                  <a:pt x="1522" y="121"/>
                </a:lnTo>
                <a:lnTo>
                  <a:pt x="1522" y="77"/>
                </a:lnTo>
                <a:lnTo>
                  <a:pt x="1519" y="31"/>
                </a:lnTo>
                <a:lnTo>
                  <a:pt x="1524" y="33"/>
                </a:lnTo>
                <a:lnTo>
                  <a:pt x="1529" y="35"/>
                </a:lnTo>
                <a:lnTo>
                  <a:pt x="1537" y="40"/>
                </a:lnTo>
                <a:lnTo>
                  <a:pt x="1540" y="43"/>
                </a:lnTo>
                <a:lnTo>
                  <a:pt x="1543" y="47"/>
                </a:lnTo>
                <a:lnTo>
                  <a:pt x="1546" y="50"/>
                </a:lnTo>
                <a:lnTo>
                  <a:pt x="1548" y="54"/>
                </a:lnTo>
                <a:lnTo>
                  <a:pt x="1550" y="58"/>
                </a:lnTo>
                <a:lnTo>
                  <a:pt x="1552" y="62"/>
                </a:lnTo>
                <a:lnTo>
                  <a:pt x="1553" y="67"/>
                </a:lnTo>
                <a:lnTo>
                  <a:pt x="1554" y="71"/>
                </a:lnTo>
                <a:lnTo>
                  <a:pt x="1554" y="76"/>
                </a:lnTo>
                <a:lnTo>
                  <a:pt x="1554" y="81"/>
                </a:lnTo>
                <a:lnTo>
                  <a:pt x="1553" y="85"/>
                </a:lnTo>
                <a:lnTo>
                  <a:pt x="1552" y="90"/>
                </a:lnTo>
                <a:lnTo>
                  <a:pt x="1551" y="94"/>
                </a:lnTo>
                <a:lnTo>
                  <a:pt x="1549" y="98"/>
                </a:lnTo>
                <a:lnTo>
                  <a:pt x="1544" y="105"/>
                </a:lnTo>
                <a:lnTo>
                  <a:pt x="1538" y="112"/>
                </a:lnTo>
                <a:lnTo>
                  <a:pt x="1533" y="118"/>
                </a:lnTo>
                <a:lnTo>
                  <a:pt x="1546" y="127"/>
                </a:lnTo>
                <a:lnTo>
                  <a:pt x="1552" y="132"/>
                </a:lnTo>
                <a:lnTo>
                  <a:pt x="1558" y="137"/>
                </a:lnTo>
                <a:lnTo>
                  <a:pt x="1564" y="142"/>
                </a:lnTo>
                <a:lnTo>
                  <a:pt x="1570" y="148"/>
                </a:lnTo>
                <a:lnTo>
                  <a:pt x="1575" y="153"/>
                </a:lnTo>
                <a:lnTo>
                  <a:pt x="1580" y="160"/>
                </a:lnTo>
                <a:lnTo>
                  <a:pt x="1584" y="166"/>
                </a:lnTo>
                <a:lnTo>
                  <a:pt x="1588" y="173"/>
                </a:lnTo>
                <a:lnTo>
                  <a:pt x="1591" y="180"/>
                </a:lnTo>
                <a:lnTo>
                  <a:pt x="1593" y="187"/>
                </a:lnTo>
                <a:lnTo>
                  <a:pt x="1594" y="195"/>
                </a:lnTo>
                <a:lnTo>
                  <a:pt x="1594" y="203"/>
                </a:lnTo>
                <a:lnTo>
                  <a:pt x="1594" y="207"/>
                </a:lnTo>
                <a:lnTo>
                  <a:pt x="1593" y="211"/>
                </a:lnTo>
                <a:lnTo>
                  <a:pt x="1591" y="219"/>
                </a:lnTo>
                <a:lnTo>
                  <a:pt x="1590" y="225"/>
                </a:lnTo>
                <a:lnTo>
                  <a:pt x="1587" y="230"/>
                </a:lnTo>
                <a:lnTo>
                  <a:pt x="1585" y="235"/>
                </a:lnTo>
                <a:lnTo>
                  <a:pt x="1582" y="239"/>
                </a:lnTo>
                <a:lnTo>
                  <a:pt x="1575" y="247"/>
                </a:lnTo>
                <a:lnTo>
                  <a:pt x="1572" y="250"/>
                </a:lnTo>
                <a:lnTo>
                  <a:pt x="1568" y="253"/>
                </a:lnTo>
                <a:lnTo>
                  <a:pt x="1560" y="259"/>
                </a:lnTo>
                <a:lnTo>
                  <a:pt x="1550" y="264"/>
                </a:lnTo>
                <a:lnTo>
                  <a:pt x="1541" y="268"/>
                </a:lnTo>
                <a:lnTo>
                  <a:pt x="1531" y="273"/>
                </a:lnTo>
                <a:lnTo>
                  <a:pt x="1538" y="291"/>
                </a:lnTo>
                <a:lnTo>
                  <a:pt x="1541" y="299"/>
                </a:lnTo>
                <a:lnTo>
                  <a:pt x="1545" y="308"/>
                </a:lnTo>
                <a:lnTo>
                  <a:pt x="1550" y="316"/>
                </a:lnTo>
                <a:lnTo>
                  <a:pt x="1554" y="323"/>
                </a:lnTo>
                <a:lnTo>
                  <a:pt x="1557" y="327"/>
                </a:lnTo>
                <a:lnTo>
                  <a:pt x="1560" y="330"/>
                </a:lnTo>
                <a:lnTo>
                  <a:pt x="1565" y="337"/>
                </a:lnTo>
                <a:lnTo>
                  <a:pt x="1571" y="344"/>
                </a:lnTo>
                <a:lnTo>
                  <a:pt x="1578" y="350"/>
                </a:lnTo>
                <a:lnTo>
                  <a:pt x="1585" y="355"/>
                </a:lnTo>
                <a:lnTo>
                  <a:pt x="1592" y="360"/>
                </a:lnTo>
                <a:lnTo>
                  <a:pt x="1596" y="363"/>
                </a:lnTo>
                <a:lnTo>
                  <a:pt x="1601" y="365"/>
                </a:lnTo>
                <a:lnTo>
                  <a:pt x="1609" y="369"/>
                </a:lnTo>
                <a:lnTo>
                  <a:pt x="1619" y="373"/>
                </a:lnTo>
                <a:lnTo>
                  <a:pt x="1629" y="376"/>
                </a:lnTo>
                <a:lnTo>
                  <a:pt x="1635" y="378"/>
                </a:lnTo>
                <a:lnTo>
                  <a:pt x="1641" y="380"/>
                </a:lnTo>
                <a:lnTo>
                  <a:pt x="1647" y="381"/>
                </a:lnTo>
                <a:lnTo>
                  <a:pt x="1653" y="382"/>
                </a:lnTo>
                <a:lnTo>
                  <a:pt x="1665" y="383"/>
                </a:lnTo>
                <a:lnTo>
                  <a:pt x="1676" y="383"/>
                </a:lnTo>
                <a:lnTo>
                  <a:pt x="1682" y="382"/>
                </a:lnTo>
                <a:lnTo>
                  <a:pt x="1687" y="381"/>
                </a:lnTo>
                <a:lnTo>
                  <a:pt x="1698" y="379"/>
                </a:lnTo>
                <a:lnTo>
                  <a:pt x="1703" y="378"/>
                </a:lnTo>
                <a:lnTo>
                  <a:pt x="1708" y="376"/>
                </a:lnTo>
                <a:lnTo>
                  <a:pt x="1713" y="375"/>
                </a:lnTo>
                <a:lnTo>
                  <a:pt x="1717" y="373"/>
                </a:lnTo>
                <a:lnTo>
                  <a:pt x="1732" y="365"/>
                </a:lnTo>
                <a:lnTo>
                  <a:pt x="1739" y="360"/>
                </a:lnTo>
                <a:lnTo>
                  <a:pt x="1746" y="356"/>
                </a:lnTo>
                <a:lnTo>
                  <a:pt x="1753" y="351"/>
                </a:lnTo>
                <a:lnTo>
                  <a:pt x="1760" y="346"/>
                </a:lnTo>
                <a:lnTo>
                  <a:pt x="1767" y="340"/>
                </a:lnTo>
                <a:lnTo>
                  <a:pt x="1774" y="335"/>
                </a:lnTo>
                <a:lnTo>
                  <a:pt x="1758" y="323"/>
                </a:lnTo>
                <a:lnTo>
                  <a:pt x="1750" y="316"/>
                </a:lnTo>
                <a:lnTo>
                  <a:pt x="1742" y="309"/>
                </a:lnTo>
                <a:lnTo>
                  <a:pt x="1735" y="302"/>
                </a:lnTo>
                <a:lnTo>
                  <a:pt x="1731" y="298"/>
                </a:lnTo>
                <a:lnTo>
                  <a:pt x="1728" y="294"/>
                </a:lnTo>
                <a:lnTo>
                  <a:pt x="1725" y="290"/>
                </a:lnTo>
                <a:lnTo>
                  <a:pt x="1722" y="285"/>
                </a:lnTo>
                <a:lnTo>
                  <a:pt x="1717" y="276"/>
                </a:lnTo>
                <a:lnTo>
                  <a:pt x="1716" y="272"/>
                </a:lnTo>
                <a:lnTo>
                  <a:pt x="1715" y="268"/>
                </a:lnTo>
                <a:lnTo>
                  <a:pt x="1715" y="260"/>
                </a:lnTo>
                <a:lnTo>
                  <a:pt x="1715" y="252"/>
                </a:lnTo>
                <a:lnTo>
                  <a:pt x="1716" y="248"/>
                </a:lnTo>
                <a:lnTo>
                  <a:pt x="1717" y="244"/>
                </a:lnTo>
                <a:lnTo>
                  <a:pt x="1721" y="236"/>
                </a:lnTo>
                <a:lnTo>
                  <a:pt x="1725" y="230"/>
                </a:lnTo>
                <a:lnTo>
                  <a:pt x="1730" y="224"/>
                </a:lnTo>
                <a:lnTo>
                  <a:pt x="1736" y="219"/>
                </a:lnTo>
                <a:lnTo>
                  <a:pt x="1742" y="214"/>
                </a:lnTo>
                <a:lnTo>
                  <a:pt x="1749" y="211"/>
                </a:lnTo>
                <a:lnTo>
                  <a:pt x="1756" y="208"/>
                </a:lnTo>
                <a:lnTo>
                  <a:pt x="1763" y="205"/>
                </a:lnTo>
                <a:lnTo>
                  <a:pt x="1771" y="203"/>
                </a:lnTo>
                <a:lnTo>
                  <a:pt x="1779" y="202"/>
                </a:lnTo>
                <a:lnTo>
                  <a:pt x="1794" y="200"/>
                </a:lnTo>
                <a:lnTo>
                  <a:pt x="1809" y="199"/>
                </a:lnTo>
                <a:lnTo>
                  <a:pt x="1824" y="198"/>
                </a:lnTo>
                <a:lnTo>
                  <a:pt x="1815" y="184"/>
                </a:lnTo>
                <a:lnTo>
                  <a:pt x="1811" y="176"/>
                </a:lnTo>
                <a:lnTo>
                  <a:pt x="1808" y="169"/>
                </a:lnTo>
                <a:lnTo>
                  <a:pt x="1806" y="161"/>
                </a:lnTo>
                <a:lnTo>
                  <a:pt x="1805" y="158"/>
                </a:lnTo>
                <a:lnTo>
                  <a:pt x="1804" y="153"/>
                </a:lnTo>
                <a:lnTo>
                  <a:pt x="1804" y="145"/>
                </a:lnTo>
                <a:lnTo>
                  <a:pt x="1805" y="141"/>
                </a:lnTo>
                <a:lnTo>
                  <a:pt x="1806" y="136"/>
                </a:lnTo>
                <a:lnTo>
                  <a:pt x="1808" y="130"/>
                </a:lnTo>
                <a:lnTo>
                  <a:pt x="1811" y="125"/>
                </a:lnTo>
                <a:lnTo>
                  <a:pt x="1815" y="120"/>
                </a:lnTo>
                <a:lnTo>
                  <a:pt x="1819" y="115"/>
                </a:lnTo>
                <a:lnTo>
                  <a:pt x="1823" y="111"/>
                </a:lnTo>
                <a:lnTo>
                  <a:pt x="1828" y="108"/>
                </a:lnTo>
                <a:lnTo>
                  <a:pt x="1834" y="105"/>
                </a:lnTo>
                <a:lnTo>
                  <a:pt x="1840" y="102"/>
                </a:lnTo>
                <a:lnTo>
                  <a:pt x="1846" y="101"/>
                </a:lnTo>
                <a:lnTo>
                  <a:pt x="1853" y="100"/>
                </a:lnTo>
                <a:lnTo>
                  <a:pt x="1860" y="101"/>
                </a:lnTo>
                <a:lnTo>
                  <a:pt x="1864" y="101"/>
                </a:lnTo>
                <a:lnTo>
                  <a:pt x="1868" y="102"/>
                </a:lnTo>
                <a:lnTo>
                  <a:pt x="1873" y="104"/>
                </a:lnTo>
                <a:lnTo>
                  <a:pt x="1877" y="106"/>
                </a:lnTo>
                <a:lnTo>
                  <a:pt x="1881" y="108"/>
                </a:lnTo>
                <a:lnTo>
                  <a:pt x="1885" y="111"/>
                </a:lnTo>
                <a:lnTo>
                  <a:pt x="1889" y="115"/>
                </a:lnTo>
                <a:lnTo>
                  <a:pt x="1892" y="118"/>
                </a:lnTo>
                <a:lnTo>
                  <a:pt x="1895" y="122"/>
                </a:lnTo>
                <a:lnTo>
                  <a:pt x="1897" y="126"/>
                </a:lnTo>
                <a:lnTo>
                  <a:pt x="1899" y="130"/>
                </a:lnTo>
                <a:lnTo>
                  <a:pt x="1901" y="135"/>
                </a:lnTo>
                <a:lnTo>
                  <a:pt x="1902" y="140"/>
                </a:lnTo>
                <a:lnTo>
                  <a:pt x="1903" y="145"/>
                </a:lnTo>
                <a:lnTo>
                  <a:pt x="1903" y="149"/>
                </a:lnTo>
                <a:lnTo>
                  <a:pt x="1903" y="154"/>
                </a:lnTo>
                <a:lnTo>
                  <a:pt x="1903" y="159"/>
                </a:lnTo>
                <a:lnTo>
                  <a:pt x="1902" y="164"/>
                </a:lnTo>
                <a:lnTo>
                  <a:pt x="1898" y="172"/>
                </a:lnTo>
                <a:lnTo>
                  <a:pt x="1894" y="179"/>
                </a:lnTo>
                <a:lnTo>
                  <a:pt x="1889" y="185"/>
                </a:lnTo>
                <a:lnTo>
                  <a:pt x="1883" y="190"/>
                </a:lnTo>
                <a:lnTo>
                  <a:pt x="1876" y="195"/>
                </a:lnTo>
                <a:lnTo>
                  <a:pt x="1869" y="199"/>
                </a:lnTo>
                <a:lnTo>
                  <a:pt x="1854" y="207"/>
                </a:lnTo>
                <a:lnTo>
                  <a:pt x="1866" y="215"/>
                </a:lnTo>
                <a:lnTo>
                  <a:pt x="1879" y="224"/>
                </a:lnTo>
                <a:lnTo>
                  <a:pt x="1885" y="229"/>
                </a:lnTo>
                <a:lnTo>
                  <a:pt x="1892" y="234"/>
                </a:lnTo>
                <a:lnTo>
                  <a:pt x="1898" y="240"/>
                </a:lnTo>
                <a:lnTo>
                  <a:pt x="1903" y="246"/>
                </a:lnTo>
                <a:lnTo>
                  <a:pt x="1909" y="252"/>
                </a:lnTo>
                <a:lnTo>
                  <a:pt x="1911" y="255"/>
                </a:lnTo>
                <a:lnTo>
                  <a:pt x="1913" y="258"/>
                </a:lnTo>
                <a:lnTo>
                  <a:pt x="1917" y="265"/>
                </a:lnTo>
                <a:lnTo>
                  <a:pt x="1919" y="268"/>
                </a:lnTo>
                <a:lnTo>
                  <a:pt x="1920" y="272"/>
                </a:lnTo>
                <a:lnTo>
                  <a:pt x="1922" y="279"/>
                </a:lnTo>
                <a:lnTo>
                  <a:pt x="1923" y="287"/>
                </a:lnTo>
                <a:lnTo>
                  <a:pt x="1923" y="295"/>
                </a:lnTo>
                <a:lnTo>
                  <a:pt x="1921" y="303"/>
                </a:lnTo>
                <a:lnTo>
                  <a:pt x="1919" y="309"/>
                </a:lnTo>
                <a:lnTo>
                  <a:pt x="1917" y="312"/>
                </a:lnTo>
                <a:lnTo>
                  <a:pt x="1916" y="315"/>
                </a:lnTo>
                <a:lnTo>
                  <a:pt x="1912" y="320"/>
                </a:lnTo>
                <a:lnTo>
                  <a:pt x="1908" y="324"/>
                </a:lnTo>
                <a:lnTo>
                  <a:pt x="1904" y="328"/>
                </a:lnTo>
                <a:lnTo>
                  <a:pt x="1899" y="332"/>
                </a:lnTo>
                <a:lnTo>
                  <a:pt x="1894" y="335"/>
                </a:lnTo>
                <a:lnTo>
                  <a:pt x="1888" y="337"/>
                </a:lnTo>
                <a:lnTo>
                  <a:pt x="1883" y="340"/>
                </a:lnTo>
                <a:lnTo>
                  <a:pt x="1877" y="342"/>
                </a:lnTo>
                <a:lnTo>
                  <a:pt x="1870" y="343"/>
                </a:lnTo>
                <a:lnTo>
                  <a:pt x="1864" y="344"/>
                </a:lnTo>
                <a:lnTo>
                  <a:pt x="1852" y="346"/>
                </a:lnTo>
                <a:lnTo>
                  <a:pt x="1840" y="347"/>
                </a:lnTo>
                <a:lnTo>
                  <a:pt x="1836" y="348"/>
                </a:lnTo>
                <a:lnTo>
                  <a:pt x="1832" y="349"/>
                </a:lnTo>
                <a:lnTo>
                  <a:pt x="1825" y="349"/>
                </a:lnTo>
                <a:lnTo>
                  <a:pt x="1828" y="359"/>
                </a:lnTo>
                <a:lnTo>
                  <a:pt x="1832" y="369"/>
                </a:lnTo>
                <a:lnTo>
                  <a:pt x="1836" y="379"/>
                </a:lnTo>
                <a:lnTo>
                  <a:pt x="1840" y="387"/>
                </a:lnTo>
                <a:lnTo>
                  <a:pt x="1846" y="400"/>
                </a:lnTo>
                <a:lnTo>
                  <a:pt x="1853" y="412"/>
                </a:lnTo>
                <a:lnTo>
                  <a:pt x="1862" y="423"/>
                </a:lnTo>
                <a:lnTo>
                  <a:pt x="1866" y="428"/>
                </a:lnTo>
                <a:lnTo>
                  <a:pt x="1871" y="433"/>
                </a:lnTo>
                <a:lnTo>
                  <a:pt x="1877" y="437"/>
                </a:lnTo>
                <a:lnTo>
                  <a:pt x="1882" y="442"/>
                </a:lnTo>
                <a:lnTo>
                  <a:pt x="1888" y="446"/>
                </a:lnTo>
                <a:lnTo>
                  <a:pt x="1895" y="450"/>
                </a:lnTo>
                <a:lnTo>
                  <a:pt x="1902" y="453"/>
                </a:lnTo>
                <a:lnTo>
                  <a:pt x="1909" y="456"/>
                </a:lnTo>
                <a:lnTo>
                  <a:pt x="1917" y="459"/>
                </a:lnTo>
                <a:lnTo>
                  <a:pt x="1925" y="461"/>
                </a:lnTo>
                <a:lnTo>
                  <a:pt x="1935" y="464"/>
                </a:lnTo>
                <a:lnTo>
                  <a:pt x="1945" y="466"/>
                </a:lnTo>
                <a:lnTo>
                  <a:pt x="1954" y="467"/>
                </a:lnTo>
                <a:lnTo>
                  <a:pt x="1964" y="467"/>
                </a:lnTo>
                <a:lnTo>
                  <a:pt x="1973" y="467"/>
                </a:lnTo>
                <a:lnTo>
                  <a:pt x="1982" y="466"/>
                </a:lnTo>
                <a:lnTo>
                  <a:pt x="1991" y="465"/>
                </a:lnTo>
                <a:lnTo>
                  <a:pt x="1999" y="462"/>
                </a:lnTo>
                <a:lnTo>
                  <a:pt x="2008" y="460"/>
                </a:lnTo>
                <a:lnTo>
                  <a:pt x="2016" y="456"/>
                </a:lnTo>
                <a:lnTo>
                  <a:pt x="2033" y="448"/>
                </a:lnTo>
                <a:lnTo>
                  <a:pt x="2041" y="443"/>
                </a:lnTo>
                <a:lnTo>
                  <a:pt x="2049" y="438"/>
                </a:lnTo>
                <a:lnTo>
                  <a:pt x="2065" y="426"/>
                </a:lnTo>
                <a:lnTo>
                  <a:pt x="2058" y="417"/>
                </a:lnTo>
                <a:lnTo>
                  <a:pt x="2052" y="409"/>
                </a:lnTo>
                <a:lnTo>
                  <a:pt x="2047" y="400"/>
                </a:lnTo>
                <a:lnTo>
                  <a:pt x="2044" y="395"/>
                </a:lnTo>
                <a:lnTo>
                  <a:pt x="2042" y="390"/>
                </a:lnTo>
                <a:lnTo>
                  <a:pt x="2039" y="381"/>
                </a:lnTo>
                <a:lnTo>
                  <a:pt x="2037" y="369"/>
                </a:lnTo>
                <a:lnTo>
                  <a:pt x="2037" y="364"/>
                </a:lnTo>
                <a:lnTo>
                  <a:pt x="2038" y="359"/>
                </a:lnTo>
                <a:lnTo>
                  <a:pt x="2038" y="353"/>
                </a:lnTo>
                <a:lnTo>
                  <a:pt x="2040" y="347"/>
                </a:lnTo>
                <a:lnTo>
                  <a:pt x="2043" y="339"/>
                </a:lnTo>
                <a:lnTo>
                  <a:pt x="2047" y="331"/>
                </a:lnTo>
                <a:lnTo>
                  <a:pt x="2049" y="328"/>
                </a:lnTo>
                <a:lnTo>
                  <a:pt x="2051" y="325"/>
                </a:lnTo>
                <a:lnTo>
                  <a:pt x="2056" y="319"/>
                </a:lnTo>
                <a:lnTo>
                  <a:pt x="2062" y="314"/>
                </a:lnTo>
                <a:lnTo>
                  <a:pt x="2068" y="310"/>
                </a:lnTo>
                <a:lnTo>
                  <a:pt x="2074" y="306"/>
                </a:lnTo>
                <a:lnTo>
                  <a:pt x="2078" y="305"/>
                </a:lnTo>
                <a:lnTo>
                  <a:pt x="2081" y="303"/>
                </a:lnTo>
                <a:lnTo>
                  <a:pt x="2088" y="301"/>
                </a:lnTo>
                <a:lnTo>
                  <a:pt x="2096" y="299"/>
                </a:lnTo>
                <a:lnTo>
                  <a:pt x="2100" y="298"/>
                </a:lnTo>
                <a:lnTo>
                  <a:pt x="2104" y="297"/>
                </a:lnTo>
                <a:lnTo>
                  <a:pt x="2111" y="296"/>
                </a:lnTo>
                <a:lnTo>
                  <a:pt x="2127" y="294"/>
                </a:lnTo>
                <a:lnTo>
                  <a:pt x="2144" y="294"/>
                </a:lnTo>
                <a:lnTo>
                  <a:pt x="2142" y="285"/>
                </a:lnTo>
                <a:lnTo>
                  <a:pt x="2142" y="276"/>
                </a:lnTo>
                <a:lnTo>
                  <a:pt x="2142" y="267"/>
                </a:lnTo>
                <a:lnTo>
                  <a:pt x="2143" y="263"/>
                </a:lnTo>
                <a:lnTo>
                  <a:pt x="2144" y="258"/>
                </a:lnTo>
                <a:lnTo>
                  <a:pt x="2145" y="254"/>
                </a:lnTo>
                <a:lnTo>
                  <a:pt x="2147" y="250"/>
                </a:lnTo>
                <a:lnTo>
                  <a:pt x="2152" y="242"/>
                </a:lnTo>
                <a:lnTo>
                  <a:pt x="2159" y="236"/>
                </a:lnTo>
                <a:lnTo>
                  <a:pt x="2162" y="233"/>
                </a:lnTo>
                <a:lnTo>
                  <a:pt x="2166" y="230"/>
                </a:lnTo>
                <a:lnTo>
                  <a:pt x="2170" y="228"/>
                </a:lnTo>
                <a:lnTo>
                  <a:pt x="2174" y="227"/>
                </a:lnTo>
                <a:lnTo>
                  <a:pt x="2178" y="226"/>
                </a:lnTo>
                <a:lnTo>
                  <a:pt x="2183" y="225"/>
                </a:lnTo>
                <a:lnTo>
                  <a:pt x="2187" y="225"/>
                </a:lnTo>
                <a:lnTo>
                  <a:pt x="2192" y="225"/>
                </a:lnTo>
                <a:lnTo>
                  <a:pt x="2196" y="225"/>
                </a:lnTo>
                <a:lnTo>
                  <a:pt x="2200" y="226"/>
                </a:lnTo>
                <a:lnTo>
                  <a:pt x="2175" y="264"/>
                </a:lnTo>
                <a:lnTo>
                  <a:pt x="2151" y="301"/>
                </a:lnTo>
                <a:lnTo>
                  <a:pt x="2139" y="320"/>
                </a:lnTo>
                <a:lnTo>
                  <a:pt x="2126" y="340"/>
                </a:lnTo>
                <a:lnTo>
                  <a:pt x="2104" y="379"/>
                </a:lnTo>
                <a:lnTo>
                  <a:pt x="2093" y="399"/>
                </a:lnTo>
                <a:lnTo>
                  <a:pt x="2083" y="419"/>
                </a:lnTo>
                <a:lnTo>
                  <a:pt x="2073" y="439"/>
                </a:lnTo>
                <a:lnTo>
                  <a:pt x="2063" y="459"/>
                </a:lnTo>
                <a:lnTo>
                  <a:pt x="2054" y="480"/>
                </a:lnTo>
                <a:lnTo>
                  <a:pt x="2045" y="500"/>
                </a:lnTo>
                <a:lnTo>
                  <a:pt x="2036" y="522"/>
                </a:lnTo>
                <a:lnTo>
                  <a:pt x="2027" y="543"/>
                </a:lnTo>
                <a:lnTo>
                  <a:pt x="1840" y="488"/>
                </a:lnTo>
                <a:lnTo>
                  <a:pt x="1763" y="467"/>
                </a:lnTo>
                <a:lnTo>
                  <a:pt x="1717" y="453"/>
                </a:lnTo>
                <a:close/>
                <a:moveTo>
                  <a:pt x="1717" y="1416"/>
                </a:moveTo>
                <a:lnTo>
                  <a:pt x="1714" y="1411"/>
                </a:lnTo>
                <a:lnTo>
                  <a:pt x="1717" y="1359"/>
                </a:lnTo>
                <a:lnTo>
                  <a:pt x="1723" y="1294"/>
                </a:lnTo>
                <a:lnTo>
                  <a:pt x="1840" y="1480"/>
                </a:lnTo>
                <a:lnTo>
                  <a:pt x="1760" y="1483"/>
                </a:lnTo>
                <a:lnTo>
                  <a:pt x="1717" y="1416"/>
                </a:lnTo>
                <a:close/>
                <a:moveTo>
                  <a:pt x="1840" y="1246"/>
                </a:moveTo>
                <a:lnTo>
                  <a:pt x="1827" y="1228"/>
                </a:lnTo>
                <a:lnTo>
                  <a:pt x="1840" y="1234"/>
                </a:lnTo>
                <a:lnTo>
                  <a:pt x="1935" y="1273"/>
                </a:lnTo>
                <a:lnTo>
                  <a:pt x="2066" y="1483"/>
                </a:lnTo>
                <a:lnTo>
                  <a:pt x="1987" y="1483"/>
                </a:lnTo>
                <a:lnTo>
                  <a:pt x="1840" y="1246"/>
                </a:lnTo>
                <a:close/>
                <a:moveTo>
                  <a:pt x="1023" y="940"/>
                </a:moveTo>
                <a:lnTo>
                  <a:pt x="1013" y="943"/>
                </a:lnTo>
                <a:lnTo>
                  <a:pt x="1003" y="945"/>
                </a:lnTo>
                <a:lnTo>
                  <a:pt x="992" y="946"/>
                </a:lnTo>
                <a:lnTo>
                  <a:pt x="981" y="947"/>
                </a:lnTo>
                <a:lnTo>
                  <a:pt x="970" y="946"/>
                </a:lnTo>
                <a:lnTo>
                  <a:pt x="959" y="945"/>
                </a:lnTo>
                <a:lnTo>
                  <a:pt x="948" y="943"/>
                </a:lnTo>
                <a:lnTo>
                  <a:pt x="936" y="940"/>
                </a:lnTo>
                <a:lnTo>
                  <a:pt x="929" y="938"/>
                </a:lnTo>
                <a:lnTo>
                  <a:pt x="921" y="935"/>
                </a:lnTo>
                <a:lnTo>
                  <a:pt x="913" y="932"/>
                </a:lnTo>
                <a:lnTo>
                  <a:pt x="906" y="929"/>
                </a:lnTo>
                <a:lnTo>
                  <a:pt x="900" y="925"/>
                </a:lnTo>
                <a:lnTo>
                  <a:pt x="893" y="921"/>
                </a:lnTo>
                <a:lnTo>
                  <a:pt x="881" y="912"/>
                </a:lnTo>
                <a:lnTo>
                  <a:pt x="875" y="907"/>
                </a:lnTo>
                <a:lnTo>
                  <a:pt x="870" y="902"/>
                </a:lnTo>
                <a:lnTo>
                  <a:pt x="865" y="897"/>
                </a:lnTo>
                <a:lnTo>
                  <a:pt x="860" y="891"/>
                </a:lnTo>
                <a:lnTo>
                  <a:pt x="855" y="886"/>
                </a:lnTo>
                <a:lnTo>
                  <a:pt x="851" y="880"/>
                </a:lnTo>
                <a:lnTo>
                  <a:pt x="847" y="874"/>
                </a:lnTo>
                <a:lnTo>
                  <a:pt x="843" y="867"/>
                </a:lnTo>
                <a:lnTo>
                  <a:pt x="839" y="861"/>
                </a:lnTo>
                <a:lnTo>
                  <a:pt x="836" y="854"/>
                </a:lnTo>
                <a:lnTo>
                  <a:pt x="833" y="847"/>
                </a:lnTo>
                <a:lnTo>
                  <a:pt x="831" y="840"/>
                </a:lnTo>
                <a:lnTo>
                  <a:pt x="829" y="833"/>
                </a:lnTo>
                <a:lnTo>
                  <a:pt x="827" y="826"/>
                </a:lnTo>
                <a:lnTo>
                  <a:pt x="825" y="819"/>
                </a:lnTo>
                <a:lnTo>
                  <a:pt x="824" y="811"/>
                </a:lnTo>
                <a:lnTo>
                  <a:pt x="824" y="804"/>
                </a:lnTo>
                <a:lnTo>
                  <a:pt x="823" y="796"/>
                </a:lnTo>
                <a:lnTo>
                  <a:pt x="823" y="789"/>
                </a:lnTo>
                <a:lnTo>
                  <a:pt x="824" y="781"/>
                </a:lnTo>
                <a:lnTo>
                  <a:pt x="824" y="773"/>
                </a:lnTo>
                <a:lnTo>
                  <a:pt x="825" y="766"/>
                </a:lnTo>
                <a:lnTo>
                  <a:pt x="827" y="758"/>
                </a:lnTo>
                <a:lnTo>
                  <a:pt x="829" y="750"/>
                </a:lnTo>
                <a:lnTo>
                  <a:pt x="834" y="736"/>
                </a:lnTo>
                <a:lnTo>
                  <a:pt x="837" y="728"/>
                </a:lnTo>
                <a:lnTo>
                  <a:pt x="840" y="721"/>
                </a:lnTo>
                <a:lnTo>
                  <a:pt x="844" y="715"/>
                </a:lnTo>
                <a:lnTo>
                  <a:pt x="848" y="708"/>
                </a:lnTo>
                <a:lnTo>
                  <a:pt x="852" y="702"/>
                </a:lnTo>
                <a:lnTo>
                  <a:pt x="857" y="696"/>
                </a:lnTo>
                <a:lnTo>
                  <a:pt x="867" y="685"/>
                </a:lnTo>
                <a:lnTo>
                  <a:pt x="873" y="680"/>
                </a:lnTo>
                <a:lnTo>
                  <a:pt x="878" y="675"/>
                </a:lnTo>
                <a:lnTo>
                  <a:pt x="884" y="670"/>
                </a:lnTo>
                <a:lnTo>
                  <a:pt x="890" y="666"/>
                </a:lnTo>
                <a:lnTo>
                  <a:pt x="896" y="662"/>
                </a:lnTo>
                <a:lnTo>
                  <a:pt x="903" y="658"/>
                </a:lnTo>
                <a:lnTo>
                  <a:pt x="909" y="655"/>
                </a:lnTo>
                <a:lnTo>
                  <a:pt x="917" y="652"/>
                </a:lnTo>
                <a:lnTo>
                  <a:pt x="924" y="649"/>
                </a:lnTo>
                <a:lnTo>
                  <a:pt x="931" y="647"/>
                </a:lnTo>
                <a:lnTo>
                  <a:pt x="938" y="644"/>
                </a:lnTo>
                <a:lnTo>
                  <a:pt x="945" y="643"/>
                </a:lnTo>
                <a:lnTo>
                  <a:pt x="960" y="640"/>
                </a:lnTo>
                <a:lnTo>
                  <a:pt x="968" y="640"/>
                </a:lnTo>
                <a:lnTo>
                  <a:pt x="975" y="639"/>
                </a:lnTo>
                <a:lnTo>
                  <a:pt x="983" y="639"/>
                </a:lnTo>
                <a:lnTo>
                  <a:pt x="991" y="640"/>
                </a:lnTo>
                <a:lnTo>
                  <a:pt x="1006" y="642"/>
                </a:lnTo>
                <a:lnTo>
                  <a:pt x="1021" y="646"/>
                </a:lnTo>
                <a:lnTo>
                  <a:pt x="1029" y="648"/>
                </a:lnTo>
                <a:lnTo>
                  <a:pt x="1036" y="651"/>
                </a:lnTo>
                <a:lnTo>
                  <a:pt x="1050" y="658"/>
                </a:lnTo>
                <a:lnTo>
                  <a:pt x="1063" y="666"/>
                </a:lnTo>
                <a:lnTo>
                  <a:pt x="1069" y="670"/>
                </a:lnTo>
                <a:lnTo>
                  <a:pt x="1075" y="674"/>
                </a:lnTo>
                <a:lnTo>
                  <a:pt x="1086" y="684"/>
                </a:lnTo>
                <a:lnTo>
                  <a:pt x="1096" y="695"/>
                </a:lnTo>
                <a:lnTo>
                  <a:pt x="1101" y="701"/>
                </a:lnTo>
                <a:lnTo>
                  <a:pt x="1105" y="707"/>
                </a:lnTo>
                <a:lnTo>
                  <a:pt x="1113" y="719"/>
                </a:lnTo>
                <a:lnTo>
                  <a:pt x="1119" y="732"/>
                </a:lnTo>
                <a:lnTo>
                  <a:pt x="1122" y="739"/>
                </a:lnTo>
                <a:lnTo>
                  <a:pt x="1124" y="746"/>
                </a:lnTo>
                <a:lnTo>
                  <a:pt x="1128" y="760"/>
                </a:lnTo>
                <a:lnTo>
                  <a:pt x="1130" y="768"/>
                </a:lnTo>
                <a:lnTo>
                  <a:pt x="1131" y="775"/>
                </a:lnTo>
                <a:lnTo>
                  <a:pt x="1132" y="782"/>
                </a:lnTo>
                <a:lnTo>
                  <a:pt x="1132" y="790"/>
                </a:lnTo>
                <a:lnTo>
                  <a:pt x="1132" y="797"/>
                </a:lnTo>
                <a:lnTo>
                  <a:pt x="1131" y="805"/>
                </a:lnTo>
                <a:lnTo>
                  <a:pt x="1131" y="813"/>
                </a:lnTo>
                <a:lnTo>
                  <a:pt x="1129" y="820"/>
                </a:lnTo>
                <a:lnTo>
                  <a:pt x="1128" y="828"/>
                </a:lnTo>
                <a:lnTo>
                  <a:pt x="1126" y="835"/>
                </a:lnTo>
                <a:lnTo>
                  <a:pt x="1123" y="845"/>
                </a:lnTo>
                <a:lnTo>
                  <a:pt x="1119" y="854"/>
                </a:lnTo>
                <a:lnTo>
                  <a:pt x="1115" y="863"/>
                </a:lnTo>
                <a:lnTo>
                  <a:pt x="1111" y="871"/>
                </a:lnTo>
                <a:lnTo>
                  <a:pt x="1108" y="875"/>
                </a:lnTo>
                <a:lnTo>
                  <a:pt x="1105" y="879"/>
                </a:lnTo>
                <a:lnTo>
                  <a:pt x="1100" y="887"/>
                </a:lnTo>
                <a:lnTo>
                  <a:pt x="1094" y="894"/>
                </a:lnTo>
                <a:lnTo>
                  <a:pt x="1087" y="901"/>
                </a:lnTo>
                <a:lnTo>
                  <a:pt x="1080" y="908"/>
                </a:lnTo>
                <a:lnTo>
                  <a:pt x="1073" y="914"/>
                </a:lnTo>
                <a:lnTo>
                  <a:pt x="1065" y="919"/>
                </a:lnTo>
                <a:lnTo>
                  <a:pt x="1057" y="924"/>
                </a:lnTo>
                <a:lnTo>
                  <a:pt x="1049" y="929"/>
                </a:lnTo>
                <a:lnTo>
                  <a:pt x="1041" y="933"/>
                </a:lnTo>
                <a:lnTo>
                  <a:pt x="1032" y="937"/>
                </a:lnTo>
                <a:lnTo>
                  <a:pt x="1023" y="940"/>
                </a:lnTo>
                <a:close/>
                <a:moveTo>
                  <a:pt x="2250" y="1313"/>
                </a:moveTo>
                <a:lnTo>
                  <a:pt x="2241" y="1313"/>
                </a:lnTo>
                <a:lnTo>
                  <a:pt x="2232" y="1312"/>
                </a:lnTo>
                <a:lnTo>
                  <a:pt x="2223" y="1310"/>
                </a:lnTo>
                <a:lnTo>
                  <a:pt x="2215" y="1308"/>
                </a:lnTo>
                <a:lnTo>
                  <a:pt x="2207" y="1306"/>
                </a:lnTo>
                <a:lnTo>
                  <a:pt x="2200" y="1303"/>
                </a:lnTo>
                <a:lnTo>
                  <a:pt x="2193" y="1300"/>
                </a:lnTo>
                <a:lnTo>
                  <a:pt x="2186" y="1297"/>
                </a:lnTo>
                <a:lnTo>
                  <a:pt x="2179" y="1293"/>
                </a:lnTo>
                <a:lnTo>
                  <a:pt x="2172" y="1289"/>
                </a:lnTo>
                <a:lnTo>
                  <a:pt x="2160" y="1280"/>
                </a:lnTo>
                <a:lnTo>
                  <a:pt x="2155" y="1275"/>
                </a:lnTo>
                <a:lnTo>
                  <a:pt x="2149" y="1270"/>
                </a:lnTo>
                <a:lnTo>
                  <a:pt x="2144" y="1265"/>
                </a:lnTo>
                <a:lnTo>
                  <a:pt x="2139" y="1259"/>
                </a:lnTo>
                <a:lnTo>
                  <a:pt x="2133" y="1253"/>
                </a:lnTo>
                <a:lnTo>
                  <a:pt x="2129" y="1247"/>
                </a:lnTo>
                <a:lnTo>
                  <a:pt x="2125" y="1241"/>
                </a:lnTo>
                <a:lnTo>
                  <a:pt x="2121" y="1235"/>
                </a:lnTo>
                <a:lnTo>
                  <a:pt x="2118" y="1228"/>
                </a:lnTo>
                <a:lnTo>
                  <a:pt x="2115" y="1222"/>
                </a:lnTo>
                <a:lnTo>
                  <a:pt x="2112" y="1215"/>
                </a:lnTo>
                <a:lnTo>
                  <a:pt x="2109" y="1208"/>
                </a:lnTo>
                <a:lnTo>
                  <a:pt x="2107" y="1201"/>
                </a:lnTo>
                <a:lnTo>
                  <a:pt x="2105" y="1193"/>
                </a:lnTo>
                <a:lnTo>
                  <a:pt x="2104" y="1186"/>
                </a:lnTo>
                <a:lnTo>
                  <a:pt x="2103" y="1178"/>
                </a:lnTo>
                <a:lnTo>
                  <a:pt x="2102" y="1171"/>
                </a:lnTo>
                <a:lnTo>
                  <a:pt x="2101" y="1163"/>
                </a:lnTo>
                <a:lnTo>
                  <a:pt x="2101" y="1155"/>
                </a:lnTo>
                <a:lnTo>
                  <a:pt x="2102" y="1148"/>
                </a:lnTo>
                <a:lnTo>
                  <a:pt x="2103" y="1140"/>
                </a:lnTo>
                <a:lnTo>
                  <a:pt x="2104" y="1132"/>
                </a:lnTo>
                <a:lnTo>
                  <a:pt x="2105" y="1124"/>
                </a:lnTo>
                <a:lnTo>
                  <a:pt x="2107" y="1116"/>
                </a:lnTo>
                <a:lnTo>
                  <a:pt x="2111" y="1104"/>
                </a:lnTo>
                <a:lnTo>
                  <a:pt x="2116" y="1093"/>
                </a:lnTo>
                <a:lnTo>
                  <a:pt x="2122" y="1082"/>
                </a:lnTo>
                <a:lnTo>
                  <a:pt x="2128" y="1072"/>
                </a:lnTo>
                <a:lnTo>
                  <a:pt x="2136" y="1063"/>
                </a:lnTo>
                <a:lnTo>
                  <a:pt x="2144" y="1054"/>
                </a:lnTo>
                <a:lnTo>
                  <a:pt x="2153" y="1046"/>
                </a:lnTo>
                <a:lnTo>
                  <a:pt x="2162" y="1038"/>
                </a:lnTo>
                <a:lnTo>
                  <a:pt x="2167" y="1035"/>
                </a:lnTo>
                <a:lnTo>
                  <a:pt x="2171" y="1031"/>
                </a:lnTo>
                <a:lnTo>
                  <a:pt x="2181" y="1025"/>
                </a:lnTo>
                <a:lnTo>
                  <a:pt x="2192" y="1020"/>
                </a:lnTo>
                <a:lnTo>
                  <a:pt x="2197" y="1018"/>
                </a:lnTo>
                <a:lnTo>
                  <a:pt x="2203" y="1015"/>
                </a:lnTo>
                <a:lnTo>
                  <a:pt x="2214" y="1012"/>
                </a:lnTo>
                <a:lnTo>
                  <a:pt x="2226" y="1009"/>
                </a:lnTo>
                <a:lnTo>
                  <a:pt x="2238" y="1007"/>
                </a:lnTo>
                <a:lnTo>
                  <a:pt x="2244" y="1006"/>
                </a:lnTo>
                <a:lnTo>
                  <a:pt x="2250" y="1006"/>
                </a:lnTo>
                <a:lnTo>
                  <a:pt x="2262" y="1005"/>
                </a:lnTo>
                <a:lnTo>
                  <a:pt x="2274" y="1006"/>
                </a:lnTo>
                <a:lnTo>
                  <a:pt x="2280" y="1006"/>
                </a:lnTo>
                <a:lnTo>
                  <a:pt x="2287" y="1008"/>
                </a:lnTo>
                <a:lnTo>
                  <a:pt x="2300" y="1011"/>
                </a:lnTo>
                <a:lnTo>
                  <a:pt x="2315" y="1016"/>
                </a:lnTo>
                <a:lnTo>
                  <a:pt x="2322" y="1019"/>
                </a:lnTo>
                <a:lnTo>
                  <a:pt x="2328" y="1022"/>
                </a:lnTo>
                <a:lnTo>
                  <a:pt x="2335" y="1026"/>
                </a:lnTo>
                <a:lnTo>
                  <a:pt x="2342" y="1030"/>
                </a:lnTo>
                <a:lnTo>
                  <a:pt x="2348" y="1035"/>
                </a:lnTo>
                <a:lnTo>
                  <a:pt x="2354" y="1039"/>
                </a:lnTo>
                <a:lnTo>
                  <a:pt x="2365" y="1049"/>
                </a:lnTo>
                <a:lnTo>
                  <a:pt x="2375" y="1060"/>
                </a:lnTo>
                <a:lnTo>
                  <a:pt x="2379" y="1066"/>
                </a:lnTo>
                <a:lnTo>
                  <a:pt x="2383" y="1072"/>
                </a:lnTo>
                <a:lnTo>
                  <a:pt x="2391" y="1085"/>
                </a:lnTo>
                <a:lnTo>
                  <a:pt x="2398" y="1098"/>
                </a:lnTo>
                <a:lnTo>
                  <a:pt x="2403" y="1112"/>
                </a:lnTo>
                <a:lnTo>
                  <a:pt x="2407" y="1127"/>
                </a:lnTo>
                <a:lnTo>
                  <a:pt x="2408" y="1134"/>
                </a:lnTo>
                <a:lnTo>
                  <a:pt x="2409" y="1142"/>
                </a:lnTo>
                <a:lnTo>
                  <a:pt x="2410" y="1149"/>
                </a:lnTo>
                <a:lnTo>
                  <a:pt x="2410" y="1156"/>
                </a:lnTo>
                <a:lnTo>
                  <a:pt x="2410" y="1164"/>
                </a:lnTo>
                <a:lnTo>
                  <a:pt x="2410" y="1172"/>
                </a:lnTo>
                <a:lnTo>
                  <a:pt x="2409" y="1179"/>
                </a:lnTo>
                <a:lnTo>
                  <a:pt x="2408" y="1187"/>
                </a:lnTo>
                <a:lnTo>
                  <a:pt x="2406" y="1194"/>
                </a:lnTo>
                <a:lnTo>
                  <a:pt x="2404" y="1202"/>
                </a:lnTo>
                <a:lnTo>
                  <a:pt x="2402" y="1208"/>
                </a:lnTo>
                <a:lnTo>
                  <a:pt x="2400" y="1215"/>
                </a:lnTo>
                <a:lnTo>
                  <a:pt x="2398" y="1221"/>
                </a:lnTo>
                <a:lnTo>
                  <a:pt x="2395" y="1227"/>
                </a:lnTo>
                <a:lnTo>
                  <a:pt x="2389" y="1239"/>
                </a:lnTo>
                <a:lnTo>
                  <a:pt x="2382" y="1250"/>
                </a:lnTo>
                <a:lnTo>
                  <a:pt x="2378" y="1255"/>
                </a:lnTo>
                <a:lnTo>
                  <a:pt x="2374" y="1260"/>
                </a:lnTo>
                <a:lnTo>
                  <a:pt x="2365" y="1269"/>
                </a:lnTo>
                <a:lnTo>
                  <a:pt x="2356" y="1278"/>
                </a:lnTo>
                <a:lnTo>
                  <a:pt x="2346" y="1285"/>
                </a:lnTo>
                <a:lnTo>
                  <a:pt x="2335" y="1292"/>
                </a:lnTo>
                <a:lnTo>
                  <a:pt x="2330" y="1295"/>
                </a:lnTo>
                <a:lnTo>
                  <a:pt x="2324" y="1298"/>
                </a:lnTo>
                <a:lnTo>
                  <a:pt x="2312" y="1303"/>
                </a:lnTo>
                <a:lnTo>
                  <a:pt x="2307" y="1305"/>
                </a:lnTo>
                <a:lnTo>
                  <a:pt x="2301" y="1307"/>
                </a:lnTo>
                <a:lnTo>
                  <a:pt x="2288" y="1310"/>
                </a:lnTo>
                <a:lnTo>
                  <a:pt x="2276" y="1312"/>
                </a:lnTo>
                <a:lnTo>
                  <a:pt x="2263" y="1313"/>
                </a:lnTo>
                <a:lnTo>
                  <a:pt x="2250" y="1313"/>
                </a:lnTo>
                <a:close/>
                <a:moveTo>
                  <a:pt x="1023" y="612"/>
                </a:moveTo>
                <a:lnTo>
                  <a:pt x="1005" y="608"/>
                </a:lnTo>
                <a:lnTo>
                  <a:pt x="996" y="607"/>
                </a:lnTo>
                <a:lnTo>
                  <a:pt x="987" y="607"/>
                </a:lnTo>
                <a:lnTo>
                  <a:pt x="969" y="607"/>
                </a:lnTo>
                <a:lnTo>
                  <a:pt x="960" y="607"/>
                </a:lnTo>
                <a:lnTo>
                  <a:pt x="952" y="608"/>
                </a:lnTo>
                <a:lnTo>
                  <a:pt x="943" y="610"/>
                </a:lnTo>
                <a:lnTo>
                  <a:pt x="934" y="612"/>
                </a:lnTo>
                <a:lnTo>
                  <a:pt x="926" y="614"/>
                </a:lnTo>
                <a:lnTo>
                  <a:pt x="917" y="616"/>
                </a:lnTo>
                <a:lnTo>
                  <a:pt x="908" y="620"/>
                </a:lnTo>
                <a:lnTo>
                  <a:pt x="900" y="623"/>
                </a:lnTo>
                <a:lnTo>
                  <a:pt x="892" y="627"/>
                </a:lnTo>
                <a:lnTo>
                  <a:pt x="885" y="631"/>
                </a:lnTo>
                <a:lnTo>
                  <a:pt x="877" y="636"/>
                </a:lnTo>
                <a:lnTo>
                  <a:pt x="870" y="640"/>
                </a:lnTo>
                <a:lnTo>
                  <a:pt x="863" y="646"/>
                </a:lnTo>
                <a:lnTo>
                  <a:pt x="856" y="651"/>
                </a:lnTo>
                <a:lnTo>
                  <a:pt x="849" y="657"/>
                </a:lnTo>
                <a:lnTo>
                  <a:pt x="843" y="663"/>
                </a:lnTo>
                <a:lnTo>
                  <a:pt x="831" y="677"/>
                </a:lnTo>
                <a:lnTo>
                  <a:pt x="826" y="684"/>
                </a:lnTo>
                <a:lnTo>
                  <a:pt x="821" y="691"/>
                </a:lnTo>
                <a:lnTo>
                  <a:pt x="816" y="699"/>
                </a:lnTo>
                <a:lnTo>
                  <a:pt x="812" y="707"/>
                </a:lnTo>
                <a:lnTo>
                  <a:pt x="808" y="715"/>
                </a:lnTo>
                <a:lnTo>
                  <a:pt x="805" y="724"/>
                </a:lnTo>
                <a:lnTo>
                  <a:pt x="802" y="733"/>
                </a:lnTo>
                <a:lnTo>
                  <a:pt x="799" y="742"/>
                </a:lnTo>
                <a:lnTo>
                  <a:pt x="796" y="751"/>
                </a:lnTo>
                <a:lnTo>
                  <a:pt x="794" y="760"/>
                </a:lnTo>
                <a:lnTo>
                  <a:pt x="793" y="769"/>
                </a:lnTo>
                <a:lnTo>
                  <a:pt x="792" y="779"/>
                </a:lnTo>
                <a:lnTo>
                  <a:pt x="792" y="788"/>
                </a:lnTo>
                <a:lnTo>
                  <a:pt x="792" y="797"/>
                </a:lnTo>
                <a:lnTo>
                  <a:pt x="792" y="806"/>
                </a:lnTo>
                <a:lnTo>
                  <a:pt x="793" y="815"/>
                </a:lnTo>
                <a:lnTo>
                  <a:pt x="794" y="824"/>
                </a:lnTo>
                <a:lnTo>
                  <a:pt x="796" y="833"/>
                </a:lnTo>
                <a:lnTo>
                  <a:pt x="798" y="842"/>
                </a:lnTo>
                <a:lnTo>
                  <a:pt x="801" y="851"/>
                </a:lnTo>
                <a:lnTo>
                  <a:pt x="804" y="859"/>
                </a:lnTo>
                <a:lnTo>
                  <a:pt x="807" y="867"/>
                </a:lnTo>
                <a:lnTo>
                  <a:pt x="811" y="875"/>
                </a:lnTo>
                <a:lnTo>
                  <a:pt x="815" y="883"/>
                </a:lnTo>
                <a:lnTo>
                  <a:pt x="819" y="891"/>
                </a:lnTo>
                <a:lnTo>
                  <a:pt x="824" y="899"/>
                </a:lnTo>
                <a:lnTo>
                  <a:pt x="829" y="906"/>
                </a:lnTo>
                <a:lnTo>
                  <a:pt x="835" y="913"/>
                </a:lnTo>
                <a:lnTo>
                  <a:pt x="841" y="920"/>
                </a:lnTo>
                <a:lnTo>
                  <a:pt x="847" y="926"/>
                </a:lnTo>
                <a:lnTo>
                  <a:pt x="854" y="932"/>
                </a:lnTo>
                <a:lnTo>
                  <a:pt x="861" y="938"/>
                </a:lnTo>
                <a:lnTo>
                  <a:pt x="875" y="949"/>
                </a:lnTo>
                <a:lnTo>
                  <a:pt x="883" y="954"/>
                </a:lnTo>
                <a:lnTo>
                  <a:pt x="891" y="958"/>
                </a:lnTo>
                <a:lnTo>
                  <a:pt x="900" y="962"/>
                </a:lnTo>
                <a:lnTo>
                  <a:pt x="908" y="966"/>
                </a:lnTo>
                <a:lnTo>
                  <a:pt x="918" y="969"/>
                </a:lnTo>
                <a:lnTo>
                  <a:pt x="927" y="972"/>
                </a:lnTo>
                <a:lnTo>
                  <a:pt x="939" y="975"/>
                </a:lnTo>
                <a:lnTo>
                  <a:pt x="952" y="977"/>
                </a:lnTo>
                <a:lnTo>
                  <a:pt x="964" y="978"/>
                </a:lnTo>
                <a:lnTo>
                  <a:pt x="976" y="979"/>
                </a:lnTo>
                <a:lnTo>
                  <a:pt x="988" y="979"/>
                </a:lnTo>
                <a:lnTo>
                  <a:pt x="1000" y="978"/>
                </a:lnTo>
                <a:lnTo>
                  <a:pt x="1012" y="976"/>
                </a:lnTo>
                <a:lnTo>
                  <a:pt x="1023" y="974"/>
                </a:lnTo>
                <a:lnTo>
                  <a:pt x="1034" y="971"/>
                </a:lnTo>
                <a:lnTo>
                  <a:pt x="1045" y="967"/>
                </a:lnTo>
                <a:lnTo>
                  <a:pt x="1055" y="963"/>
                </a:lnTo>
                <a:lnTo>
                  <a:pt x="1065" y="958"/>
                </a:lnTo>
                <a:lnTo>
                  <a:pt x="1074" y="953"/>
                </a:lnTo>
                <a:lnTo>
                  <a:pt x="1084" y="946"/>
                </a:lnTo>
                <a:lnTo>
                  <a:pt x="1093" y="940"/>
                </a:lnTo>
                <a:lnTo>
                  <a:pt x="1101" y="933"/>
                </a:lnTo>
                <a:lnTo>
                  <a:pt x="1109" y="925"/>
                </a:lnTo>
                <a:lnTo>
                  <a:pt x="1117" y="917"/>
                </a:lnTo>
                <a:lnTo>
                  <a:pt x="1124" y="908"/>
                </a:lnTo>
                <a:lnTo>
                  <a:pt x="1131" y="899"/>
                </a:lnTo>
                <a:lnTo>
                  <a:pt x="1137" y="890"/>
                </a:lnTo>
                <a:lnTo>
                  <a:pt x="1143" y="880"/>
                </a:lnTo>
                <a:lnTo>
                  <a:pt x="1148" y="869"/>
                </a:lnTo>
                <a:lnTo>
                  <a:pt x="1150" y="864"/>
                </a:lnTo>
                <a:lnTo>
                  <a:pt x="1153" y="859"/>
                </a:lnTo>
                <a:lnTo>
                  <a:pt x="1155" y="852"/>
                </a:lnTo>
                <a:lnTo>
                  <a:pt x="1158" y="844"/>
                </a:lnTo>
                <a:lnTo>
                  <a:pt x="1161" y="829"/>
                </a:lnTo>
                <a:lnTo>
                  <a:pt x="1164" y="814"/>
                </a:lnTo>
                <a:lnTo>
                  <a:pt x="1164" y="806"/>
                </a:lnTo>
                <a:lnTo>
                  <a:pt x="1165" y="799"/>
                </a:lnTo>
                <a:lnTo>
                  <a:pt x="1165" y="784"/>
                </a:lnTo>
                <a:lnTo>
                  <a:pt x="1163" y="769"/>
                </a:lnTo>
                <a:lnTo>
                  <a:pt x="1162" y="762"/>
                </a:lnTo>
                <a:lnTo>
                  <a:pt x="1161" y="755"/>
                </a:lnTo>
                <a:lnTo>
                  <a:pt x="1157" y="741"/>
                </a:lnTo>
                <a:lnTo>
                  <a:pt x="1153" y="727"/>
                </a:lnTo>
                <a:lnTo>
                  <a:pt x="1148" y="717"/>
                </a:lnTo>
                <a:lnTo>
                  <a:pt x="1144" y="708"/>
                </a:lnTo>
                <a:lnTo>
                  <a:pt x="1138" y="699"/>
                </a:lnTo>
                <a:lnTo>
                  <a:pt x="1133" y="689"/>
                </a:lnTo>
                <a:lnTo>
                  <a:pt x="1127" y="681"/>
                </a:lnTo>
                <a:lnTo>
                  <a:pt x="1120" y="672"/>
                </a:lnTo>
                <a:lnTo>
                  <a:pt x="1113" y="664"/>
                </a:lnTo>
                <a:lnTo>
                  <a:pt x="1105" y="657"/>
                </a:lnTo>
                <a:lnTo>
                  <a:pt x="1097" y="650"/>
                </a:lnTo>
                <a:lnTo>
                  <a:pt x="1089" y="643"/>
                </a:lnTo>
                <a:lnTo>
                  <a:pt x="1080" y="637"/>
                </a:lnTo>
                <a:lnTo>
                  <a:pt x="1071" y="631"/>
                </a:lnTo>
                <a:lnTo>
                  <a:pt x="1061" y="626"/>
                </a:lnTo>
                <a:lnTo>
                  <a:pt x="1056" y="623"/>
                </a:lnTo>
                <a:lnTo>
                  <a:pt x="1051" y="621"/>
                </a:lnTo>
                <a:lnTo>
                  <a:pt x="1041" y="617"/>
                </a:lnTo>
                <a:lnTo>
                  <a:pt x="1030" y="614"/>
                </a:lnTo>
                <a:lnTo>
                  <a:pt x="1029" y="614"/>
                </a:lnTo>
                <a:lnTo>
                  <a:pt x="1027" y="613"/>
                </a:lnTo>
                <a:lnTo>
                  <a:pt x="1025" y="612"/>
                </a:lnTo>
                <a:lnTo>
                  <a:pt x="1023" y="612"/>
                </a:lnTo>
                <a:close/>
                <a:moveTo>
                  <a:pt x="1023" y="1103"/>
                </a:moveTo>
                <a:lnTo>
                  <a:pt x="767" y="1230"/>
                </a:lnTo>
                <a:lnTo>
                  <a:pt x="882" y="1251"/>
                </a:lnTo>
                <a:lnTo>
                  <a:pt x="935" y="1260"/>
                </a:lnTo>
                <a:lnTo>
                  <a:pt x="808" y="1320"/>
                </a:lnTo>
                <a:lnTo>
                  <a:pt x="863" y="1432"/>
                </a:lnTo>
                <a:lnTo>
                  <a:pt x="995" y="1368"/>
                </a:lnTo>
                <a:lnTo>
                  <a:pt x="949" y="1483"/>
                </a:lnTo>
                <a:lnTo>
                  <a:pt x="793" y="1483"/>
                </a:lnTo>
                <a:lnTo>
                  <a:pt x="779" y="1461"/>
                </a:lnTo>
                <a:lnTo>
                  <a:pt x="765" y="1438"/>
                </a:lnTo>
                <a:lnTo>
                  <a:pt x="751" y="1415"/>
                </a:lnTo>
                <a:lnTo>
                  <a:pt x="745" y="1403"/>
                </a:lnTo>
                <a:lnTo>
                  <a:pt x="738" y="1391"/>
                </a:lnTo>
                <a:lnTo>
                  <a:pt x="726" y="1367"/>
                </a:lnTo>
                <a:lnTo>
                  <a:pt x="715" y="1342"/>
                </a:lnTo>
                <a:lnTo>
                  <a:pt x="704" y="1318"/>
                </a:lnTo>
                <a:lnTo>
                  <a:pt x="693" y="1293"/>
                </a:lnTo>
                <a:lnTo>
                  <a:pt x="684" y="1268"/>
                </a:lnTo>
                <a:lnTo>
                  <a:pt x="675" y="1242"/>
                </a:lnTo>
                <a:lnTo>
                  <a:pt x="671" y="1229"/>
                </a:lnTo>
                <a:lnTo>
                  <a:pt x="667" y="1216"/>
                </a:lnTo>
                <a:lnTo>
                  <a:pt x="659" y="1190"/>
                </a:lnTo>
                <a:lnTo>
                  <a:pt x="652" y="1164"/>
                </a:lnTo>
                <a:lnTo>
                  <a:pt x="646" y="1138"/>
                </a:lnTo>
                <a:lnTo>
                  <a:pt x="640" y="1110"/>
                </a:lnTo>
                <a:lnTo>
                  <a:pt x="635" y="1083"/>
                </a:lnTo>
                <a:lnTo>
                  <a:pt x="631" y="1056"/>
                </a:lnTo>
                <a:lnTo>
                  <a:pt x="628" y="1029"/>
                </a:lnTo>
                <a:lnTo>
                  <a:pt x="625" y="1002"/>
                </a:lnTo>
                <a:lnTo>
                  <a:pt x="623" y="975"/>
                </a:lnTo>
                <a:lnTo>
                  <a:pt x="622" y="947"/>
                </a:lnTo>
                <a:lnTo>
                  <a:pt x="622" y="920"/>
                </a:lnTo>
                <a:lnTo>
                  <a:pt x="622" y="892"/>
                </a:lnTo>
                <a:lnTo>
                  <a:pt x="623" y="864"/>
                </a:lnTo>
                <a:lnTo>
                  <a:pt x="625" y="836"/>
                </a:lnTo>
                <a:lnTo>
                  <a:pt x="628" y="808"/>
                </a:lnTo>
                <a:lnTo>
                  <a:pt x="631" y="780"/>
                </a:lnTo>
                <a:lnTo>
                  <a:pt x="635" y="752"/>
                </a:lnTo>
                <a:lnTo>
                  <a:pt x="640" y="724"/>
                </a:lnTo>
                <a:lnTo>
                  <a:pt x="646" y="696"/>
                </a:lnTo>
                <a:lnTo>
                  <a:pt x="653" y="668"/>
                </a:lnTo>
                <a:lnTo>
                  <a:pt x="661" y="640"/>
                </a:lnTo>
                <a:lnTo>
                  <a:pt x="667" y="620"/>
                </a:lnTo>
                <a:lnTo>
                  <a:pt x="673" y="600"/>
                </a:lnTo>
                <a:lnTo>
                  <a:pt x="680" y="580"/>
                </a:lnTo>
                <a:lnTo>
                  <a:pt x="687" y="561"/>
                </a:lnTo>
                <a:lnTo>
                  <a:pt x="695" y="541"/>
                </a:lnTo>
                <a:lnTo>
                  <a:pt x="703" y="522"/>
                </a:lnTo>
                <a:lnTo>
                  <a:pt x="720" y="484"/>
                </a:lnTo>
                <a:lnTo>
                  <a:pt x="729" y="466"/>
                </a:lnTo>
                <a:lnTo>
                  <a:pt x="739" y="447"/>
                </a:lnTo>
                <a:lnTo>
                  <a:pt x="759" y="412"/>
                </a:lnTo>
                <a:lnTo>
                  <a:pt x="769" y="394"/>
                </a:lnTo>
                <a:lnTo>
                  <a:pt x="780" y="377"/>
                </a:lnTo>
                <a:lnTo>
                  <a:pt x="791" y="359"/>
                </a:lnTo>
                <a:lnTo>
                  <a:pt x="802" y="342"/>
                </a:lnTo>
                <a:lnTo>
                  <a:pt x="814" y="326"/>
                </a:lnTo>
                <a:lnTo>
                  <a:pt x="826" y="310"/>
                </a:lnTo>
                <a:lnTo>
                  <a:pt x="838" y="294"/>
                </a:lnTo>
                <a:lnTo>
                  <a:pt x="851" y="278"/>
                </a:lnTo>
                <a:lnTo>
                  <a:pt x="863" y="263"/>
                </a:lnTo>
                <a:lnTo>
                  <a:pt x="877" y="248"/>
                </a:lnTo>
                <a:lnTo>
                  <a:pt x="890" y="233"/>
                </a:lnTo>
                <a:lnTo>
                  <a:pt x="904" y="218"/>
                </a:lnTo>
                <a:lnTo>
                  <a:pt x="919" y="204"/>
                </a:lnTo>
                <a:lnTo>
                  <a:pt x="933" y="190"/>
                </a:lnTo>
                <a:lnTo>
                  <a:pt x="947" y="177"/>
                </a:lnTo>
                <a:lnTo>
                  <a:pt x="962" y="163"/>
                </a:lnTo>
                <a:lnTo>
                  <a:pt x="977" y="150"/>
                </a:lnTo>
                <a:lnTo>
                  <a:pt x="992" y="138"/>
                </a:lnTo>
                <a:lnTo>
                  <a:pt x="1007" y="125"/>
                </a:lnTo>
                <a:lnTo>
                  <a:pt x="1023" y="113"/>
                </a:lnTo>
                <a:lnTo>
                  <a:pt x="1039" y="102"/>
                </a:lnTo>
                <a:lnTo>
                  <a:pt x="1054" y="91"/>
                </a:lnTo>
                <a:lnTo>
                  <a:pt x="1087" y="70"/>
                </a:lnTo>
                <a:lnTo>
                  <a:pt x="1119" y="50"/>
                </a:lnTo>
                <a:lnTo>
                  <a:pt x="1136" y="40"/>
                </a:lnTo>
                <a:lnTo>
                  <a:pt x="1153" y="31"/>
                </a:lnTo>
                <a:lnTo>
                  <a:pt x="1171" y="21"/>
                </a:lnTo>
                <a:lnTo>
                  <a:pt x="1192" y="10"/>
                </a:lnTo>
                <a:lnTo>
                  <a:pt x="1339" y="10"/>
                </a:lnTo>
                <a:lnTo>
                  <a:pt x="1356" y="10"/>
                </a:lnTo>
                <a:lnTo>
                  <a:pt x="1484" y="10"/>
                </a:lnTo>
                <a:lnTo>
                  <a:pt x="1486" y="37"/>
                </a:lnTo>
                <a:lnTo>
                  <a:pt x="1487" y="63"/>
                </a:lnTo>
                <a:lnTo>
                  <a:pt x="1488" y="89"/>
                </a:lnTo>
                <a:lnTo>
                  <a:pt x="1489" y="114"/>
                </a:lnTo>
                <a:lnTo>
                  <a:pt x="1489" y="139"/>
                </a:lnTo>
                <a:lnTo>
                  <a:pt x="1489" y="164"/>
                </a:lnTo>
                <a:lnTo>
                  <a:pt x="1489" y="188"/>
                </a:lnTo>
                <a:lnTo>
                  <a:pt x="1488" y="212"/>
                </a:lnTo>
                <a:lnTo>
                  <a:pt x="1486" y="236"/>
                </a:lnTo>
                <a:lnTo>
                  <a:pt x="1484" y="261"/>
                </a:lnTo>
                <a:lnTo>
                  <a:pt x="1482" y="285"/>
                </a:lnTo>
                <a:lnTo>
                  <a:pt x="1479" y="310"/>
                </a:lnTo>
                <a:lnTo>
                  <a:pt x="1475" y="335"/>
                </a:lnTo>
                <a:lnTo>
                  <a:pt x="1471" y="360"/>
                </a:lnTo>
                <a:lnTo>
                  <a:pt x="1466" y="387"/>
                </a:lnTo>
                <a:lnTo>
                  <a:pt x="1461" y="414"/>
                </a:lnTo>
                <a:lnTo>
                  <a:pt x="1717" y="488"/>
                </a:lnTo>
                <a:lnTo>
                  <a:pt x="1754" y="497"/>
                </a:lnTo>
                <a:lnTo>
                  <a:pt x="1840" y="522"/>
                </a:lnTo>
                <a:lnTo>
                  <a:pt x="2047" y="582"/>
                </a:lnTo>
                <a:lnTo>
                  <a:pt x="2067" y="531"/>
                </a:lnTo>
                <a:lnTo>
                  <a:pt x="2078" y="506"/>
                </a:lnTo>
                <a:lnTo>
                  <a:pt x="2088" y="482"/>
                </a:lnTo>
                <a:lnTo>
                  <a:pt x="2099" y="459"/>
                </a:lnTo>
                <a:lnTo>
                  <a:pt x="2110" y="436"/>
                </a:lnTo>
                <a:lnTo>
                  <a:pt x="2122" y="414"/>
                </a:lnTo>
                <a:lnTo>
                  <a:pt x="2134" y="392"/>
                </a:lnTo>
                <a:lnTo>
                  <a:pt x="2147" y="371"/>
                </a:lnTo>
                <a:lnTo>
                  <a:pt x="2160" y="348"/>
                </a:lnTo>
                <a:lnTo>
                  <a:pt x="2187" y="305"/>
                </a:lnTo>
                <a:lnTo>
                  <a:pt x="2216" y="262"/>
                </a:lnTo>
                <a:lnTo>
                  <a:pt x="2248" y="218"/>
                </a:lnTo>
                <a:lnTo>
                  <a:pt x="2239" y="211"/>
                </a:lnTo>
                <a:lnTo>
                  <a:pt x="2230" y="205"/>
                </a:lnTo>
                <a:lnTo>
                  <a:pt x="2225" y="202"/>
                </a:lnTo>
                <a:lnTo>
                  <a:pt x="2220" y="200"/>
                </a:lnTo>
                <a:lnTo>
                  <a:pt x="2215" y="198"/>
                </a:lnTo>
                <a:lnTo>
                  <a:pt x="2209" y="196"/>
                </a:lnTo>
                <a:lnTo>
                  <a:pt x="2202" y="194"/>
                </a:lnTo>
                <a:lnTo>
                  <a:pt x="2194" y="193"/>
                </a:lnTo>
                <a:lnTo>
                  <a:pt x="2186" y="193"/>
                </a:lnTo>
                <a:lnTo>
                  <a:pt x="2179" y="194"/>
                </a:lnTo>
                <a:lnTo>
                  <a:pt x="2171" y="195"/>
                </a:lnTo>
                <a:lnTo>
                  <a:pt x="2164" y="197"/>
                </a:lnTo>
                <a:lnTo>
                  <a:pt x="2157" y="200"/>
                </a:lnTo>
                <a:lnTo>
                  <a:pt x="2150" y="203"/>
                </a:lnTo>
                <a:lnTo>
                  <a:pt x="2143" y="207"/>
                </a:lnTo>
                <a:lnTo>
                  <a:pt x="2136" y="212"/>
                </a:lnTo>
                <a:lnTo>
                  <a:pt x="2131" y="217"/>
                </a:lnTo>
                <a:lnTo>
                  <a:pt x="2125" y="222"/>
                </a:lnTo>
                <a:lnTo>
                  <a:pt x="2123" y="225"/>
                </a:lnTo>
                <a:lnTo>
                  <a:pt x="2121" y="228"/>
                </a:lnTo>
                <a:lnTo>
                  <a:pt x="2117" y="235"/>
                </a:lnTo>
                <a:lnTo>
                  <a:pt x="2113" y="242"/>
                </a:lnTo>
                <a:lnTo>
                  <a:pt x="2111" y="250"/>
                </a:lnTo>
                <a:lnTo>
                  <a:pt x="2110" y="253"/>
                </a:lnTo>
                <a:lnTo>
                  <a:pt x="2110" y="256"/>
                </a:lnTo>
                <a:lnTo>
                  <a:pt x="2109" y="259"/>
                </a:lnTo>
                <a:lnTo>
                  <a:pt x="2109" y="262"/>
                </a:lnTo>
                <a:lnTo>
                  <a:pt x="2100" y="263"/>
                </a:lnTo>
                <a:lnTo>
                  <a:pt x="2092" y="265"/>
                </a:lnTo>
                <a:lnTo>
                  <a:pt x="2084" y="267"/>
                </a:lnTo>
                <a:lnTo>
                  <a:pt x="2076" y="270"/>
                </a:lnTo>
                <a:lnTo>
                  <a:pt x="2068" y="273"/>
                </a:lnTo>
                <a:lnTo>
                  <a:pt x="2060" y="277"/>
                </a:lnTo>
                <a:lnTo>
                  <a:pt x="2053" y="281"/>
                </a:lnTo>
                <a:lnTo>
                  <a:pt x="2046" y="286"/>
                </a:lnTo>
                <a:lnTo>
                  <a:pt x="2040" y="291"/>
                </a:lnTo>
                <a:lnTo>
                  <a:pt x="2034" y="297"/>
                </a:lnTo>
                <a:lnTo>
                  <a:pt x="2028" y="303"/>
                </a:lnTo>
                <a:lnTo>
                  <a:pt x="2023" y="309"/>
                </a:lnTo>
                <a:lnTo>
                  <a:pt x="2019" y="316"/>
                </a:lnTo>
                <a:lnTo>
                  <a:pt x="2014" y="323"/>
                </a:lnTo>
                <a:lnTo>
                  <a:pt x="2011" y="330"/>
                </a:lnTo>
                <a:lnTo>
                  <a:pt x="2008" y="338"/>
                </a:lnTo>
                <a:lnTo>
                  <a:pt x="2007" y="343"/>
                </a:lnTo>
                <a:lnTo>
                  <a:pt x="2006" y="349"/>
                </a:lnTo>
                <a:lnTo>
                  <a:pt x="2005" y="359"/>
                </a:lnTo>
                <a:lnTo>
                  <a:pt x="2005" y="369"/>
                </a:lnTo>
                <a:lnTo>
                  <a:pt x="2005" y="375"/>
                </a:lnTo>
                <a:lnTo>
                  <a:pt x="2006" y="380"/>
                </a:lnTo>
                <a:lnTo>
                  <a:pt x="2008" y="390"/>
                </a:lnTo>
                <a:lnTo>
                  <a:pt x="2011" y="400"/>
                </a:lnTo>
                <a:lnTo>
                  <a:pt x="2015" y="410"/>
                </a:lnTo>
                <a:lnTo>
                  <a:pt x="2020" y="419"/>
                </a:lnTo>
                <a:lnTo>
                  <a:pt x="2011" y="424"/>
                </a:lnTo>
                <a:lnTo>
                  <a:pt x="2006" y="427"/>
                </a:lnTo>
                <a:lnTo>
                  <a:pt x="2001" y="429"/>
                </a:lnTo>
                <a:lnTo>
                  <a:pt x="1996" y="431"/>
                </a:lnTo>
                <a:lnTo>
                  <a:pt x="1990" y="432"/>
                </a:lnTo>
                <a:lnTo>
                  <a:pt x="1980" y="434"/>
                </a:lnTo>
                <a:lnTo>
                  <a:pt x="1974" y="435"/>
                </a:lnTo>
                <a:lnTo>
                  <a:pt x="1968" y="436"/>
                </a:lnTo>
                <a:lnTo>
                  <a:pt x="1963" y="436"/>
                </a:lnTo>
                <a:lnTo>
                  <a:pt x="1957" y="435"/>
                </a:lnTo>
                <a:lnTo>
                  <a:pt x="1945" y="434"/>
                </a:lnTo>
                <a:lnTo>
                  <a:pt x="1939" y="433"/>
                </a:lnTo>
                <a:lnTo>
                  <a:pt x="1933" y="431"/>
                </a:lnTo>
                <a:lnTo>
                  <a:pt x="1923" y="428"/>
                </a:lnTo>
                <a:lnTo>
                  <a:pt x="1913" y="423"/>
                </a:lnTo>
                <a:lnTo>
                  <a:pt x="1903" y="417"/>
                </a:lnTo>
                <a:lnTo>
                  <a:pt x="1895" y="411"/>
                </a:lnTo>
                <a:lnTo>
                  <a:pt x="1887" y="404"/>
                </a:lnTo>
                <a:lnTo>
                  <a:pt x="1880" y="396"/>
                </a:lnTo>
                <a:lnTo>
                  <a:pt x="1874" y="387"/>
                </a:lnTo>
                <a:lnTo>
                  <a:pt x="1868" y="378"/>
                </a:lnTo>
                <a:lnTo>
                  <a:pt x="1875" y="377"/>
                </a:lnTo>
                <a:lnTo>
                  <a:pt x="1882" y="375"/>
                </a:lnTo>
                <a:lnTo>
                  <a:pt x="1896" y="369"/>
                </a:lnTo>
                <a:lnTo>
                  <a:pt x="1902" y="366"/>
                </a:lnTo>
                <a:lnTo>
                  <a:pt x="1909" y="363"/>
                </a:lnTo>
                <a:lnTo>
                  <a:pt x="1915" y="359"/>
                </a:lnTo>
                <a:lnTo>
                  <a:pt x="1920" y="355"/>
                </a:lnTo>
                <a:lnTo>
                  <a:pt x="1926" y="351"/>
                </a:lnTo>
                <a:lnTo>
                  <a:pt x="1930" y="346"/>
                </a:lnTo>
                <a:lnTo>
                  <a:pt x="1935" y="341"/>
                </a:lnTo>
                <a:lnTo>
                  <a:pt x="1939" y="336"/>
                </a:lnTo>
                <a:lnTo>
                  <a:pt x="1943" y="330"/>
                </a:lnTo>
                <a:lnTo>
                  <a:pt x="1946" y="324"/>
                </a:lnTo>
                <a:lnTo>
                  <a:pt x="1949" y="318"/>
                </a:lnTo>
                <a:lnTo>
                  <a:pt x="1951" y="312"/>
                </a:lnTo>
                <a:lnTo>
                  <a:pt x="1953" y="305"/>
                </a:lnTo>
                <a:lnTo>
                  <a:pt x="1954" y="298"/>
                </a:lnTo>
                <a:lnTo>
                  <a:pt x="1954" y="291"/>
                </a:lnTo>
                <a:lnTo>
                  <a:pt x="1954" y="284"/>
                </a:lnTo>
                <a:lnTo>
                  <a:pt x="1953" y="277"/>
                </a:lnTo>
                <a:lnTo>
                  <a:pt x="1952" y="270"/>
                </a:lnTo>
                <a:lnTo>
                  <a:pt x="1950" y="263"/>
                </a:lnTo>
                <a:lnTo>
                  <a:pt x="1948" y="256"/>
                </a:lnTo>
                <a:lnTo>
                  <a:pt x="1946" y="253"/>
                </a:lnTo>
                <a:lnTo>
                  <a:pt x="1945" y="250"/>
                </a:lnTo>
                <a:lnTo>
                  <a:pt x="1941" y="243"/>
                </a:lnTo>
                <a:lnTo>
                  <a:pt x="1938" y="237"/>
                </a:lnTo>
                <a:lnTo>
                  <a:pt x="1933" y="231"/>
                </a:lnTo>
                <a:lnTo>
                  <a:pt x="1929" y="225"/>
                </a:lnTo>
                <a:lnTo>
                  <a:pt x="1923" y="219"/>
                </a:lnTo>
                <a:lnTo>
                  <a:pt x="1918" y="214"/>
                </a:lnTo>
                <a:lnTo>
                  <a:pt x="1912" y="209"/>
                </a:lnTo>
                <a:lnTo>
                  <a:pt x="1919" y="201"/>
                </a:lnTo>
                <a:lnTo>
                  <a:pt x="1925" y="192"/>
                </a:lnTo>
                <a:lnTo>
                  <a:pt x="1928" y="188"/>
                </a:lnTo>
                <a:lnTo>
                  <a:pt x="1930" y="183"/>
                </a:lnTo>
                <a:lnTo>
                  <a:pt x="1932" y="178"/>
                </a:lnTo>
                <a:lnTo>
                  <a:pt x="1933" y="173"/>
                </a:lnTo>
                <a:lnTo>
                  <a:pt x="1935" y="165"/>
                </a:lnTo>
                <a:lnTo>
                  <a:pt x="1936" y="157"/>
                </a:lnTo>
                <a:lnTo>
                  <a:pt x="1937" y="148"/>
                </a:lnTo>
                <a:lnTo>
                  <a:pt x="1936" y="140"/>
                </a:lnTo>
                <a:lnTo>
                  <a:pt x="1934" y="132"/>
                </a:lnTo>
                <a:lnTo>
                  <a:pt x="1932" y="125"/>
                </a:lnTo>
                <a:lnTo>
                  <a:pt x="1929" y="117"/>
                </a:lnTo>
                <a:lnTo>
                  <a:pt x="1926" y="110"/>
                </a:lnTo>
                <a:lnTo>
                  <a:pt x="1922" y="103"/>
                </a:lnTo>
                <a:lnTo>
                  <a:pt x="1917" y="97"/>
                </a:lnTo>
                <a:lnTo>
                  <a:pt x="1911" y="91"/>
                </a:lnTo>
                <a:lnTo>
                  <a:pt x="1905" y="86"/>
                </a:lnTo>
                <a:lnTo>
                  <a:pt x="1899" y="81"/>
                </a:lnTo>
                <a:lnTo>
                  <a:pt x="1892" y="77"/>
                </a:lnTo>
                <a:lnTo>
                  <a:pt x="1885" y="73"/>
                </a:lnTo>
                <a:lnTo>
                  <a:pt x="1877" y="70"/>
                </a:lnTo>
                <a:lnTo>
                  <a:pt x="1872" y="69"/>
                </a:lnTo>
                <a:lnTo>
                  <a:pt x="1867" y="68"/>
                </a:lnTo>
                <a:lnTo>
                  <a:pt x="1857" y="68"/>
                </a:lnTo>
                <a:lnTo>
                  <a:pt x="1848" y="68"/>
                </a:lnTo>
                <a:lnTo>
                  <a:pt x="1840" y="69"/>
                </a:lnTo>
                <a:lnTo>
                  <a:pt x="1828" y="72"/>
                </a:lnTo>
                <a:lnTo>
                  <a:pt x="1823" y="74"/>
                </a:lnTo>
                <a:lnTo>
                  <a:pt x="1818" y="77"/>
                </a:lnTo>
                <a:lnTo>
                  <a:pt x="1808" y="82"/>
                </a:lnTo>
                <a:lnTo>
                  <a:pt x="1803" y="86"/>
                </a:lnTo>
                <a:lnTo>
                  <a:pt x="1799" y="89"/>
                </a:lnTo>
                <a:lnTo>
                  <a:pt x="1791" y="97"/>
                </a:lnTo>
                <a:lnTo>
                  <a:pt x="1788" y="102"/>
                </a:lnTo>
                <a:lnTo>
                  <a:pt x="1784" y="106"/>
                </a:lnTo>
                <a:lnTo>
                  <a:pt x="1782" y="111"/>
                </a:lnTo>
                <a:lnTo>
                  <a:pt x="1779" y="116"/>
                </a:lnTo>
                <a:lnTo>
                  <a:pt x="1777" y="122"/>
                </a:lnTo>
                <a:lnTo>
                  <a:pt x="1776" y="127"/>
                </a:lnTo>
                <a:lnTo>
                  <a:pt x="1773" y="138"/>
                </a:lnTo>
                <a:lnTo>
                  <a:pt x="1772" y="143"/>
                </a:lnTo>
                <a:lnTo>
                  <a:pt x="1772" y="148"/>
                </a:lnTo>
                <a:lnTo>
                  <a:pt x="1772" y="153"/>
                </a:lnTo>
                <a:lnTo>
                  <a:pt x="1772" y="158"/>
                </a:lnTo>
                <a:lnTo>
                  <a:pt x="1773" y="163"/>
                </a:lnTo>
                <a:lnTo>
                  <a:pt x="1774" y="168"/>
                </a:lnTo>
                <a:lnTo>
                  <a:pt x="1758" y="171"/>
                </a:lnTo>
                <a:lnTo>
                  <a:pt x="1751" y="174"/>
                </a:lnTo>
                <a:lnTo>
                  <a:pt x="1744" y="176"/>
                </a:lnTo>
                <a:lnTo>
                  <a:pt x="1737" y="179"/>
                </a:lnTo>
                <a:lnTo>
                  <a:pt x="1730" y="183"/>
                </a:lnTo>
                <a:lnTo>
                  <a:pt x="1723" y="187"/>
                </a:lnTo>
                <a:lnTo>
                  <a:pt x="1717" y="191"/>
                </a:lnTo>
                <a:lnTo>
                  <a:pt x="1712" y="195"/>
                </a:lnTo>
                <a:lnTo>
                  <a:pt x="1707" y="200"/>
                </a:lnTo>
                <a:lnTo>
                  <a:pt x="1702" y="205"/>
                </a:lnTo>
                <a:lnTo>
                  <a:pt x="1698" y="210"/>
                </a:lnTo>
                <a:lnTo>
                  <a:pt x="1694" y="216"/>
                </a:lnTo>
                <a:lnTo>
                  <a:pt x="1691" y="222"/>
                </a:lnTo>
                <a:lnTo>
                  <a:pt x="1688" y="228"/>
                </a:lnTo>
                <a:lnTo>
                  <a:pt x="1685" y="235"/>
                </a:lnTo>
                <a:lnTo>
                  <a:pt x="1683" y="249"/>
                </a:lnTo>
                <a:lnTo>
                  <a:pt x="1683" y="255"/>
                </a:lnTo>
                <a:lnTo>
                  <a:pt x="1683" y="262"/>
                </a:lnTo>
                <a:lnTo>
                  <a:pt x="1683" y="268"/>
                </a:lnTo>
                <a:lnTo>
                  <a:pt x="1685" y="275"/>
                </a:lnTo>
                <a:lnTo>
                  <a:pt x="1686" y="281"/>
                </a:lnTo>
                <a:lnTo>
                  <a:pt x="1688" y="287"/>
                </a:lnTo>
                <a:lnTo>
                  <a:pt x="1690" y="294"/>
                </a:lnTo>
                <a:lnTo>
                  <a:pt x="1693" y="300"/>
                </a:lnTo>
                <a:lnTo>
                  <a:pt x="1696" y="306"/>
                </a:lnTo>
                <a:lnTo>
                  <a:pt x="1700" y="311"/>
                </a:lnTo>
                <a:lnTo>
                  <a:pt x="1708" y="322"/>
                </a:lnTo>
                <a:lnTo>
                  <a:pt x="1717" y="333"/>
                </a:lnTo>
                <a:lnTo>
                  <a:pt x="1708" y="338"/>
                </a:lnTo>
                <a:lnTo>
                  <a:pt x="1699" y="343"/>
                </a:lnTo>
                <a:lnTo>
                  <a:pt x="1689" y="346"/>
                </a:lnTo>
                <a:lnTo>
                  <a:pt x="1679" y="348"/>
                </a:lnTo>
                <a:lnTo>
                  <a:pt x="1669" y="349"/>
                </a:lnTo>
                <a:lnTo>
                  <a:pt x="1659" y="349"/>
                </a:lnTo>
                <a:lnTo>
                  <a:pt x="1653" y="348"/>
                </a:lnTo>
                <a:lnTo>
                  <a:pt x="1648" y="347"/>
                </a:lnTo>
                <a:lnTo>
                  <a:pt x="1637" y="345"/>
                </a:lnTo>
                <a:lnTo>
                  <a:pt x="1632" y="343"/>
                </a:lnTo>
                <a:lnTo>
                  <a:pt x="1626" y="341"/>
                </a:lnTo>
                <a:lnTo>
                  <a:pt x="1616" y="336"/>
                </a:lnTo>
                <a:lnTo>
                  <a:pt x="1606" y="331"/>
                </a:lnTo>
                <a:lnTo>
                  <a:pt x="1597" y="324"/>
                </a:lnTo>
                <a:lnTo>
                  <a:pt x="1589" y="316"/>
                </a:lnTo>
                <a:lnTo>
                  <a:pt x="1586" y="312"/>
                </a:lnTo>
                <a:lnTo>
                  <a:pt x="1582" y="308"/>
                </a:lnTo>
                <a:lnTo>
                  <a:pt x="1579" y="304"/>
                </a:lnTo>
                <a:lnTo>
                  <a:pt x="1577" y="299"/>
                </a:lnTo>
                <a:lnTo>
                  <a:pt x="1572" y="290"/>
                </a:lnTo>
                <a:lnTo>
                  <a:pt x="1581" y="285"/>
                </a:lnTo>
                <a:lnTo>
                  <a:pt x="1585" y="282"/>
                </a:lnTo>
                <a:lnTo>
                  <a:pt x="1589" y="278"/>
                </a:lnTo>
                <a:lnTo>
                  <a:pt x="1593" y="275"/>
                </a:lnTo>
                <a:lnTo>
                  <a:pt x="1597" y="271"/>
                </a:lnTo>
                <a:lnTo>
                  <a:pt x="1604" y="264"/>
                </a:lnTo>
                <a:lnTo>
                  <a:pt x="1607" y="260"/>
                </a:lnTo>
                <a:lnTo>
                  <a:pt x="1610" y="256"/>
                </a:lnTo>
                <a:lnTo>
                  <a:pt x="1612" y="252"/>
                </a:lnTo>
                <a:lnTo>
                  <a:pt x="1615" y="247"/>
                </a:lnTo>
                <a:lnTo>
                  <a:pt x="1617" y="243"/>
                </a:lnTo>
                <a:lnTo>
                  <a:pt x="1620" y="238"/>
                </a:lnTo>
                <a:lnTo>
                  <a:pt x="1623" y="228"/>
                </a:lnTo>
                <a:lnTo>
                  <a:pt x="1625" y="220"/>
                </a:lnTo>
                <a:lnTo>
                  <a:pt x="1626" y="212"/>
                </a:lnTo>
                <a:lnTo>
                  <a:pt x="1627" y="203"/>
                </a:lnTo>
                <a:lnTo>
                  <a:pt x="1627" y="195"/>
                </a:lnTo>
                <a:lnTo>
                  <a:pt x="1626" y="187"/>
                </a:lnTo>
                <a:lnTo>
                  <a:pt x="1624" y="179"/>
                </a:lnTo>
                <a:lnTo>
                  <a:pt x="1622" y="171"/>
                </a:lnTo>
                <a:lnTo>
                  <a:pt x="1619" y="164"/>
                </a:lnTo>
                <a:lnTo>
                  <a:pt x="1616" y="156"/>
                </a:lnTo>
                <a:lnTo>
                  <a:pt x="1612" y="149"/>
                </a:lnTo>
                <a:lnTo>
                  <a:pt x="1607" y="141"/>
                </a:lnTo>
                <a:lnTo>
                  <a:pt x="1603" y="135"/>
                </a:lnTo>
                <a:lnTo>
                  <a:pt x="1597" y="128"/>
                </a:lnTo>
                <a:lnTo>
                  <a:pt x="1592" y="121"/>
                </a:lnTo>
                <a:lnTo>
                  <a:pt x="1585" y="115"/>
                </a:lnTo>
                <a:lnTo>
                  <a:pt x="1579" y="109"/>
                </a:lnTo>
                <a:lnTo>
                  <a:pt x="1581" y="104"/>
                </a:lnTo>
                <a:lnTo>
                  <a:pt x="1582" y="102"/>
                </a:lnTo>
                <a:lnTo>
                  <a:pt x="1583" y="99"/>
                </a:lnTo>
                <a:lnTo>
                  <a:pt x="1584" y="93"/>
                </a:lnTo>
                <a:lnTo>
                  <a:pt x="1585" y="86"/>
                </a:lnTo>
                <a:lnTo>
                  <a:pt x="1586" y="74"/>
                </a:lnTo>
                <a:lnTo>
                  <a:pt x="1586" y="67"/>
                </a:lnTo>
                <a:lnTo>
                  <a:pt x="1585" y="61"/>
                </a:lnTo>
                <a:lnTo>
                  <a:pt x="1583" y="55"/>
                </a:lnTo>
                <a:lnTo>
                  <a:pt x="1581" y="49"/>
                </a:lnTo>
                <a:lnTo>
                  <a:pt x="1579" y="43"/>
                </a:lnTo>
                <a:lnTo>
                  <a:pt x="1576" y="38"/>
                </a:lnTo>
                <a:lnTo>
                  <a:pt x="1573" y="33"/>
                </a:lnTo>
                <a:lnTo>
                  <a:pt x="1569" y="28"/>
                </a:lnTo>
                <a:lnTo>
                  <a:pt x="1565" y="23"/>
                </a:lnTo>
                <a:lnTo>
                  <a:pt x="1561" y="18"/>
                </a:lnTo>
                <a:lnTo>
                  <a:pt x="1556" y="14"/>
                </a:lnTo>
                <a:lnTo>
                  <a:pt x="1551" y="10"/>
                </a:lnTo>
                <a:lnTo>
                  <a:pt x="1717" y="10"/>
                </a:lnTo>
                <a:lnTo>
                  <a:pt x="1840" y="10"/>
                </a:lnTo>
                <a:lnTo>
                  <a:pt x="2075" y="10"/>
                </a:lnTo>
                <a:lnTo>
                  <a:pt x="2098" y="22"/>
                </a:lnTo>
                <a:lnTo>
                  <a:pt x="2121" y="34"/>
                </a:lnTo>
                <a:lnTo>
                  <a:pt x="2145" y="47"/>
                </a:lnTo>
                <a:lnTo>
                  <a:pt x="2166" y="60"/>
                </a:lnTo>
                <a:lnTo>
                  <a:pt x="2188" y="74"/>
                </a:lnTo>
                <a:lnTo>
                  <a:pt x="2209" y="88"/>
                </a:lnTo>
                <a:lnTo>
                  <a:pt x="2230" y="103"/>
                </a:lnTo>
                <a:lnTo>
                  <a:pt x="2250" y="118"/>
                </a:lnTo>
                <a:lnTo>
                  <a:pt x="2274" y="138"/>
                </a:lnTo>
                <a:lnTo>
                  <a:pt x="2298" y="158"/>
                </a:lnTo>
                <a:lnTo>
                  <a:pt x="2321" y="178"/>
                </a:lnTo>
                <a:lnTo>
                  <a:pt x="2343" y="200"/>
                </a:lnTo>
                <a:lnTo>
                  <a:pt x="2365" y="222"/>
                </a:lnTo>
                <a:lnTo>
                  <a:pt x="2385" y="244"/>
                </a:lnTo>
                <a:lnTo>
                  <a:pt x="2395" y="256"/>
                </a:lnTo>
                <a:lnTo>
                  <a:pt x="2405" y="267"/>
                </a:lnTo>
                <a:lnTo>
                  <a:pt x="2425" y="291"/>
                </a:lnTo>
                <a:lnTo>
                  <a:pt x="2444" y="315"/>
                </a:lnTo>
                <a:lnTo>
                  <a:pt x="2461" y="340"/>
                </a:lnTo>
                <a:lnTo>
                  <a:pt x="2479" y="365"/>
                </a:lnTo>
                <a:lnTo>
                  <a:pt x="2495" y="392"/>
                </a:lnTo>
                <a:lnTo>
                  <a:pt x="2511" y="419"/>
                </a:lnTo>
                <a:lnTo>
                  <a:pt x="2526" y="445"/>
                </a:lnTo>
                <a:lnTo>
                  <a:pt x="2540" y="473"/>
                </a:lnTo>
                <a:lnTo>
                  <a:pt x="2553" y="500"/>
                </a:lnTo>
                <a:lnTo>
                  <a:pt x="2553" y="1292"/>
                </a:lnTo>
                <a:lnTo>
                  <a:pt x="2553" y="1342"/>
                </a:lnTo>
                <a:lnTo>
                  <a:pt x="2553" y="1483"/>
                </a:lnTo>
                <a:lnTo>
                  <a:pt x="2473" y="1483"/>
                </a:lnTo>
                <a:lnTo>
                  <a:pt x="2447" y="1483"/>
                </a:lnTo>
                <a:lnTo>
                  <a:pt x="2250" y="1483"/>
                </a:lnTo>
                <a:lnTo>
                  <a:pt x="2105" y="1483"/>
                </a:lnTo>
                <a:lnTo>
                  <a:pt x="1957" y="1246"/>
                </a:lnTo>
                <a:lnTo>
                  <a:pt x="1840" y="1198"/>
                </a:lnTo>
                <a:lnTo>
                  <a:pt x="1799" y="1182"/>
                </a:lnTo>
                <a:lnTo>
                  <a:pt x="1717" y="1054"/>
                </a:lnTo>
                <a:lnTo>
                  <a:pt x="1700" y="1023"/>
                </a:lnTo>
                <a:lnTo>
                  <a:pt x="1708" y="1018"/>
                </a:lnTo>
                <a:lnTo>
                  <a:pt x="1713" y="1016"/>
                </a:lnTo>
                <a:lnTo>
                  <a:pt x="1717" y="1015"/>
                </a:lnTo>
                <a:lnTo>
                  <a:pt x="1748" y="999"/>
                </a:lnTo>
                <a:lnTo>
                  <a:pt x="1778" y="983"/>
                </a:lnTo>
                <a:lnTo>
                  <a:pt x="1840" y="952"/>
                </a:lnTo>
                <a:lnTo>
                  <a:pt x="1920" y="911"/>
                </a:lnTo>
                <a:lnTo>
                  <a:pt x="2001" y="869"/>
                </a:lnTo>
                <a:lnTo>
                  <a:pt x="2163" y="784"/>
                </a:lnTo>
                <a:lnTo>
                  <a:pt x="2158" y="803"/>
                </a:lnTo>
                <a:lnTo>
                  <a:pt x="2153" y="822"/>
                </a:lnTo>
                <a:lnTo>
                  <a:pt x="2142" y="860"/>
                </a:lnTo>
                <a:lnTo>
                  <a:pt x="2128" y="898"/>
                </a:lnTo>
                <a:lnTo>
                  <a:pt x="2121" y="917"/>
                </a:lnTo>
                <a:lnTo>
                  <a:pt x="2114" y="937"/>
                </a:lnTo>
                <a:lnTo>
                  <a:pt x="2149" y="916"/>
                </a:lnTo>
                <a:lnTo>
                  <a:pt x="2183" y="895"/>
                </a:lnTo>
                <a:lnTo>
                  <a:pt x="2217" y="874"/>
                </a:lnTo>
                <a:lnTo>
                  <a:pt x="2250" y="851"/>
                </a:lnTo>
                <a:lnTo>
                  <a:pt x="2270" y="837"/>
                </a:lnTo>
                <a:lnTo>
                  <a:pt x="2290" y="823"/>
                </a:lnTo>
                <a:lnTo>
                  <a:pt x="2309" y="808"/>
                </a:lnTo>
                <a:lnTo>
                  <a:pt x="2328" y="792"/>
                </a:lnTo>
                <a:lnTo>
                  <a:pt x="2347" y="776"/>
                </a:lnTo>
                <a:lnTo>
                  <a:pt x="2365" y="760"/>
                </a:lnTo>
                <a:lnTo>
                  <a:pt x="2383" y="743"/>
                </a:lnTo>
                <a:lnTo>
                  <a:pt x="2391" y="735"/>
                </a:lnTo>
                <a:lnTo>
                  <a:pt x="2400" y="726"/>
                </a:lnTo>
                <a:lnTo>
                  <a:pt x="2417" y="708"/>
                </a:lnTo>
                <a:lnTo>
                  <a:pt x="2433" y="689"/>
                </a:lnTo>
                <a:lnTo>
                  <a:pt x="2448" y="670"/>
                </a:lnTo>
                <a:lnTo>
                  <a:pt x="2463" y="650"/>
                </a:lnTo>
                <a:lnTo>
                  <a:pt x="2477" y="630"/>
                </a:lnTo>
                <a:lnTo>
                  <a:pt x="2490" y="609"/>
                </a:lnTo>
                <a:lnTo>
                  <a:pt x="2497" y="598"/>
                </a:lnTo>
                <a:lnTo>
                  <a:pt x="2503" y="587"/>
                </a:lnTo>
                <a:lnTo>
                  <a:pt x="2514" y="564"/>
                </a:lnTo>
                <a:lnTo>
                  <a:pt x="2497" y="561"/>
                </a:lnTo>
                <a:lnTo>
                  <a:pt x="2480" y="558"/>
                </a:lnTo>
                <a:lnTo>
                  <a:pt x="2463" y="556"/>
                </a:lnTo>
                <a:lnTo>
                  <a:pt x="2447" y="554"/>
                </a:lnTo>
                <a:lnTo>
                  <a:pt x="2430" y="553"/>
                </a:lnTo>
                <a:lnTo>
                  <a:pt x="2413" y="552"/>
                </a:lnTo>
                <a:lnTo>
                  <a:pt x="2397" y="552"/>
                </a:lnTo>
                <a:lnTo>
                  <a:pt x="2380" y="552"/>
                </a:lnTo>
                <a:lnTo>
                  <a:pt x="2347" y="553"/>
                </a:lnTo>
                <a:lnTo>
                  <a:pt x="2314" y="556"/>
                </a:lnTo>
                <a:lnTo>
                  <a:pt x="2282" y="561"/>
                </a:lnTo>
                <a:lnTo>
                  <a:pt x="2250" y="566"/>
                </a:lnTo>
                <a:lnTo>
                  <a:pt x="2232" y="570"/>
                </a:lnTo>
                <a:lnTo>
                  <a:pt x="2214" y="574"/>
                </a:lnTo>
                <a:lnTo>
                  <a:pt x="2179" y="583"/>
                </a:lnTo>
                <a:lnTo>
                  <a:pt x="2162" y="588"/>
                </a:lnTo>
                <a:lnTo>
                  <a:pt x="2145" y="594"/>
                </a:lnTo>
                <a:lnTo>
                  <a:pt x="2127" y="599"/>
                </a:lnTo>
                <a:lnTo>
                  <a:pt x="2110" y="605"/>
                </a:lnTo>
                <a:lnTo>
                  <a:pt x="2093" y="611"/>
                </a:lnTo>
                <a:lnTo>
                  <a:pt x="2076" y="617"/>
                </a:lnTo>
                <a:lnTo>
                  <a:pt x="2043" y="629"/>
                </a:lnTo>
                <a:lnTo>
                  <a:pt x="2011" y="642"/>
                </a:lnTo>
                <a:lnTo>
                  <a:pt x="1980" y="655"/>
                </a:lnTo>
                <a:lnTo>
                  <a:pt x="2020" y="660"/>
                </a:lnTo>
                <a:lnTo>
                  <a:pt x="2038" y="663"/>
                </a:lnTo>
                <a:lnTo>
                  <a:pt x="2055" y="666"/>
                </a:lnTo>
                <a:lnTo>
                  <a:pt x="2072" y="669"/>
                </a:lnTo>
                <a:lnTo>
                  <a:pt x="2080" y="670"/>
                </a:lnTo>
                <a:lnTo>
                  <a:pt x="2088" y="672"/>
                </a:lnTo>
                <a:lnTo>
                  <a:pt x="2103" y="677"/>
                </a:lnTo>
                <a:lnTo>
                  <a:pt x="2110" y="680"/>
                </a:lnTo>
                <a:lnTo>
                  <a:pt x="2118" y="683"/>
                </a:lnTo>
                <a:lnTo>
                  <a:pt x="1840" y="818"/>
                </a:lnTo>
                <a:lnTo>
                  <a:pt x="1717" y="878"/>
                </a:lnTo>
                <a:lnTo>
                  <a:pt x="1634" y="919"/>
                </a:lnTo>
                <a:lnTo>
                  <a:pt x="1356" y="474"/>
                </a:lnTo>
                <a:lnTo>
                  <a:pt x="1348" y="461"/>
                </a:lnTo>
                <a:lnTo>
                  <a:pt x="1350" y="462"/>
                </a:lnTo>
                <a:lnTo>
                  <a:pt x="1352" y="462"/>
                </a:lnTo>
                <a:lnTo>
                  <a:pt x="1354" y="463"/>
                </a:lnTo>
                <a:lnTo>
                  <a:pt x="1356" y="463"/>
                </a:lnTo>
                <a:lnTo>
                  <a:pt x="1371" y="466"/>
                </a:lnTo>
                <a:lnTo>
                  <a:pt x="1385" y="471"/>
                </a:lnTo>
                <a:lnTo>
                  <a:pt x="1399" y="476"/>
                </a:lnTo>
                <a:lnTo>
                  <a:pt x="1414" y="482"/>
                </a:lnTo>
                <a:lnTo>
                  <a:pt x="1444" y="496"/>
                </a:lnTo>
                <a:lnTo>
                  <a:pt x="1479" y="511"/>
                </a:lnTo>
                <a:lnTo>
                  <a:pt x="1450" y="472"/>
                </a:lnTo>
                <a:lnTo>
                  <a:pt x="1420" y="432"/>
                </a:lnTo>
                <a:lnTo>
                  <a:pt x="1389" y="392"/>
                </a:lnTo>
                <a:lnTo>
                  <a:pt x="1373" y="373"/>
                </a:lnTo>
                <a:lnTo>
                  <a:pt x="1356" y="352"/>
                </a:lnTo>
                <a:lnTo>
                  <a:pt x="1351" y="348"/>
                </a:lnTo>
                <a:lnTo>
                  <a:pt x="1347" y="343"/>
                </a:lnTo>
                <a:lnTo>
                  <a:pt x="1343" y="339"/>
                </a:lnTo>
                <a:lnTo>
                  <a:pt x="1339" y="335"/>
                </a:lnTo>
                <a:lnTo>
                  <a:pt x="1318" y="313"/>
                </a:lnTo>
                <a:lnTo>
                  <a:pt x="1297" y="292"/>
                </a:lnTo>
                <a:lnTo>
                  <a:pt x="1275" y="272"/>
                </a:lnTo>
                <a:lnTo>
                  <a:pt x="1252" y="253"/>
                </a:lnTo>
                <a:lnTo>
                  <a:pt x="1229" y="235"/>
                </a:lnTo>
                <a:lnTo>
                  <a:pt x="1216" y="226"/>
                </a:lnTo>
                <a:lnTo>
                  <a:pt x="1204" y="217"/>
                </a:lnTo>
                <a:lnTo>
                  <a:pt x="1179" y="201"/>
                </a:lnTo>
                <a:lnTo>
                  <a:pt x="1153" y="186"/>
                </a:lnTo>
                <a:lnTo>
                  <a:pt x="1134" y="176"/>
                </a:lnTo>
                <a:lnTo>
                  <a:pt x="1115" y="167"/>
                </a:lnTo>
                <a:lnTo>
                  <a:pt x="1106" y="162"/>
                </a:lnTo>
                <a:lnTo>
                  <a:pt x="1096" y="158"/>
                </a:lnTo>
                <a:lnTo>
                  <a:pt x="1076" y="150"/>
                </a:lnTo>
                <a:lnTo>
                  <a:pt x="1074" y="176"/>
                </a:lnTo>
                <a:lnTo>
                  <a:pt x="1072" y="202"/>
                </a:lnTo>
                <a:lnTo>
                  <a:pt x="1072" y="227"/>
                </a:lnTo>
                <a:lnTo>
                  <a:pt x="1073" y="253"/>
                </a:lnTo>
                <a:lnTo>
                  <a:pt x="1075" y="278"/>
                </a:lnTo>
                <a:lnTo>
                  <a:pt x="1078" y="303"/>
                </a:lnTo>
                <a:lnTo>
                  <a:pt x="1082" y="328"/>
                </a:lnTo>
                <a:lnTo>
                  <a:pt x="1087" y="353"/>
                </a:lnTo>
                <a:lnTo>
                  <a:pt x="1093" y="379"/>
                </a:lnTo>
                <a:lnTo>
                  <a:pt x="1100" y="403"/>
                </a:lnTo>
                <a:lnTo>
                  <a:pt x="1107" y="428"/>
                </a:lnTo>
                <a:lnTo>
                  <a:pt x="1115" y="452"/>
                </a:lnTo>
                <a:lnTo>
                  <a:pt x="1124" y="476"/>
                </a:lnTo>
                <a:lnTo>
                  <a:pt x="1133" y="500"/>
                </a:lnTo>
                <a:lnTo>
                  <a:pt x="1142" y="523"/>
                </a:lnTo>
                <a:lnTo>
                  <a:pt x="1153" y="547"/>
                </a:lnTo>
                <a:lnTo>
                  <a:pt x="1160" y="564"/>
                </a:lnTo>
                <a:lnTo>
                  <a:pt x="1168" y="581"/>
                </a:lnTo>
                <a:lnTo>
                  <a:pt x="1184" y="614"/>
                </a:lnTo>
                <a:lnTo>
                  <a:pt x="1200" y="647"/>
                </a:lnTo>
                <a:lnTo>
                  <a:pt x="1216" y="679"/>
                </a:lnTo>
                <a:lnTo>
                  <a:pt x="1225" y="640"/>
                </a:lnTo>
                <a:lnTo>
                  <a:pt x="1234" y="601"/>
                </a:lnTo>
                <a:lnTo>
                  <a:pt x="1239" y="582"/>
                </a:lnTo>
                <a:lnTo>
                  <a:pt x="1245" y="563"/>
                </a:lnTo>
                <a:lnTo>
                  <a:pt x="1251" y="544"/>
                </a:lnTo>
                <a:lnTo>
                  <a:pt x="1257" y="525"/>
                </a:lnTo>
                <a:lnTo>
                  <a:pt x="1297" y="596"/>
                </a:lnTo>
                <a:lnTo>
                  <a:pt x="1318" y="631"/>
                </a:lnTo>
                <a:lnTo>
                  <a:pt x="1339" y="667"/>
                </a:lnTo>
                <a:lnTo>
                  <a:pt x="1347" y="681"/>
                </a:lnTo>
                <a:lnTo>
                  <a:pt x="1351" y="689"/>
                </a:lnTo>
                <a:lnTo>
                  <a:pt x="1356" y="695"/>
                </a:lnTo>
                <a:lnTo>
                  <a:pt x="1397" y="766"/>
                </a:lnTo>
                <a:lnTo>
                  <a:pt x="1438" y="835"/>
                </a:lnTo>
                <a:lnTo>
                  <a:pt x="1481" y="904"/>
                </a:lnTo>
                <a:lnTo>
                  <a:pt x="1523" y="972"/>
                </a:lnTo>
                <a:lnTo>
                  <a:pt x="1356" y="1054"/>
                </a:lnTo>
                <a:lnTo>
                  <a:pt x="1339" y="1052"/>
                </a:lnTo>
                <a:lnTo>
                  <a:pt x="1186" y="1025"/>
                </a:lnTo>
                <a:lnTo>
                  <a:pt x="1153" y="1041"/>
                </a:lnTo>
                <a:lnTo>
                  <a:pt x="1023" y="1103"/>
                </a:lnTo>
                <a:close/>
                <a:moveTo>
                  <a:pt x="2250" y="974"/>
                </a:moveTo>
                <a:lnTo>
                  <a:pt x="2243" y="974"/>
                </a:lnTo>
                <a:lnTo>
                  <a:pt x="2235" y="975"/>
                </a:lnTo>
                <a:lnTo>
                  <a:pt x="2221" y="977"/>
                </a:lnTo>
                <a:lnTo>
                  <a:pt x="2207" y="980"/>
                </a:lnTo>
                <a:lnTo>
                  <a:pt x="2193" y="984"/>
                </a:lnTo>
                <a:lnTo>
                  <a:pt x="2180" y="990"/>
                </a:lnTo>
                <a:lnTo>
                  <a:pt x="2167" y="996"/>
                </a:lnTo>
                <a:lnTo>
                  <a:pt x="2155" y="1003"/>
                </a:lnTo>
                <a:lnTo>
                  <a:pt x="2149" y="1007"/>
                </a:lnTo>
                <a:lnTo>
                  <a:pt x="2143" y="1012"/>
                </a:lnTo>
                <a:lnTo>
                  <a:pt x="2131" y="1021"/>
                </a:lnTo>
                <a:lnTo>
                  <a:pt x="2121" y="1031"/>
                </a:lnTo>
                <a:lnTo>
                  <a:pt x="2111" y="1042"/>
                </a:lnTo>
                <a:lnTo>
                  <a:pt x="2103" y="1053"/>
                </a:lnTo>
                <a:lnTo>
                  <a:pt x="2095" y="1066"/>
                </a:lnTo>
                <a:lnTo>
                  <a:pt x="2088" y="1079"/>
                </a:lnTo>
                <a:lnTo>
                  <a:pt x="2085" y="1085"/>
                </a:lnTo>
                <a:lnTo>
                  <a:pt x="2082" y="1092"/>
                </a:lnTo>
                <a:lnTo>
                  <a:pt x="2079" y="1099"/>
                </a:lnTo>
                <a:lnTo>
                  <a:pt x="2077" y="1107"/>
                </a:lnTo>
                <a:lnTo>
                  <a:pt x="2075" y="1116"/>
                </a:lnTo>
                <a:lnTo>
                  <a:pt x="2073" y="1126"/>
                </a:lnTo>
                <a:lnTo>
                  <a:pt x="2071" y="1136"/>
                </a:lnTo>
                <a:lnTo>
                  <a:pt x="2070" y="1145"/>
                </a:lnTo>
                <a:lnTo>
                  <a:pt x="2070" y="1154"/>
                </a:lnTo>
                <a:lnTo>
                  <a:pt x="2070" y="1164"/>
                </a:lnTo>
                <a:lnTo>
                  <a:pt x="2070" y="1173"/>
                </a:lnTo>
                <a:lnTo>
                  <a:pt x="2071" y="1182"/>
                </a:lnTo>
                <a:lnTo>
                  <a:pt x="2074" y="1200"/>
                </a:lnTo>
                <a:lnTo>
                  <a:pt x="2075" y="1204"/>
                </a:lnTo>
                <a:lnTo>
                  <a:pt x="2076" y="1209"/>
                </a:lnTo>
                <a:lnTo>
                  <a:pt x="2079" y="1217"/>
                </a:lnTo>
                <a:lnTo>
                  <a:pt x="2082" y="1226"/>
                </a:lnTo>
                <a:lnTo>
                  <a:pt x="2085" y="1234"/>
                </a:lnTo>
                <a:lnTo>
                  <a:pt x="2089" y="1242"/>
                </a:lnTo>
                <a:lnTo>
                  <a:pt x="2093" y="1250"/>
                </a:lnTo>
                <a:lnTo>
                  <a:pt x="2098" y="1258"/>
                </a:lnTo>
                <a:lnTo>
                  <a:pt x="2102" y="1266"/>
                </a:lnTo>
                <a:lnTo>
                  <a:pt x="2108" y="1273"/>
                </a:lnTo>
                <a:lnTo>
                  <a:pt x="2113" y="1280"/>
                </a:lnTo>
                <a:lnTo>
                  <a:pt x="2119" y="1287"/>
                </a:lnTo>
                <a:lnTo>
                  <a:pt x="2125" y="1293"/>
                </a:lnTo>
                <a:lnTo>
                  <a:pt x="2132" y="1300"/>
                </a:lnTo>
                <a:lnTo>
                  <a:pt x="2140" y="1306"/>
                </a:lnTo>
                <a:lnTo>
                  <a:pt x="2147" y="1311"/>
                </a:lnTo>
                <a:lnTo>
                  <a:pt x="2155" y="1316"/>
                </a:lnTo>
                <a:lnTo>
                  <a:pt x="2162" y="1321"/>
                </a:lnTo>
                <a:lnTo>
                  <a:pt x="2171" y="1326"/>
                </a:lnTo>
                <a:lnTo>
                  <a:pt x="2179" y="1330"/>
                </a:lnTo>
                <a:lnTo>
                  <a:pt x="2188" y="1334"/>
                </a:lnTo>
                <a:lnTo>
                  <a:pt x="2197" y="1337"/>
                </a:lnTo>
                <a:lnTo>
                  <a:pt x="2206" y="1340"/>
                </a:lnTo>
                <a:lnTo>
                  <a:pt x="2211" y="1341"/>
                </a:lnTo>
                <a:lnTo>
                  <a:pt x="2216" y="1342"/>
                </a:lnTo>
                <a:lnTo>
                  <a:pt x="2227" y="1344"/>
                </a:lnTo>
                <a:lnTo>
                  <a:pt x="2250" y="1347"/>
                </a:lnTo>
                <a:lnTo>
                  <a:pt x="2266" y="1347"/>
                </a:lnTo>
                <a:lnTo>
                  <a:pt x="2273" y="1346"/>
                </a:lnTo>
                <a:lnTo>
                  <a:pt x="2281" y="1345"/>
                </a:lnTo>
                <a:lnTo>
                  <a:pt x="2296" y="1342"/>
                </a:lnTo>
                <a:lnTo>
                  <a:pt x="2311" y="1338"/>
                </a:lnTo>
                <a:lnTo>
                  <a:pt x="2325" y="1333"/>
                </a:lnTo>
                <a:lnTo>
                  <a:pt x="2339" y="1327"/>
                </a:lnTo>
                <a:lnTo>
                  <a:pt x="2352" y="1320"/>
                </a:lnTo>
                <a:lnTo>
                  <a:pt x="2365" y="1311"/>
                </a:lnTo>
                <a:lnTo>
                  <a:pt x="2371" y="1307"/>
                </a:lnTo>
                <a:lnTo>
                  <a:pt x="2377" y="1302"/>
                </a:lnTo>
                <a:lnTo>
                  <a:pt x="2383" y="1297"/>
                </a:lnTo>
                <a:lnTo>
                  <a:pt x="2388" y="1292"/>
                </a:lnTo>
                <a:lnTo>
                  <a:pt x="2399" y="1280"/>
                </a:lnTo>
                <a:lnTo>
                  <a:pt x="2408" y="1268"/>
                </a:lnTo>
                <a:lnTo>
                  <a:pt x="2413" y="1262"/>
                </a:lnTo>
                <a:lnTo>
                  <a:pt x="2417" y="1255"/>
                </a:lnTo>
                <a:lnTo>
                  <a:pt x="2421" y="1248"/>
                </a:lnTo>
                <a:lnTo>
                  <a:pt x="2424" y="1241"/>
                </a:lnTo>
                <a:lnTo>
                  <a:pt x="2431" y="1226"/>
                </a:lnTo>
                <a:lnTo>
                  <a:pt x="2434" y="1218"/>
                </a:lnTo>
                <a:lnTo>
                  <a:pt x="2436" y="1211"/>
                </a:lnTo>
                <a:lnTo>
                  <a:pt x="2439" y="1201"/>
                </a:lnTo>
                <a:lnTo>
                  <a:pt x="2440" y="1192"/>
                </a:lnTo>
                <a:lnTo>
                  <a:pt x="2442" y="1183"/>
                </a:lnTo>
                <a:lnTo>
                  <a:pt x="2443" y="1174"/>
                </a:lnTo>
                <a:lnTo>
                  <a:pt x="2443" y="1165"/>
                </a:lnTo>
                <a:lnTo>
                  <a:pt x="2443" y="1155"/>
                </a:lnTo>
                <a:lnTo>
                  <a:pt x="2443" y="1146"/>
                </a:lnTo>
                <a:lnTo>
                  <a:pt x="2442" y="1137"/>
                </a:lnTo>
                <a:lnTo>
                  <a:pt x="2441" y="1128"/>
                </a:lnTo>
                <a:lnTo>
                  <a:pt x="2439" y="1120"/>
                </a:lnTo>
                <a:lnTo>
                  <a:pt x="2437" y="1110"/>
                </a:lnTo>
                <a:lnTo>
                  <a:pt x="2434" y="1101"/>
                </a:lnTo>
                <a:lnTo>
                  <a:pt x="2431" y="1093"/>
                </a:lnTo>
                <a:lnTo>
                  <a:pt x="2427" y="1084"/>
                </a:lnTo>
                <a:lnTo>
                  <a:pt x="2424" y="1076"/>
                </a:lnTo>
                <a:lnTo>
                  <a:pt x="2420" y="1068"/>
                </a:lnTo>
                <a:lnTo>
                  <a:pt x="2415" y="1061"/>
                </a:lnTo>
                <a:lnTo>
                  <a:pt x="2410" y="1053"/>
                </a:lnTo>
                <a:lnTo>
                  <a:pt x="2405" y="1046"/>
                </a:lnTo>
                <a:lnTo>
                  <a:pt x="2399" y="1039"/>
                </a:lnTo>
                <a:lnTo>
                  <a:pt x="2393" y="1032"/>
                </a:lnTo>
                <a:lnTo>
                  <a:pt x="2387" y="1025"/>
                </a:lnTo>
                <a:lnTo>
                  <a:pt x="2380" y="1019"/>
                </a:lnTo>
                <a:lnTo>
                  <a:pt x="2374" y="1013"/>
                </a:lnTo>
                <a:lnTo>
                  <a:pt x="2366" y="1008"/>
                </a:lnTo>
                <a:lnTo>
                  <a:pt x="2359" y="1003"/>
                </a:lnTo>
                <a:lnTo>
                  <a:pt x="2351" y="998"/>
                </a:lnTo>
                <a:lnTo>
                  <a:pt x="2343" y="993"/>
                </a:lnTo>
                <a:lnTo>
                  <a:pt x="2335" y="989"/>
                </a:lnTo>
                <a:lnTo>
                  <a:pt x="2326" y="985"/>
                </a:lnTo>
                <a:lnTo>
                  <a:pt x="2318" y="982"/>
                </a:lnTo>
                <a:lnTo>
                  <a:pt x="2309" y="979"/>
                </a:lnTo>
                <a:lnTo>
                  <a:pt x="2301" y="977"/>
                </a:lnTo>
                <a:lnTo>
                  <a:pt x="2294" y="976"/>
                </a:lnTo>
                <a:lnTo>
                  <a:pt x="2286" y="975"/>
                </a:lnTo>
                <a:lnTo>
                  <a:pt x="2279" y="974"/>
                </a:lnTo>
                <a:lnTo>
                  <a:pt x="2264" y="973"/>
                </a:lnTo>
                <a:lnTo>
                  <a:pt x="2250" y="974"/>
                </a:lnTo>
                <a:close/>
                <a:moveTo>
                  <a:pt x="2250" y="812"/>
                </a:moveTo>
                <a:lnTo>
                  <a:pt x="2213" y="838"/>
                </a:lnTo>
                <a:lnTo>
                  <a:pt x="2176" y="862"/>
                </a:lnTo>
                <a:lnTo>
                  <a:pt x="2183" y="837"/>
                </a:lnTo>
                <a:lnTo>
                  <a:pt x="2189" y="813"/>
                </a:lnTo>
                <a:lnTo>
                  <a:pt x="2194" y="789"/>
                </a:lnTo>
                <a:lnTo>
                  <a:pt x="2199" y="765"/>
                </a:lnTo>
                <a:lnTo>
                  <a:pt x="2224" y="751"/>
                </a:lnTo>
                <a:lnTo>
                  <a:pt x="2250" y="738"/>
                </a:lnTo>
                <a:lnTo>
                  <a:pt x="2278" y="722"/>
                </a:lnTo>
                <a:lnTo>
                  <a:pt x="2307" y="706"/>
                </a:lnTo>
                <a:lnTo>
                  <a:pt x="2303" y="703"/>
                </a:lnTo>
                <a:lnTo>
                  <a:pt x="2300" y="700"/>
                </a:lnTo>
                <a:lnTo>
                  <a:pt x="2293" y="695"/>
                </a:lnTo>
                <a:lnTo>
                  <a:pt x="2278" y="687"/>
                </a:lnTo>
                <a:lnTo>
                  <a:pt x="2264" y="695"/>
                </a:lnTo>
                <a:lnTo>
                  <a:pt x="2250" y="703"/>
                </a:lnTo>
                <a:lnTo>
                  <a:pt x="2201" y="728"/>
                </a:lnTo>
                <a:lnTo>
                  <a:pt x="2153" y="753"/>
                </a:lnTo>
                <a:lnTo>
                  <a:pt x="2104" y="779"/>
                </a:lnTo>
                <a:lnTo>
                  <a:pt x="2056" y="805"/>
                </a:lnTo>
                <a:lnTo>
                  <a:pt x="2033" y="759"/>
                </a:lnTo>
                <a:lnTo>
                  <a:pt x="2154" y="701"/>
                </a:lnTo>
                <a:lnTo>
                  <a:pt x="2188" y="685"/>
                </a:lnTo>
                <a:lnTo>
                  <a:pt x="2177" y="677"/>
                </a:lnTo>
                <a:lnTo>
                  <a:pt x="2167" y="669"/>
                </a:lnTo>
                <a:lnTo>
                  <a:pt x="2156" y="663"/>
                </a:lnTo>
                <a:lnTo>
                  <a:pt x="2145" y="658"/>
                </a:lnTo>
                <a:lnTo>
                  <a:pt x="2133" y="653"/>
                </a:lnTo>
                <a:lnTo>
                  <a:pt x="2122" y="649"/>
                </a:lnTo>
                <a:lnTo>
                  <a:pt x="2110" y="645"/>
                </a:lnTo>
                <a:lnTo>
                  <a:pt x="2098" y="642"/>
                </a:lnTo>
                <a:lnTo>
                  <a:pt x="2116" y="636"/>
                </a:lnTo>
                <a:lnTo>
                  <a:pt x="2135" y="630"/>
                </a:lnTo>
                <a:lnTo>
                  <a:pt x="2154" y="624"/>
                </a:lnTo>
                <a:lnTo>
                  <a:pt x="2173" y="618"/>
                </a:lnTo>
                <a:lnTo>
                  <a:pt x="2212" y="608"/>
                </a:lnTo>
                <a:lnTo>
                  <a:pt x="2250" y="600"/>
                </a:lnTo>
                <a:lnTo>
                  <a:pt x="2277" y="595"/>
                </a:lnTo>
                <a:lnTo>
                  <a:pt x="2303" y="591"/>
                </a:lnTo>
                <a:lnTo>
                  <a:pt x="2317" y="589"/>
                </a:lnTo>
                <a:lnTo>
                  <a:pt x="2330" y="587"/>
                </a:lnTo>
                <a:lnTo>
                  <a:pt x="2357" y="585"/>
                </a:lnTo>
                <a:lnTo>
                  <a:pt x="2384" y="584"/>
                </a:lnTo>
                <a:lnTo>
                  <a:pt x="2411" y="584"/>
                </a:lnTo>
                <a:lnTo>
                  <a:pt x="2424" y="584"/>
                </a:lnTo>
                <a:lnTo>
                  <a:pt x="2438" y="585"/>
                </a:lnTo>
                <a:lnTo>
                  <a:pt x="2464" y="587"/>
                </a:lnTo>
                <a:lnTo>
                  <a:pt x="2455" y="604"/>
                </a:lnTo>
                <a:lnTo>
                  <a:pt x="2444" y="620"/>
                </a:lnTo>
                <a:lnTo>
                  <a:pt x="2433" y="636"/>
                </a:lnTo>
                <a:lnTo>
                  <a:pt x="2421" y="651"/>
                </a:lnTo>
                <a:lnTo>
                  <a:pt x="2409" y="666"/>
                </a:lnTo>
                <a:lnTo>
                  <a:pt x="2396" y="681"/>
                </a:lnTo>
                <a:lnTo>
                  <a:pt x="2383" y="696"/>
                </a:lnTo>
                <a:lnTo>
                  <a:pt x="2369" y="710"/>
                </a:lnTo>
                <a:lnTo>
                  <a:pt x="2341" y="737"/>
                </a:lnTo>
                <a:lnTo>
                  <a:pt x="2326" y="751"/>
                </a:lnTo>
                <a:lnTo>
                  <a:pt x="2311" y="764"/>
                </a:lnTo>
                <a:lnTo>
                  <a:pt x="2296" y="776"/>
                </a:lnTo>
                <a:lnTo>
                  <a:pt x="2281" y="789"/>
                </a:lnTo>
                <a:lnTo>
                  <a:pt x="2266" y="801"/>
                </a:lnTo>
                <a:lnTo>
                  <a:pt x="2250" y="812"/>
                </a:lnTo>
                <a:close/>
                <a:moveTo>
                  <a:pt x="2250" y="31"/>
                </a:moveTo>
                <a:lnTo>
                  <a:pt x="2234" y="21"/>
                </a:lnTo>
                <a:lnTo>
                  <a:pt x="2227" y="16"/>
                </a:lnTo>
                <a:lnTo>
                  <a:pt x="2220" y="10"/>
                </a:lnTo>
                <a:lnTo>
                  <a:pt x="2250" y="10"/>
                </a:lnTo>
                <a:lnTo>
                  <a:pt x="2553" y="10"/>
                </a:lnTo>
                <a:lnTo>
                  <a:pt x="2553" y="351"/>
                </a:lnTo>
                <a:lnTo>
                  <a:pt x="2546" y="339"/>
                </a:lnTo>
                <a:lnTo>
                  <a:pt x="2538" y="327"/>
                </a:lnTo>
                <a:lnTo>
                  <a:pt x="2523" y="305"/>
                </a:lnTo>
                <a:lnTo>
                  <a:pt x="2507" y="282"/>
                </a:lnTo>
                <a:lnTo>
                  <a:pt x="2490" y="260"/>
                </a:lnTo>
                <a:lnTo>
                  <a:pt x="2482" y="249"/>
                </a:lnTo>
                <a:lnTo>
                  <a:pt x="2473" y="239"/>
                </a:lnTo>
                <a:lnTo>
                  <a:pt x="2455" y="218"/>
                </a:lnTo>
                <a:lnTo>
                  <a:pt x="2437" y="197"/>
                </a:lnTo>
                <a:lnTo>
                  <a:pt x="2418" y="176"/>
                </a:lnTo>
                <a:lnTo>
                  <a:pt x="2399" y="157"/>
                </a:lnTo>
                <a:lnTo>
                  <a:pt x="2379" y="137"/>
                </a:lnTo>
                <a:lnTo>
                  <a:pt x="2359" y="118"/>
                </a:lnTo>
                <a:lnTo>
                  <a:pt x="2338" y="100"/>
                </a:lnTo>
                <a:lnTo>
                  <a:pt x="2317" y="82"/>
                </a:lnTo>
                <a:lnTo>
                  <a:pt x="2295" y="65"/>
                </a:lnTo>
                <a:lnTo>
                  <a:pt x="2273" y="48"/>
                </a:lnTo>
                <a:lnTo>
                  <a:pt x="2250" y="31"/>
                </a:lnTo>
                <a:close/>
                <a:moveTo>
                  <a:pt x="2730" y="1347"/>
                </a:moveTo>
                <a:lnTo>
                  <a:pt x="2776" y="1335"/>
                </a:lnTo>
                <a:lnTo>
                  <a:pt x="2780" y="1349"/>
                </a:lnTo>
                <a:lnTo>
                  <a:pt x="2785" y="1362"/>
                </a:lnTo>
                <a:lnTo>
                  <a:pt x="2791" y="1375"/>
                </a:lnTo>
                <a:lnTo>
                  <a:pt x="2797" y="1386"/>
                </a:lnTo>
                <a:lnTo>
                  <a:pt x="2804" y="1397"/>
                </a:lnTo>
                <a:lnTo>
                  <a:pt x="2812" y="1406"/>
                </a:lnTo>
                <a:lnTo>
                  <a:pt x="2821" y="1415"/>
                </a:lnTo>
                <a:lnTo>
                  <a:pt x="2825" y="1418"/>
                </a:lnTo>
                <a:lnTo>
                  <a:pt x="2830" y="1422"/>
                </a:lnTo>
                <a:lnTo>
                  <a:pt x="2840" y="1429"/>
                </a:lnTo>
                <a:lnTo>
                  <a:pt x="2851" y="1434"/>
                </a:lnTo>
                <a:lnTo>
                  <a:pt x="2862" y="1439"/>
                </a:lnTo>
                <a:lnTo>
                  <a:pt x="2868" y="1441"/>
                </a:lnTo>
                <a:lnTo>
                  <a:pt x="2874" y="1443"/>
                </a:lnTo>
                <a:lnTo>
                  <a:pt x="2881" y="1445"/>
                </a:lnTo>
                <a:lnTo>
                  <a:pt x="2888" y="1446"/>
                </a:lnTo>
                <a:lnTo>
                  <a:pt x="2901" y="1448"/>
                </a:lnTo>
                <a:lnTo>
                  <a:pt x="2916" y="1449"/>
                </a:lnTo>
                <a:lnTo>
                  <a:pt x="2932" y="1450"/>
                </a:lnTo>
                <a:lnTo>
                  <a:pt x="2944" y="1449"/>
                </a:lnTo>
                <a:lnTo>
                  <a:pt x="2956" y="1448"/>
                </a:lnTo>
                <a:lnTo>
                  <a:pt x="2962" y="1447"/>
                </a:lnTo>
                <a:lnTo>
                  <a:pt x="2968" y="1446"/>
                </a:lnTo>
                <a:lnTo>
                  <a:pt x="2978" y="1442"/>
                </a:lnTo>
                <a:lnTo>
                  <a:pt x="2988" y="1438"/>
                </a:lnTo>
                <a:lnTo>
                  <a:pt x="2997" y="1433"/>
                </a:lnTo>
                <a:lnTo>
                  <a:pt x="3006" y="1428"/>
                </a:lnTo>
                <a:lnTo>
                  <a:pt x="3013" y="1421"/>
                </a:lnTo>
                <a:lnTo>
                  <a:pt x="3017" y="1418"/>
                </a:lnTo>
                <a:lnTo>
                  <a:pt x="3020" y="1414"/>
                </a:lnTo>
                <a:lnTo>
                  <a:pt x="3023" y="1410"/>
                </a:lnTo>
                <a:lnTo>
                  <a:pt x="3026" y="1406"/>
                </a:lnTo>
                <a:lnTo>
                  <a:pt x="3031" y="1397"/>
                </a:lnTo>
                <a:lnTo>
                  <a:pt x="3036" y="1388"/>
                </a:lnTo>
                <a:lnTo>
                  <a:pt x="3037" y="1383"/>
                </a:lnTo>
                <a:lnTo>
                  <a:pt x="3039" y="1378"/>
                </a:lnTo>
                <a:lnTo>
                  <a:pt x="3041" y="1367"/>
                </a:lnTo>
                <a:lnTo>
                  <a:pt x="3042" y="1361"/>
                </a:lnTo>
                <a:lnTo>
                  <a:pt x="3043" y="1355"/>
                </a:lnTo>
                <a:lnTo>
                  <a:pt x="3043" y="1343"/>
                </a:lnTo>
                <a:lnTo>
                  <a:pt x="3043" y="1337"/>
                </a:lnTo>
                <a:lnTo>
                  <a:pt x="3043" y="1331"/>
                </a:lnTo>
                <a:lnTo>
                  <a:pt x="3041" y="1325"/>
                </a:lnTo>
                <a:lnTo>
                  <a:pt x="3040" y="1319"/>
                </a:lnTo>
                <a:lnTo>
                  <a:pt x="3038" y="1314"/>
                </a:lnTo>
                <a:lnTo>
                  <a:pt x="3036" y="1308"/>
                </a:lnTo>
                <a:lnTo>
                  <a:pt x="3033" y="1303"/>
                </a:lnTo>
                <a:lnTo>
                  <a:pt x="3031" y="1299"/>
                </a:lnTo>
                <a:lnTo>
                  <a:pt x="3024" y="1290"/>
                </a:lnTo>
                <a:lnTo>
                  <a:pt x="3016" y="1282"/>
                </a:lnTo>
                <a:lnTo>
                  <a:pt x="3007" y="1274"/>
                </a:lnTo>
                <a:lnTo>
                  <a:pt x="3002" y="1271"/>
                </a:lnTo>
                <a:lnTo>
                  <a:pt x="2997" y="1267"/>
                </a:lnTo>
                <a:lnTo>
                  <a:pt x="2986" y="1261"/>
                </a:lnTo>
                <a:lnTo>
                  <a:pt x="2974" y="1255"/>
                </a:lnTo>
                <a:lnTo>
                  <a:pt x="2962" y="1250"/>
                </a:lnTo>
                <a:lnTo>
                  <a:pt x="2949" y="1244"/>
                </a:lnTo>
                <a:lnTo>
                  <a:pt x="2936" y="1239"/>
                </a:lnTo>
                <a:lnTo>
                  <a:pt x="2922" y="1235"/>
                </a:lnTo>
                <a:lnTo>
                  <a:pt x="2894" y="1225"/>
                </a:lnTo>
                <a:lnTo>
                  <a:pt x="2867" y="1215"/>
                </a:lnTo>
                <a:lnTo>
                  <a:pt x="2853" y="1210"/>
                </a:lnTo>
                <a:lnTo>
                  <a:pt x="2840" y="1204"/>
                </a:lnTo>
                <a:lnTo>
                  <a:pt x="2827" y="1198"/>
                </a:lnTo>
                <a:lnTo>
                  <a:pt x="2815" y="1191"/>
                </a:lnTo>
                <a:lnTo>
                  <a:pt x="2803" y="1184"/>
                </a:lnTo>
                <a:lnTo>
                  <a:pt x="2792" y="1176"/>
                </a:lnTo>
                <a:lnTo>
                  <a:pt x="2782" y="1168"/>
                </a:lnTo>
                <a:lnTo>
                  <a:pt x="2777" y="1163"/>
                </a:lnTo>
                <a:lnTo>
                  <a:pt x="2773" y="1158"/>
                </a:lnTo>
                <a:lnTo>
                  <a:pt x="2765" y="1148"/>
                </a:lnTo>
                <a:lnTo>
                  <a:pt x="2762" y="1143"/>
                </a:lnTo>
                <a:lnTo>
                  <a:pt x="2758" y="1137"/>
                </a:lnTo>
                <a:lnTo>
                  <a:pt x="2753" y="1125"/>
                </a:lnTo>
                <a:lnTo>
                  <a:pt x="2751" y="1117"/>
                </a:lnTo>
                <a:lnTo>
                  <a:pt x="2748" y="1110"/>
                </a:lnTo>
                <a:lnTo>
                  <a:pt x="2746" y="1103"/>
                </a:lnTo>
                <a:lnTo>
                  <a:pt x="2745" y="1096"/>
                </a:lnTo>
                <a:lnTo>
                  <a:pt x="2745" y="1088"/>
                </a:lnTo>
                <a:lnTo>
                  <a:pt x="2745" y="1080"/>
                </a:lnTo>
                <a:lnTo>
                  <a:pt x="2745" y="1073"/>
                </a:lnTo>
                <a:lnTo>
                  <a:pt x="2745" y="1065"/>
                </a:lnTo>
                <a:lnTo>
                  <a:pt x="2746" y="1058"/>
                </a:lnTo>
                <a:lnTo>
                  <a:pt x="2747" y="1051"/>
                </a:lnTo>
                <a:lnTo>
                  <a:pt x="2750" y="1044"/>
                </a:lnTo>
                <a:lnTo>
                  <a:pt x="2751" y="1037"/>
                </a:lnTo>
                <a:lnTo>
                  <a:pt x="2753" y="1031"/>
                </a:lnTo>
                <a:lnTo>
                  <a:pt x="2756" y="1024"/>
                </a:lnTo>
                <a:lnTo>
                  <a:pt x="2758" y="1018"/>
                </a:lnTo>
                <a:lnTo>
                  <a:pt x="2761" y="1012"/>
                </a:lnTo>
                <a:lnTo>
                  <a:pt x="2765" y="1006"/>
                </a:lnTo>
                <a:lnTo>
                  <a:pt x="2768" y="1000"/>
                </a:lnTo>
                <a:lnTo>
                  <a:pt x="2772" y="995"/>
                </a:lnTo>
                <a:lnTo>
                  <a:pt x="2777" y="989"/>
                </a:lnTo>
                <a:lnTo>
                  <a:pt x="2786" y="979"/>
                </a:lnTo>
                <a:lnTo>
                  <a:pt x="2791" y="975"/>
                </a:lnTo>
                <a:lnTo>
                  <a:pt x="2796" y="970"/>
                </a:lnTo>
                <a:lnTo>
                  <a:pt x="2808" y="962"/>
                </a:lnTo>
                <a:lnTo>
                  <a:pt x="2815" y="958"/>
                </a:lnTo>
                <a:lnTo>
                  <a:pt x="2821" y="955"/>
                </a:lnTo>
                <a:lnTo>
                  <a:pt x="2828" y="952"/>
                </a:lnTo>
                <a:lnTo>
                  <a:pt x="2835" y="949"/>
                </a:lnTo>
                <a:lnTo>
                  <a:pt x="2851" y="945"/>
                </a:lnTo>
                <a:lnTo>
                  <a:pt x="2867" y="941"/>
                </a:lnTo>
                <a:lnTo>
                  <a:pt x="2876" y="940"/>
                </a:lnTo>
                <a:lnTo>
                  <a:pt x="2885" y="939"/>
                </a:lnTo>
                <a:lnTo>
                  <a:pt x="2894" y="938"/>
                </a:lnTo>
                <a:lnTo>
                  <a:pt x="2903" y="938"/>
                </a:lnTo>
                <a:lnTo>
                  <a:pt x="2919" y="939"/>
                </a:lnTo>
                <a:lnTo>
                  <a:pt x="2935" y="941"/>
                </a:lnTo>
                <a:lnTo>
                  <a:pt x="2949" y="943"/>
                </a:lnTo>
                <a:lnTo>
                  <a:pt x="2957" y="945"/>
                </a:lnTo>
                <a:lnTo>
                  <a:pt x="2964" y="947"/>
                </a:lnTo>
                <a:lnTo>
                  <a:pt x="2977" y="952"/>
                </a:lnTo>
                <a:lnTo>
                  <a:pt x="2984" y="955"/>
                </a:lnTo>
                <a:lnTo>
                  <a:pt x="2990" y="958"/>
                </a:lnTo>
                <a:lnTo>
                  <a:pt x="3002" y="965"/>
                </a:lnTo>
                <a:lnTo>
                  <a:pt x="3013" y="973"/>
                </a:lnTo>
                <a:lnTo>
                  <a:pt x="3019" y="978"/>
                </a:lnTo>
                <a:lnTo>
                  <a:pt x="3024" y="982"/>
                </a:lnTo>
                <a:lnTo>
                  <a:pt x="3034" y="992"/>
                </a:lnTo>
                <a:lnTo>
                  <a:pt x="3043" y="1003"/>
                </a:lnTo>
                <a:lnTo>
                  <a:pt x="3052" y="1015"/>
                </a:lnTo>
                <a:lnTo>
                  <a:pt x="3056" y="1021"/>
                </a:lnTo>
                <a:lnTo>
                  <a:pt x="3059" y="1027"/>
                </a:lnTo>
                <a:lnTo>
                  <a:pt x="3063" y="1034"/>
                </a:lnTo>
                <a:lnTo>
                  <a:pt x="3066" y="1040"/>
                </a:lnTo>
                <a:lnTo>
                  <a:pt x="3072" y="1055"/>
                </a:lnTo>
                <a:lnTo>
                  <a:pt x="3077" y="1069"/>
                </a:lnTo>
                <a:lnTo>
                  <a:pt x="3035" y="1082"/>
                </a:lnTo>
                <a:lnTo>
                  <a:pt x="3031" y="1071"/>
                </a:lnTo>
                <a:lnTo>
                  <a:pt x="3026" y="1061"/>
                </a:lnTo>
                <a:lnTo>
                  <a:pt x="3021" y="1051"/>
                </a:lnTo>
                <a:lnTo>
                  <a:pt x="3016" y="1041"/>
                </a:lnTo>
                <a:lnTo>
                  <a:pt x="3009" y="1033"/>
                </a:lnTo>
                <a:lnTo>
                  <a:pt x="3003" y="1024"/>
                </a:lnTo>
                <a:lnTo>
                  <a:pt x="2995" y="1016"/>
                </a:lnTo>
                <a:lnTo>
                  <a:pt x="2988" y="1009"/>
                </a:lnTo>
                <a:lnTo>
                  <a:pt x="2979" y="1003"/>
                </a:lnTo>
                <a:lnTo>
                  <a:pt x="2970" y="997"/>
                </a:lnTo>
                <a:lnTo>
                  <a:pt x="2960" y="992"/>
                </a:lnTo>
                <a:lnTo>
                  <a:pt x="2950" y="988"/>
                </a:lnTo>
                <a:lnTo>
                  <a:pt x="2939" y="985"/>
                </a:lnTo>
                <a:lnTo>
                  <a:pt x="2934" y="984"/>
                </a:lnTo>
                <a:lnTo>
                  <a:pt x="2928" y="983"/>
                </a:lnTo>
                <a:lnTo>
                  <a:pt x="2916" y="981"/>
                </a:lnTo>
                <a:lnTo>
                  <a:pt x="2903" y="981"/>
                </a:lnTo>
                <a:lnTo>
                  <a:pt x="2892" y="981"/>
                </a:lnTo>
                <a:lnTo>
                  <a:pt x="2880" y="982"/>
                </a:lnTo>
                <a:lnTo>
                  <a:pt x="2869" y="985"/>
                </a:lnTo>
                <a:lnTo>
                  <a:pt x="2859" y="987"/>
                </a:lnTo>
                <a:lnTo>
                  <a:pt x="2850" y="991"/>
                </a:lnTo>
                <a:lnTo>
                  <a:pt x="2845" y="993"/>
                </a:lnTo>
                <a:lnTo>
                  <a:pt x="2841" y="995"/>
                </a:lnTo>
                <a:lnTo>
                  <a:pt x="2836" y="998"/>
                </a:lnTo>
                <a:lnTo>
                  <a:pt x="2832" y="1001"/>
                </a:lnTo>
                <a:lnTo>
                  <a:pt x="2828" y="1003"/>
                </a:lnTo>
                <a:lnTo>
                  <a:pt x="2824" y="1007"/>
                </a:lnTo>
                <a:lnTo>
                  <a:pt x="2821" y="1010"/>
                </a:lnTo>
                <a:lnTo>
                  <a:pt x="2818" y="1013"/>
                </a:lnTo>
                <a:lnTo>
                  <a:pt x="2814" y="1017"/>
                </a:lnTo>
                <a:lnTo>
                  <a:pt x="2811" y="1021"/>
                </a:lnTo>
                <a:lnTo>
                  <a:pt x="2809" y="1025"/>
                </a:lnTo>
                <a:lnTo>
                  <a:pt x="2806" y="1029"/>
                </a:lnTo>
                <a:lnTo>
                  <a:pt x="2804" y="1033"/>
                </a:lnTo>
                <a:lnTo>
                  <a:pt x="2802" y="1038"/>
                </a:lnTo>
                <a:lnTo>
                  <a:pt x="2798" y="1047"/>
                </a:lnTo>
                <a:lnTo>
                  <a:pt x="2797" y="1052"/>
                </a:lnTo>
                <a:lnTo>
                  <a:pt x="2796" y="1058"/>
                </a:lnTo>
                <a:lnTo>
                  <a:pt x="2795" y="1063"/>
                </a:lnTo>
                <a:lnTo>
                  <a:pt x="2794" y="1068"/>
                </a:lnTo>
                <a:lnTo>
                  <a:pt x="2793" y="1080"/>
                </a:lnTo>
                <a:lnTo>
                  <a:pt x="2794" y="1087"/>
                </a:lnTo>
                <a:lnTo>
                  <a:pt x="2794" y="1093"/>
                </a:lnTo>
                <a:lnTo>
                  <a:pt x="2795" y="1099"/>
                </a:lnTo>
                <a:lnTo>
                  <a:pt x="2797" y="1105"/>
                </a:lnTo>
                <a:lnTo>
                  <a:pt x="2799" y="1111"/>
                </a:lnTo>
                <a:lnTo>
                  <a:pt x="2803" y="1117"/>
                </a:lnTo>
                <a:lnTo>
                  <a:pt x="2807" y="1124"/>
                </a:lnTo>
                <a:lnTo>
                  <a:pt x="2812" y="1130"/>
                </a:lnTo>
                <a:lnTo>
                  <a:pt x="2819" y="1136"/>
                </a:lnTo>
                <a:lnTo>
                  <a:pt x="2827" y="1142"/>
                </a:lnTo>
                <a:lnTo>
                  <a:pt x="2836" y="1148"/>
                </a:lnTo>
                <a:lnTo>
                  <a:pt x="2847" y="1154"/>
                </a:lnTo>
                <a:lnTo>
                  <a:pt x="2859" y="1160"/>
                </a:lnTo>
                <a:lnTo>
                  <a:pt x="2873" y="1167"/>
                </a:lnTo>
                <a:lnTo>
                  <a:pt x="2889" y="1174"/>
                </a:lnTo>
                <a:lnTo>
                  <a:pt x="2907" y="1180"/>
                </a:lnTo>
                <a:lnTo>
                  <a:pt x="2934" y="1190"/>
                </a:lnTo>
                <a:lnTo>
                  <a:pt x="2959" y="1200"/>
                </a:lnTo>
                <a:lnTo>
                  <a:pt x="2981" y="1210"/>
                </a:lnTo>
                <a:lnTo>
                  <a:pt x="3001" y="1219"/>
                </a:lnTo>
                <a:lnTo>
                  <a:pt x="3010" y="1224"/>
                </a:lnTo>
                <a:lnTo>
                  <a:pt x="3018" y="1228"/>
                </a:lnTo>
                <a:lnTo>
                  <a:pt x="3026" y="1233"/>
                </a:lnTo>
                <a:lnTo>
                  <a:pt x="3034" y="1238"/>
                </a:lnTo>
                <a:lnTo>
                  <a:pt x="3040" y="1242"/>
                </a:lnTo>
                <a:lnTo>
                  <a:pt x="3047" y="1247"/>
                </a:lnTo>
                <a:lnTo>
                  <a:pt x="3058" y="1257"/>
                </a:lnTo>
                <a:lnTo>
                  <a:pt x="3063" y="1261"/>
                </a:lnTo>
                <a:lnTo>
                  <a:pt x="3067" y="1266"/>
                </a:lnTo>
                <a:lnTo>
                  <a:pt x="3075" y="1276"/>
                </a:lnTo>
                <a:lnTo>
                  <a:pt x="3081" y="1287"/>
                </a:lnTo>
                <a:lnTo>
                  <a:pt x="3086" y="1298"/>
                </a:lnTo>
                <a:lnTo>
                  <a:pt x="3089" y="1310"/>
                </a:lnTo>
                <a:lnTo>
                  <a:pt x="3090" y="1316"/>
                </a:lnTo>
                <a:lnTo>
                  <a:pt x="3091" y="1322"/>
                </a:lnTo>
                <a:lnTo>
                  <a:pt x="3093" y="1335"/>
                </a:lnTo>
                <a:lnTo>
                  <a:pt x="3093" y="1349"/>
                </a:lnTo>
                <a:lnTo>
                  <a:pt x="3093" y="1357"/>
                </a:lnTo>
                <a:lnTo>
                  <a:pt x="3092" y="1366"/>
                </a:lnTo>
                <a:lnTo>
                  <a:pt x="3091" y="1374"/>
                </a:lnTo>
                <a:lnTo>
                  <a:pt x="3089" y="1381"/>
                </a:lnTo>
                <a:lnTo>
                  <a:pt x="3085" y="1396"/>
                </a:lnTo>
                <a:lnTo>
                  <a:pt x="3082" y="1404"/>
                </a:lnTo>
                <a:lnTo>
                  <a:pt x="3079" y="1410"/>
                </a:lnTo>
                <a:lnTo>
                  <a:pt x="3072" y="1423"/>
                </a:lnTo>
                <a:lnTo>
                  <a:pt x="3068" y="1429"/>
                </a:lnTo>
                <a:lnTo>
                  <a:pt x="3063" y="1435"/>
                </a:lnTo>
                <a:lnTo>
                  <a:pt x="3058" y="1441"/>
                </a:lnTo>
                <a:lnTo>
                  <a:pt x="3053" y="1446"/>
                </a:lnTo>
                <a:lnTo>
                  <a:pt x="3048" y="1451"/>
                </a:lnTo>
                <a:lnTo>
                  <a:pt x="3042" y="1456"/>
                </a:lnTo>
                <a:lnTo>
                  <a:pt x="3030" y="1465"/>
                </a:lnTo>
                <a:lnTo>
                  <a:pt x="3017" y="1472"/>
                </a:lnTo>
                <a:lnTo>
                  <a:pt x="3003" y="1479"/>
                </a:lnTo>
                <a:lnTo>
                  <a:pt x="2988" y="1484"/>
                </a:lnTo>
                <a:lnTo>
                  <a:pt x="2973" y="1489"/>
                </a:lnTo>
                <a:lnTo>
                  <a:pt x="2957" y="1492"/>
                </a:lnTo>
                <a:lnTo>
                  <a:pt x="2949" y="1493"/>
                </a:lnTo>
                <a:lnTo>
                  <a:pt x="2941" y="1494"/>
                </a:lnTo>
                <a:lnTo>
                  <a:pt x="2933" y="1494"/>
                </a:lnTo>
                <a:lnTo>
                  <a:pt x="2925" y="1494"/>
                </a:lnTo>
                <a:lnTo>
                  <a:pt x="2906" y="1494"/>
                </a:lnTo>
                <a:lnTo>
                  <a:pt x="2888" y="1492"/>
                </a:lnTo>
                <a:lnTo>
                  <a:pt x="2879" y="1490"/>
                </a:lnTo>
                <a:lnTo>
                  <a:pt x="2871" y="1489"/>
                </a:lnTo>
                <a:lnTo>
                  <a:pt x="2855" y="1485"/>
                </a:lnTo>
                <a:lnTo>
                  <a:pt x="2847" y="1482"/>
                </a:lnTo>
                <a:lnTo>
                  <a:pt x="2840" y="1480"/>
                </a:lnTo>
                <a:lnTo>
                  <a:pt x="2825" y="1473"/>
                </a:lnTo>
                <a:lnTo>
                  <a:pt x="2819" y="1470"/>
                </a:lnTo>
                <a:lnTo>
                  <a:pt x="2812" y="1466"/>
                </a:lnTo>
                <a:lnTo>
                  <a:pt x="2806" y="1462"/>
                </a:lnTo>
                <a:lnTo>
                  <a:pt x="2800" y="1457"/>
                </a:lnTo>
                <a:lnTo>
                  <a:pt x="2794" y="1452"/>
                </a:lnTo>
                <a:lnTo>
                  <a:pt x="2789" y="1447"/>
                </a:lnTo>
                <a:lnTo>
                  <a:pt x="2783" y="1442"/>
                </a:lnTo>
                <a:lnTo>
                  <a:pt x="2778" y="1436"/>
                </a:lnTo>
                <a:lnTo>
                  <a:pt x="2768" y="1424"/>
                </a:lnTo>
                <a:lnTo>
                  <a:pt x="2760" y="1411"/>
                </a:lnTo>
                <a:lnTo>
                  <a:pt x="2751" y="1397"/>
                </a:lnTo>
                <a:lnTo>
                  <a:pt x="2743" y="1381"/>
                </a:lnTo>
                <a:lnTo>
                  <a:pt x="2736" y="1365"/>
                </a:lnTo>
                <a:lnTo>
                  <a:pt x="2730" y="1347"/>
                </a:lnTo>
                <a:close/>
                <a:moveTo>
                  <a:pt x="3844" y="1007"/>
                </a:moveTo>
                <a:lnTo>
                  <a:pt x="3837" y="1007"/>
                </a:lnTo>
                <a:lnTo>
                  <a:pt x="3752" y="1262"/>
                </a:lnTo>
                <a:lnTo>
                  <a:pt x="3844" y="1262"/>
                </a:lnTo>
                <a:lnTo>
                  <a:pt x="3936" y="1262"/>
                </a:lnTo>
                <a:lnTo>
                  <a:pt x="3851" y="1007"/>
                </a:lnTo>
                <a:lnTo>
                  <a:pt x="3844" y="1007"/>
                </a:lnTo>
                <a:close/>
                <a:moveTo>
                  <a:pt x="3844" y="1308"/>
                </a:moveTo>
                <a:lnTo>
                  <a:pt x="3736" y="1308"/>
                </a:lnTo>
                <a:lnTo>
                  <a:pt x="3677" y="1483"/>
                </a:lnTo>
                <a:lnTo>
                  <a:pt x="3622" y="1483"/>
                </a:lnTo>
                <a:lnTo>
                  <a:pt x="3803" y="949"/>
                </a:lnTo>
                <a:lnTo>
                  <a:pt x="3844" y="949"/>
                </a:lnTo>
                <a:lnTo>
                  <a:pt x="3885" y="949"/>
                </a:lnTo>
                <a:lnTo>
                  <a:pt x="4065" y="1483"/>
                </a:lnTo>
                <a:lnTo>
                  <a:pt x="4010" y="1483"/>
                </a:lnTo>
                <a:lnTo>
                  <a:pt x="3950" y="1308"/>
                </a:lnTo>
                <a:lnTo>
                  <a:pt x="3844" y="1308"/>
                </a:lnTo>
                <a:close/>
                <a:moveTo>
                  <a:pt x="4082" y="995"/>
                </a:moveTo>
                <a:lnTo>
                  <a:pt x="4072" y="995"/>
                </a:lnTo>
                <a:lnTo>
                  <a:pt x="4072" y="949"/>
                </a:lnTo>
                <a:lnTo>
                  <a:pt x="4082" y="949"/>
                </a:lnTo>
                <a:lnTo>
                  <a:pt x="4447" y="949"/>
                </a:lnTo>
                <a:lnTo>
                  <a:pt x="4447" y="995"/>
                </a:lnTo>
                <a:lnTo>
                  <a:pt x="4284" y="995"/>
                </a:lnTo>
                <a:lnTo>
                  <a:pt x="4284" y="1483"/>
                </a:lnTo>
                <a:lnTo>
                  <a:pt x="4235" y="1483"/>
                </a:lnTo>
                <a:lnTo>
                  <a:pt x="4235" y="995"/>
                </a:lnTo>
                <a:lnTo>
                  <a:pt x="4082" y="995"/>
                </a:lnTo>
                <a:close/>
                <a:moveTo>
                  <a:pt x="4643" y="995"/>
                </a:moveTo>
                <a:lnTo>
                  <a:pt x="4515" y="995"/>
                </a:lnTo>
                <a:lnTo>
                  <a:pt x="4515" y="949"/>
                </a:lnTo>
                <a:lnTo>
                  <a:pt x="4643" y="949"/>
                </a:lnTo>
                <a:lnTo>
                  <a:pt x="4892" y="949"/>
                </a:lnTo>
                <a:lnTo>
                  <a:pt x="4892" y="995"/>
                </a:lnTo>
                <a:lnTo>
                  <a:pt x="4729" y="995"/>
                </a:lnTo>
                <a:lnTo>
                  <a:pt x="4729" y="1483"/>
                </a:lnTo>
                <a:lnTo>
                  <a:pt x="4677" y="1483"/>
                </a:lnTo>
                <a:lnTo>
                  <a:pt x="4677" y="995"/>
                </a:lnTo>
                <a:lnTo>
                  <a:pt x="4643" y="995"/>
                </a:lnTo>
                <a:close/>
                <a:moveTo>
                  <a:pt x="3388" y="1168"/>
                </a:moveTo>
                <a:lnTo>
                  <a:pt x="3578" y="1483"/>
                </a:lnTo>
                <a:lnTo>
                  <a:pt x="3521" y="1483"/>
                </a:lnTo>
                <a:lnTo>
                  <a:pt x="3355" y="1203"/>
                </a:lnTo>
                <a:lnTo>
                  <a:pt x="3244" y="1333"/>
                </a:lnTo>
                <a:lnTo>
                  <a:pt x="3244" y="1483"/>
                </a:lnTo>
                <a:lnTo>
                  <a:pt x="3192" y="1483"/>
                </a:lnTo>
                <a:lnTo>
                  <a:pt x="3192" y="949"/>
                </a:lnTo>
                <a:lnTo>
                  <a:pt x="3244" y="949"/>
                </a:lnTo>
                <a:lnTo>
                  <a:pt x="3244" y="1262"/>
                </a:lnTo>
                <a:lnTo>
                  <a:pt x="3512" y="949"/>
                </a:lnTo>
                <a:lnTo>
                  <a:pt x="3578" y="949"/>
                </a:lnTo>
                <a:lnTo>
                  <a:pt x="3388" y="1168"/>
                </a:lnTo>
                <a:close/>
                <a:moveTo>
                  <a:pt x="2905" y="789"/>
                </a:moveTo>
                <a:lnTo>
                  <a:pt x="2706" y="10"/>
                </a:lnTo>
                <a:lnTo>
                  <a:pt x="2852" y="10"/>
                </a:lnTo>
                <a:lnTo>
                  <a:pt x="2988" y="568"/>
                </a:lnTo>
                <a:lnTo>
                  <a:pt x="3127" y="10"/>
                </a:lnTo>
                <a:lnTo>
                  <a:pt x="3272" y="10"/>
                </a:lnTo>
                <a:lnTo>
                  <a:pt x="3074" y="789"/>
                </a:lnTo>
                <a:lnTo>
                  <a:pt x="2905" y="789"/>
                </a:lnTo>
                <a:close/>
                <a:moveTo>
                  <a:pt x="3844" y="789"/>
                </a:moveTo>
                <a:lnTo>
                  <a:pt x="3842" y="10"/>
                </a:lnTo>
                <a:lnTo>
                  <a:pt x="4058" y="10"/>
                </a:lnTo>
                <a:lnTo>
                  <a:pt x="4071" y="10"/>
                </a:lnTo>
                <a:lnTo>
                  <a:pt x="4077" y="11"/>
                </a:lnTo>
                <a:lnTo>
                  <a:pt x="4082" y="12"/>
                </a:lnTo>
                <a:lnTo>
                  <a:pt x="4097" y="13"/>
                </a:lnTo>
                <a:lnTo>
                  <a:pt x="4112" y="14"/>
                </a:lnTo>
                <a:lnTo>
                  <a:pt x="4126" y="16"/>
                </a:lnTo>
                <a:lnTo>
                  <a:pt x="4139" y="18"/>
                </a:lnTo>
                <a:lnTo>
                  <a:pt x="4152" y="21"/>
                </a:lnTo>
                <a:lnTo>
                  <a:pt x="4165" y="24"/>
                </a:lnTo>
                <a:lnTo>
                  <a:pt x="4177" y="28"/>
                </a:lnTo>
                <a:lnTo>
                  <a:pt x="4189" y="32"/>
                </a:lnTo>
                <a:lnTo>
                  <a:pt x="4194" y="34"/>
                </a:lnTo>
                <a:lnTo>
                  <a:pt x="4200" y="36"/>
                </a:lnTo>
                <a:lnTo>
                  <a:pt x="4210" y="41"/>
                </a:lnTo>
                <a:lnTo>
                  <a:pt x="4220" y="46"/>
                </a:lnTo>
                <a:lnTo>
                  <a:pt x="4230" y="52"/>
                </a:lnTo>
                <a:lnTo>
                  <a:pt x="4239" y="58"/>
                </a:lnTo>
                <a:lnTo>
                  <a:pt x="4247" y="64"/>
                </a:lnTo>
                <a:lnTo>
                  <a:pt x="4256" y="71"/>
                </a:lnTo>
                <a:lnTo>
                  <a:pt x="4263" y="78"/>
                </a:lnTo>
                <a:lnTo>
                  <a:pt x="4270" y="86"/>
                </a:lnTo>
                <a:lnTo>
                  <a:pt x="4277" y="94"/>
                </a:lnTo>
                <a:lnTo>
                  <a:pt x="4283" y="102"/>
                </a:lnTo>
                <a:lnTo>
                  <a:pt x="4289" y="111"/>
                </a:lnTo>
                <a:lnTo>
                  <a:pt x="4294" y="120"/>
                </a:lnTo>
                <a:lnTo>
                  <a:pt x="4299" y="130"/>
                </a:lnTo>
                <a:lnTo>
                  <a:pt x="4303" y="140"/>
                </a:lnTo>
                <a:lnTo>
                  <a:pt x="4307" y="150"/>
                </a:lnTo>
                <a:lnTo>
                  <a:pt x="4311" y="160"/>
                </a:lnTo>
                <a:lnTo>
                  <a:pt x="4314" y="171"/>
                </a:lnTo>
                <a:lnTo>
                  <a:pt x="4316" y="183"/>
                </a:lnTo>
                <a:lnTo>
                  <a:pt x="4318" y="194"/>
                </a:lnTo>
                <a:lnTo>
                  <a:pt x="4320" y="206"/>
                </a:lnTo>
                <a:lnTo>
                  <a:pt x="4321" y="219"/>
                </a:lnTo>
                <a:lnTo>
                  <a:pt x="4321" y="231"/>
                </a:lnTo>
                <a:lnTo>
                  <a:pt x="4322" y="244"/>
                </a:lnTo>
                <a:lnTo>
                  <a:pt x="4321" y="262"/>
                </a:lnTo>
                <a:lnTo>
                  <a:pt x="4320" y="279"/>
                </a:lnTo>
                <a:lnTo>
                  <a:pt x="4318" y="295"/>
                </a:lnTo>
                <a:lnTo>
                  <a:pt x="4317" y="303"/>
                </a:lnTo>
                <a:lnTo>
                  <a:pt x="4315" y="311"/>
                </a:lnTo>
                <a:lnTo>
                  <a:pt x="4313" y="319"/>
                </a:lnTo>
                <a:lnTo>
                  <a:pt x="4311" y="326"/>
                </a:lnTo>
                <a:lnTo>
                  <a:pt x="4307" y="341"/>
                </a:lnTo>
                <a:lnTo>
                  <a:pt x="4304" y="348"/>
                </a:lnTo>
                <a:lnTo>
                  <a:pt x="4301" y="354"/>
                </a:lnTo>
                <a:lnTo>
                  <a:pt x="4294" y="367"/>
                </a:lnTo>
                <a:lnTo>
                  <a:pt x="4291" y="375"/>
                </a:lnTo>
                <a:lnTo>
                  <a:pt x="4287" y="381"/>
                </a:lnTo>
                <a:lnTo>
                  <a:pt x="4278" y="392"/>
                </a:lnTo>
                <a:lnTo>
                  <a:pt x="4269" y="403"/>
                </a:lnTo>
                <a:lnTo>
                  <a:pt x="4264" y="408"/>
                </a:lnTo>
                <a:lnTo>
                  <a:pt x="4258" y="413"/>
                </a:lnTo>
                <a:lnTo>
                  <a:pt x="4252" y="417"/>
                </a:lnTo>
                <a:lnTo>
                  <a:pt x="4246" y="422"/>
                </a:lnTo>
                <a:lnTo>
                  <a:pt x="4240" y="426"/>
                </a:lnTo>
                <a:lnTo>
                  <a:pt x="4234" y="430"/>
                </a:lnTo>
                <a:lnTo>
                  <a:pt x="4227" y="434"/>
                </a:lnTo>
                <a:lnTo>
                  <a:pt x="4220" y="437"/>
                </a:lnTo>
                <a:lnTo>
                  <a:pt x="4205" y="444"/>
                </a:lnTo>
                <a:lnTo>
                  <a:pt x="4352" y="789"/>
                </a:lnTo>
                <a:lnTo>
                  <a:pt x="4192" y="789"/>
                </a:lnTo>
                <a:lnTo>
                  <a:pt x="4082" y="522"/>
                </a:lnTo>
                <a:lnTo>
                  <a:pt x="4063" y="474"/>
                </a:lnTo>
                <a:lnTo>
                  <a:pt x="3992" y="474"/>
                </a:lnTo>
                <a:lnTo>
                  <a:pt x="3992" y="789"/>
                </a:lnTo>
                <a:lnTo>
                  <a:pt x="3844" y="789"/>
                </a:lnTo>
                <a:close/>
                <a:moveTo>
                  <a:pt x="4082" y="134"/>
                </a:moveTo>
                <a:lnTo>
                  <a:pt x="4068" y="134"/>
                </a:lnTo>
                <a:lnTo>
                  <a:pt x="3992" y="134"/>
                </a:lnTo>
                <a:lnTo>
                  <a:pt x="3992" y="349"/>
                </a:lnTo>
                <a:lnTo>
                  <a:pt x="4068" y="349"/>
                </a:lnTo>
                <a:lnTo>
                  <a:pt x="4082" y="349"/>
                </a:lnTo>
                <a:lnTo>
                  <a:pt x="4093" y="347"/>
                </a:lnTo>
                <a:lnTo>
                  <a:pt x="4103" y="346"/>
                </a:lnTo>
                <a:lnTo>
                  <a:pt x="4112" y="343"/>
                </a:lnTo>
                <a:lnTo>
                  <a:pt x="4120" y="340"/>
                </a:lnTo>
                <a:lnTo>
                  <a:pt x="4128" y="336"/>
                </a:lnTo>
                <a:lnTo>
                  <a:pt x="4136" y="331"/>
                </a:lnTo>
                <a:lnTo>
                  <a:pt x="4139" y="328"/>
                </a:lnTo>
                <a:lnTo>
                  <a:pt x="4143" y="326"/>
                </a:lnTo>
                <a:lnTo>
                  <a:pt x="4149" y="319"/>
                </a:lnTo>
                <a:lnTo>
                  <a:pt x="4154" y="312"/>
                </a:lnTo>
                <a:lnTo>
                  <a:pt x="4159" y="305"/>
                </a:lnTo>
                <a:lnTo>
                  <a:pt x="4163" y="296"/>
                </a:lnTo>
                <a:lnTo>
                  <a:pt x="4167" y="287"/>
                </a:lnTo>
                <a:lnTo>
                  <a:pt x="4169" y="277"/>
                </a:lnTo>
                <a:lnTo>
                  <a:pt x="4171" y="265"/>
                </a:lnTo>
                <a:lnTo>
                  <a:pt x="4172" y="254"/>
                </a:lnTo>
                <a:lnTo>
                  <a:pt x="4173" y="241"/>
                </a:lnTo>
                <a:lnTo>
                  <a:pt x="4172" y="228"/>
                </a:lnTo>
                <a:lnTo>
                  <a:pt x="4171" y="216"/>
                </a:lnTo>
                <a:lnTo>
                  <a:pt x="4169" y="206"/>
                </a:lnTo>
                <a:lnTo>
                  <a:pt x="4167" y="196"/>
                </a:lnTo>
                <a:lnTo>
                  <a:pt x="4163" y="186"/>
                </a:lnTo>
                <a:lnTo>
                  <a:pt x="4159" y="178"/>
                </a:lnTo>
                <a:lnTo>
                  <a:pt x="4154" y="170"/>
                </a:lnTo>
                <a:lnTo>
                  <a:pt x="4152" y="167"/>
                </a:lnTo>
                <a:lnTo>
                  <a:pt x="4149" y="164"/>
                </a:lnTo>
                <a:lnTo>
                  <a:pt x="4146" y="160"/>
                </a:lnTo>
                <a:lnTo>
                  <a:pt x="4143" y="157"/>
                </a:lnTo>
                <a:lnTo>
                  <a:pt x="4136" y="152"/>
                </a:lnTo>
                <a:lnTo>
                  <a:pt x="4128" y="147"/>
                </a:lnTo>
                <a:lnTo>
                  <a:pt x="4120" y="143"/>
                </a:lnTo>
                <a:lnTo>
                  <a:pt x="4112" y="140"/>
                </a:lnTo>
                <a:lnTo>
                  <a:pt x="4103" y="138"/>
                </a:lnTo>
                <a:lnTo>
                  <a:pt x="4093" y="136"/>
                </a:lnTo>
                <a:lnTo>
                  <a:pt x="4082" y="134"/>
                </a:lnTo>
                <a:close/>
                <a:moveTo>
                  <a:pt x="4643" y="131"/>
                </a:moveTo>
                <a:lnTo>
                  <a:pt x="4632" y="131"/>
                </a:lnTo>
                <a:lnTo>
                  <a:pt x="4622" y="132"/>
                </a:lnTo>
                <a:lnTo>
                  <a:pt x="4612" y="134"/>
                </a:lnTo>
                <a:lnTo>
                  <a:pt x="4603" y="136"/>
                </a:lnTo>
                <a:lnTo>
                  <a:pt x="4594" y="139"/>
                </a:lnTo>
                <a:lnTo>
                  <a:pt x="4586" y="143"/>
                </a:lnTo>
                <a:lnTo>
                  <a:pt x="4581" y="145"/>
                </a:lnTo>
                <a:lnTo>
                  <a:pt x="4578" y="148"/>
                </a:lnTo>
                <a:lnTo>
                  <a:pt x="4571" y="154"/>
                </a:lnTo>
                <a:lnTo>
                  <a:pt x="4565" y="161"/>
                </a:lnTo>
                <a:lnTo>
                  <a:pt x="4560" y="168"/>
                </a:lnTo>
                <a:lnTo>
                  <a:pt x="4555" y="177"/>
                </a:lnTo>
                <a:lnTo>
                  <a:pt x="4552" y="188"/>
                </a:lnTo>
                <a:lnTo>
                  <a:pt x="4549" y="199"/>
                </a:lnTo>
                <a:lnTo>
                  <a:pt x="4547" y="212"/>
                </a:lnTo>
                <a:lnTo>
                  <a:pt x="4545" y="225"/>
                </a:lnTo>
                <a:lnTo>
                  <a:pt x="4545" y="241"/>
                </a:lnTo>
                <a:lnTo>
                  <a:pt x="4545" y="559"/>
                </a:lnTo>
                <a:lnTo>
                  <a:pt x="4545" y="575"/>
                </a:lnTo>
                <a:lnTo>
                  <a:pt x="4547" y="589"/>
                </a:lnTo>
                <a:lnTo>
                  <a:pt x="4549" y="601"/>
                </a:lnTo>
                <a:lnTo>
                  <a:pt x="4550" y="607"/>
                </a:lnTo>
                <a:lnTo>
                  <a:pt x="4552" y="613"/>
                </a:lnTo>
                <a:lnTo>
                  <a:pt x="4554" y="618"/>
                </a:lnTo>
                <a:lnTo>
                  <a:pt x="4555" y="623"/>
                </a:lnTo>
                <a:lnTo>
                  <a:pt x="4558" y="628"/>
                </a:lnTo>
                <a:lnTo>
                  <a:pt x="4560" y="632"/>
                </a:lnTo>
                <a:lnTo>
                  <a:pt x="4562" y="636"/>
                </a:lnTo>
                <a:lnTo>
                  <a:pt x="4565" y="640"/>
                </a:lnTo>
                <a:lnTo>
                  <a:pt x="4568" y="643"/>
                </a:lnTo>
                <a:lnTo>
                  <a:pt x="4571" y="646"/>
                </a:lnTo>
                <a:lnTo>
                  <a:pt x="4574" y="649"/>
                </a:lnTo>
                <a:lnTo>
                  <a:pt x="4578" y="652"/>
                </a:lnTo>
                <a:lnTo>
                  <a:pt x="4586" y="657"/>
                </a:lnTo>
                <a:lnTo>
                  <a:pt x="4594" y="661"/>
                </a:lnTo>
                <a:lnTo>
                  <a:pt x="4598" y="662"/>
                </a:lnTo>
                <a:lnTo>
                  <a:pt x="4603" y="664"/>
                </a:lnTo>
                <a:lnTo>
                  <a:pt x="4607" y="665"/>
                </a:lnTo>
                <a:lnTo>
                  <a:pt x="4612" y="666"/>
                </a:lnTo>
                <a:lnTo>
                  <a:pt x="4617" y="667"/>
                </a:lnTo>
                <a:lnTo>
                  <a:pt x="4622" y="668"/>
                </a:lnTo>
                <a:lnTo>
                  <a:pt x="4632" y="669"/>
                </a:lnTo>
                <a:lnTo>
                  <a:pt x="4643" y="669"/>
                </a:lnTo>
                <a:lnTo>
                  <a:pt x="4654" y="669"/>
                </a:lnTo>
                <a:lnTo>
                  <a:pt x="4664" y="668"/>
                </a:lnTo>
                <a:lnTo>
                  <a:pt x="4674" y="666"/>
                </a:lnTo>
                <a:lnTo>
                  <a:pt x="4683" y="664"/>
                </a:lnTo>
                <a:lnTo>
                  <a:pt x="4692" y="661"/>
                </a:lnTo>
                <a:lnTo>
                  <a:pt x="4700" y="657"/>
                </a:lnTo>
                <a:lnTo>
                  <a:pt x="4707" y="652"/>
                </a:lnTo>
                <a:lnTo>
                  <a:pt x="4714" y="646"/>
                </a:lnTo>
                <a:lnTo>
                  <a:pt x="4717" y="643"/>
                </a:lnTo>
                <a:lnTo>
                  <a:pt x="4720" y="640"/>
                </a:lnTo>
                <a:lnTo>
                  <a:pt x="4723" y="636"/>
                </a:lnTo>
                <a:lnTo>
                  <a:pt x="4726" y="632"/>
                </a:lnTo>
                <a:lnTo>
                  <a:pt x="4728" y="628"/>
                </a:lnTo>
                <a:lnTo>
                  <a:pt x="4730" y="623"/>
                </a:lnTo>
                <a:lnTo>
                  <a:pt x="4732" y="618"/>
                </a:lnTo>
                <a:lnTo>
                  <a:pt x="4734" y="613"/>
                </a:lnTo>
                <a:lnTo>
                  <a:pt x="4736" y="607"/>
                </a:lnTo>
                <a:lnTo>
                  <a:pt x="4737" y="601"/>
                </a:lnTo>
                <a:lnTo>
                  <a:pt x="4739" y="589"/>
                </a:lnTo>
                <a:lnTo>
                  <a:pt x="4741" y="575"/>
                </a:lnTo>
                <a:lnTo>
                  <a:pt x="4741" y="559"/>
                </a:lnTo>
                <a:lnTo>
                  <a:pt x="4741" y="241"/>
                </a:lnTo>
                <a:lnTo>
                  <a:pt x="4741" y="225"/>
                </a:lnTo>
                <a:lnTo>
                  <a:pt x="4739" y="212"/>
                </a:lnTo>
                <a:lnTo>
                  <a:pt x="4738" y="205"/>
                </a:lnTo>
                <a:lnTo>
                  <a:pt x="4737" y="199"/>
                </a:lnTo>
                <a:lnTo>
                  <a:pt x="4736" y="193"/>
                </a:lnTo>
                <a:lnTo>
                  <a:pt x="4734" y="188"/>
                </a:lnTo>
                <a:lnTo>
                  <a:pt x="4730" y="177"/>
                </a:lnTo>
                <a:lnTo>
                  <a:pt x="4726" y="168"/>
                </a:lnTo>
                <a:lnTo>
                  <a:pt x="4720" y="161"/>
                </a:lnTo>
                <a:lnTo>
                  <a:pt x="4714" y="154"/>
                </a:lnTo>
                <a:lnTo>
                  <a:pt x="4707" y="148"/>
                </a:lnTo>
                <a:lnTo>
                  <a:pt x="4700" y="143"/>
                </a:lnTo>
                <a:lnTo>
                  <a:pt x="4692" y="139"/>
                </a:lnTo>
                <a:lnTo>
                  <a:pt x="4683" y="136"/>
                </a:lnTo>
                <a:lnTo>
                  <a:pt x="4679" y="135"/>
                </a:lnTo>
                <a:lnTo>
                  <a:pt x="4674" y="134"/>
                </a:lnTo>
                <a:lnTo>
                  <a:pt x="4664" y="132"/>
                </a:lnTo>
                <a:lnTo>
                  <a:pt x="4654" y="131"/>
                </a:lnTo>
                <a:lnTo>
                  <a:pt x="4643" y="131"/>
                </a:lnTo>
                <a:close/>
                <a:moveTo>
                  <a:pt x="4643" y="800"/>
                </a:moveTo>
                <a:lnTo>
                  <a:pt x="4617" y="799"/>
                </a:lnTo>
                <a:lnTo>
                  <a:pt x="4604" y="798"/>
                </a:lnTo>
                <a:lnTo>
                  <a:pt x="4591" y="797"/>
                </a:lnTo>
                <a:lnTo>
                  <a:pt x="4578" y="795"/>
                </a:lnTo>
                <a:lnTo>
                  <a:pt x="4566" y="793"/>
                </a:lnTo>
                <a:lnTo>
                  <a:pt x="4554" y="790"/>
                </a:lnTo>
                <a:lnTo>
                  <a:pt x="4543" y="786"/>
                </a:lnTo>
                <a:lnTo>
                  <a:pt x="4532" y="783"/>
                </a:lnTo>
                <a:lnTo>
                  <a:pt x="4521" y="779"/>
                </a:lnTo>
                <a:lnTo>
                  <a:pt x="4511" y="774"/>
                </a:lnTo>
                <a:lnTo>
                  <a:pt x="4501" y="769"/>
                </a:lnTo>
                <a:lnTo>
                  <a:pt x="4491" y="763"/>
                </a:lnTo>
                <a:lnTo>
                  <a:pt x="4482" y="756"/>
                </a:lnTo>
                <a:lnTo>
                  <a:pt x="4473" y="750"/>
                </a:lnTo>
                <a:lnTo>
                  <a:pt x="4469" y="746"/>
                </a:lnTo>
                <a:lnTo>
                  <a:pt x="4465" y="742"/>
                </a:lnTo>
                <a:lnTo>
                  <a:pt x="4457" y="734"/>
                </a:lnTo>
                <a:lnTo>
                  <a:pt x="4449" y="726"/>
                </a:lnTo>
                <a:lnTo>
                  <a:pt x="4442" y="717"/>
                </a:lnTo>
                <a:lnTo>
                  <a:pt x="4436" y="707"/>
                </a:lnTo>
                <a:lnTo>
                  <a:pt x="4430" y="696"/>
                </a:lnTo>
                <a:lnTo>
                  <a:pt x="4424" y="686"/>
                </a:lnTo>
                <a:lnTo>
                  <a:pt x="4419" y="674"/>
                </a:lnTo>
                <a:lnTo>
                  <a:pt x="4414" y="662"/>
                </a:lnTo>
                <a:lnTo>
                  <a:pt x="4410" y="649"/>
                </a:lnTo>
                <a:lnTo>
                  <a:pt x="4406" y="635"/>
                </a:lnTo>
                <a:lnTo>
                  <a:pt x="4405" y="628"/>
                </a:lnTo>
                <a:lnTo>
                  <a:pt x="4403" y="621"/>
                </a:lnTo>
                <a:lnTo>
                  <a:pt x="4401" y="606"/>
                </a:lnTo>
                <a:lnTo>
                  <a:pt x="4399" y="591"/>
                </a:lnTo>
                <a:lnTo>
                  <a:pt x="4397" y="574"/>
                </a:lnTo>
                <a:lnTo>
                  <a:pt x="4396" y="557"/>
                </a:lnTo>
                <a:lnTo>
                  <a:pt x="4396" y="539"/>
                </a:lnTo>
                <a:lnTo>
                  <a:pt x="4396" y="260"/>
                </a:lnTo>
                <a:lnTo>
                  <a:pt x="4396" y="243"/>
                </a:lnTo>
                <a:lnTo>
                  <a:pt x="4397" y="226"/>
                </a:lnTo>
                <a:lnTo>
                  <a:pt x="4398" y="218"/>
                </a:lnTo>
                <a:lnTo>
                  <a:pt x="4399" y="209"/>
                </a:lnTo>
                <a:lnTo>
                  <a:pt x="4401" y="194"/>
                </a:lnTo>
                <a:lnTo>
                  <a:pt x="4403" y="179"/>
                </a:lnTo>
                <a:lnTo>
                  <a:pt x="4406" y="165"/>
                </a:lnTo>
                <a:lnTo>
                  <a:pt x="4410" y="152"/>
                </a:lnTo>
                <a:lnTo>
                  <a:pt x="4414" y="139"/>
                </a:lnTo>
                <a:lnTo>
                  <a:pt x="4419" y="126"/>
                </a:lnTo>
                <a:lnTo>
                  <a:pt x="4424" y="115"/>
                </a:lnTo>
                <a:lnTo>
                  <a:pt x="4430" y="104"/>
                </a:lnTo>
                <a:lnTo>
                  <a:pt x="4436" y="94"/>
                </a:lnTo>
                <a:lnTo>
                  <a:pt x="4442" y="84"/>
                </a:lnTo>
                <a:lnTo>
                  <a:pt x="4449" y="75"/>
                </a:lnTo>
                <a:lnTo>
                  <a:pt x="4457" y="66"/>
                </a:lnTo>
                <a:lnTo>
                  <a:pt x="4465" y="58"/>
                </a:lnTo>
                <a:lnTo>
                  <a:pt x="4473" y="51"/>
                </a:lnTo>
                <a:lnTo>
                  <a:pt x="4482" y="44"/>
                </a:lnTo>
                <a:lnTo>
                  <a:pt x="4491" y="37"/>
                </a:lnTo>
                <a:lnTo>
                  <a:pt x="4501" y="32"/>
                </a:lnTo>
                <a:lnTo>
                  <a:pt x="4511" y="26"/>
                </a:lnTo>
                <a:lnTo>
                  <a:pt x="4521" y="21"/>
                </a:lnTo>
                <a:lnTo>
                  <a:pt x="4532" y="17"/>
                </a:lnTo>
                <a:lnTo>
                  <a:pt x="4543" y="13"/>
                </a:lnTo>
                <a:lnTo>
                  <a:pt x="4554" y="10"/>
                </a:lnTo>
                <a:lnTo>
                  <a:pt x="4566" y="7"/>
                </a:lnTo>
                <a:lnTo>
                  <a:pt x="4578" y="5"/>
                </a:lnTo>
                <a:lnTo>
                  <a:pt x="4591" y="3"/>
                </a:lnTo>
                <a:lnTo>
                  <a:pt x="4604" y="1"/>
                </a:lnTo>
                <a:lnTo>
                  <a:pt x="4617" y="0"/>
                </a:lnTo>
                <a:lnTo>
                  <a:pt x="4643" y="0"/>
                </a:lnTo>
                <a:lnTo>
                  <a:pt x="4670" y="0"/>
                </a:lnTo>
                <a:lnTo>
                  <a:pt x="4683" y="1"/>
                </a:lnTo>
                <a:lnTo>
                  <a:pt x="4695" y="3"/>
                </a:lnTo>
                <a:lnTo>
                  <a:pt x="4708" y="5"/>
                </a:lnTo>
                <a:lnTo>
                  <a:pt x="4720" y="7"/>
                </a:lnTo>
                <a:lnTo>
                  <a:pt x="4731" y="10"/>
                </a:lnTo>
                <a:lnTo>
                  <a:pt x="4743" y="13"/>
                </a:lnTo>
                <a:lnTo>
                  <a:pt x="4754" y="17"/>
                </a:lnTo>
                <a:lnTo>
                  <a:pt x="4764" y="21"/>
                </a:lnTo>
                <a:lnTo>
                  <a:pt x="4775" y="26"/>
                </a:lnTo>
                <a:lnTo>
                  <a:pt x="4785" y="32"/>
                </a:lnTo>
                <a:lnTo>
                  <a:pt x="4794" y="37"/>
                </a:lnTo>
                <a:lnTo>
                  <a:pt x="4803" y="44"/>
                </a:lnTo>
                <a:lnTo>
                  <a:pt x="4812" y="51"/>
                </a:lnTo>
                <a:lnTo>
                  <a:pt x="4821" y="58"/>
                </a:lnTo>
                <a:lnTo>
                  <a:pt x="4828" y="66"/>
                </a:lnTo>
                <a:lnTo>
                  <a:pt x="4836" y="75"/>
                </a:lnTo>
                <a:lnTo>
                  <a:pt x="4843" y="84"/>
                </a:lnTo>
                <a:lnTo>
                  <a:pt x="4850" y="94"/>
                </a:lnTo>
                <a:lnTo>
                  <a:pt x="4856" y="104"/>
                </a:lnTo>
                <a:lnTo>
                  <a:pt x="4862" y="115"/>
                </a:lnTo>
                <a:lnTo>
                  <a:pt x="4867" y="126"/>
                </a:lnTo>
                <a:lnTo>
                  <a:pt x="4872" y="139"/>
                </a:lnTo>
                <a:lnTo>
                  <a:pt x="4876" y="152"/>
                </a:lnTo>
                <a:lnTo>
                  <a:pt x="4879" y="165"/>
                </a:lnTo>
                <a:lnTo>
                  <a:pt x="4883" y="179"/>
                </a:lnTo>
                <a:lnTo>
                  <a:pt x="4885" y="194"/>
                </a:lnTo>
                <a:lnTo>
                  <a:pt x="4887" y="209"/>
                </a:lnTo>
                <a:lnTo>
                  <a:pt x="4889" y="226"/>
                </a:lnTo>
                <a:lnTo>
                  <a:pt x="4890" y="243"/>
                </a:lnTo>
                <a:lnTo>
                  <a:pt x="4890" y="260"/>
                </a:lnTo>
                <a:lnTo>
                  <a:pt x="4890" y="539"/>
                </a:lnTo>
                <a:lnTo>
                  <a:pt x="4890" y="557"/>
                </a:lnTo>
                <a:lnTo>
                  <a:pt x="4889" y="574"/>
                </a:lnTo>
                <a:lnTo>
                  <a:pt x="4887" y="591"/>
                </a:lnTo>
                <a:lnTo>
                  <a:pt x="4885" y="606"/>
                </a:lnTo>
                <a:lnTo>
                  <a:pt x="4883" y="621"/>
                </a:lnTo>
                <a:lnTo>
                  <a:pt x="4879" y="635"/>
                </a:lnTo>
                <a:lnTo>
                  <a:pt x="4878" y="642"/>
                </a:lnTo>
                <a:lnTo>
                  <a:pt x="4876" y="649"/>
                </a:lnTo>
                <a:lnTo>
                  <a:pt x="4872" y="662"/>
                </a:lnTo>
                <a:lnTo>
                  <a:pt x="4867" y="674"/>
                </a:lnTo>
                <a:lnTo>
                  <a:pt x="4862" y="686"/>
                </a:lnTo>
                <a:lnTo>
                  <a:pt x="4856" y="696"/>
                </a:lnTo>
                <a:lnTo>
                  <a:pt x="4850" y="707"/>
                </a:lnTo>
                <a:lnTo>
                  <a:pt x="4843" y="717"/>
                </a:lnTo>
                <a:lnTo>
                  <a:pt x="4836" y="726"/>
                </a:lnTo>
                <a:lnTo>
                  <a:pt x="4828" y="734"/>
                </a:lnTo>
                <a:lnTo>
                  <a:pt x="4821" y="742"/>
                </a:lnTo>
                <a:lnTo>
                  <a:pt x="4812" y="750"/>
                </a:lnTo>
                <a:lnTo>
                  <a:pt x="4808" y="753"/>
                </a:lnTo>
                <a:lnTo>
                  <a:pt x="4803" y="756"/>
                </a:lnTo>
                <a:lnTo>
                  <a:pt x="4794" y="763"/>
                </a:lnTo>
                <a:lnTo>
                  <a:pt x="4785" y="769"/>
                </a:lnTo>
                <a:lnTo>
                  <a:pt x="4775" y="774"/>
                </a:lnTo>
                <a:lnTo>
                  <a:pt x="4764" y="779"/>
                </a:lnTo>
                <a:lnTo>
                  <a:pt x="4754" y="783"/>
                </a:lnTo>
                <a:lnTo>
                  <a:pt x="4743" y="786"/>
                </a:lnTo>
                <a:lnTo>
                  <a:pt x="4731" y="790"/>
                </a:lnTo>
                <a:lnTo>
                  <a:pt x="4720" y="793"/>
                </a:lnTo>
                <a:lnTo>
                  <a:pt x="4708" y="795"/>
                </a:lnTo>
                <a:lnTo>
                  <a:pt x="4695" y="797"/>
                </a:lnTo>
                <a:lnTo>
                  <a:pt x="4683" y="798"/>
                </a:lnTo>
                <a:lnTo>
                  <a:pt x="4670" y="799"/>
                </a:lnTo>
                <a:lnTo>
                  <a:pt x="4643" y="800"/>
                </a:lnTo>
                <a:close/>
                <a:moveTo>
                  <a:pt x="3753" y="789"/>
                </a:moveTo>
                <a:lnTo>
                  <a:pt x="3334" y="789"/>
                </a:lnTo>
                <a:lnTo>
                  <a:pt x="3334" y="10"/>
                </a:lnTo>
                <a:lnTo>
                  <a:pt x="3743" y="10"/>
                </a:lnTo>
                <a:lnTo>
                  <a:pt x="3743" y="143"/>
                </a:lnTo>
                <a:lnTo>
                  <a:pt x="3484" y="143"/>
                </a:lnTo>
                <a:lnTo>
                  <a:pt x="3484" y="320"/>
                </a:lnTo>
                <a:lnTo>
                  <a:pt x="3681" y="320"/>
                </a:lnTo>
                <a:lnTo>
                  <a:pt x="3681" y="454"/>
                </a:lnTo>
                <a:lnTo>
                  <a:pt x="3484" y="454"/>
                </a:lnTo>
                <a:lnTo>
                  <a:pt x="3484" y="658"/>
                </a:lnTo>
                <a:lnTo>
                  <a:pt x="3753" y="658"/>
                </a:lnTo>
                <a:lnTo>
                  <a:pt x="3753" y="789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/>
          <a:p>
            <a:endParaRPr lang="fi-FI" sz="1800"/>
          </a:p>
        </p:txBody>
      </p:sp>
    </p:spTree>
    <p:extLst>
      <p:ext uri="{BB962C8B-B14F-4D97-AF65-F5344CB8AC3E}">
        <p14:creationId xmlns:p14="http://schemas.microsoft.com/office/powerpoint/2010/main" val="267390236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0" r:id="rId1"/>
    <p:sldLayoutId id="2147483741" r:id="rId2"/>
    <p:sldLayoutId id="2147483742" r:id="rId3"/>
    <p:sldLayoutId id="2147483743" r:id="rId4"/>
    <p:sldLayoutId id="2147483744" r:id="rId5"/>
    <p:sldLayoutId id="2147483745" r:id="rId6"/>
    <p:sldLayoutId id="2147483746" r:id="rId7"/>
    <p:sldLayoutId id="2147483747" r:id="rId8"/>
    <p:sldLayoutId id="2147483748" r:id="rId9"/>
    <p:sldLayoutId id="2147483749" r:id="rId10"/>
    <p:sldLayoutId id="2147483750" r:id="rId11"/>
    <p:sldLayoutId id="2147483751" r:id="rId12"/>
    <p:sldLayoutId id="2147483752" r:id="rId13"/>
    <p:sldLayoutId id="2147483753" r:id="rId14"/>
    <p:sldLayoutId id="2147483754" r:id="rId15"/>
    <p:sldLayoutId id="2147483755" r:id="rId16"/>
    <p:sldLayoutId id="2147483756" r:id="rId17"/>
    <p:sldLayoutId id="2147483757" r:id="rId18"/>
    <p:sldLayoutId id="2147483758" r:id="rId19"/>
    <p:sldLayoutId id="2147483759" r:id="rId20"/>
    <p:sldLayoutId id="2147483760" r:id="rId21"/>
    <p:sldLayoutId id="2147483761" r:id="rId22"/>
    <p:sldLayoutId id="2147483762" r:id="rId23"/>
    <p:sldLayoutId id="2147483763" r:id="rId24"/>
    <p:sldLayoutId id="2147483764" r:id="rId25"/>
    <p:sldLayoutId id="2147483765" r:id="rId26"/>
    <p:sldLayoutId id="2147483766" r:id="rId27"/>
    <p:sldLayoutId id="2147483767" r:id="rId28"/>
    <p:sldLayoutId id="2147483768" r:id="rId29"/>
    <p:sldLayoutId id="2147483769" r:id="rId30"/>
    <p:sldLayoutId id="2147483770" r:id="rId31"/>
    <p:sldLayoutId id="2147483771" r:id="rId32"/>
    <p:sldLayoutId id="2147483772" r:id="rId33"/>
    <p:sldLayoutId id="2147483773" r:id="rId34"/>
  </p:sldLayoutIdLst>
  <p:transition spd="slow">
    <p:push dir="u"/>
  </p:transition>
  <p:timing>
    <p:tnLst>
      <p:par>
        <p:cTn id="1" dur="indefinite" restart="never" nodeType="tmRoot"/>
      </p:par>
    </p:tnLst>
  </p:timing>
  <p:hf hdr="0" ftr="0"/>
  <p:txStyles>
    <p:titleStyle>
      <a:lvl1pPr algn="l" rtl="0" fontAlgn="base">
        <a:lnSpc>
          <a:spcPct val="90000"/>
        </a:lnSpc>
        <a:spcBef>
          <a:spcPct val="0"/>
        </a:spcBef>
        <a:spcAft>
          <a:spcPct val="0"/>
        </a:spcAft>
        <a:defRPr sz="3200" kern="1200">
          <a:solidFill>
            <a:schemeClr val="accent1"/>
          </a:solidFill>
          <a:latin typeface="+mj-lt"/>
          <a:ea typeface="+mj-ea"/>
          <a:cs typeface="+mj-cs"/>
        </a:defRPr>
      </a:lvl1pPr>
      <a:lvl2pPr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accent1"/>
          </a:solidFill>
          <a:latin typeface="Arial" panose="020B0604020202020204" pitchFamily="34" charset="0"/>
        </a:defRPr>
      </a:lvl2pPr>
      <a:lvl3pPr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accent1"/>
          </a:solidFill>
          <a:latin typeface="Arial" panose="020B0604020202020204" pitchFamily="34" charset="0"/>
        </a:defRPr>
      </a:lvl3pPr>
      <a:lvl4pPr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accent1"/>
          </a:solidFill>
          <a:latin typeface="Arial" panose="020B0604020202020204" pitchFamily="34" charset="0"/>
        </a:defRPr>
      </a:lvl4pPr>
      <a:lvl5pPr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accent1"/>
          </a:solidFill>
          <a:latin typeface="Arial" panose="020B0604020202020204" pitchFamily="34" charset="0"/>
        </a:defRPr>
      </a:lvl5pPr>
      <a:lvl6pPr marL="457200"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accent1"/>
          </a:solidFill>
          <a:latin typeface="Arial" panose="020B0604020202020204" pitchFamily="34" charset="0"/>
        </a:defRPr>
      </a:lvl6pPr>
      <a:lvl7pPr marL="914400"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accent1"/>
          </a:solidFill>
          <a:latin typeface="Arial" panose="020B0604020202020204" pitchFamily="34" charset="0"/>
        </a:defRPr>
      </a:lvl7pPr>
      <a:lvl8pPr marL="1371600"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accent1"/>
          </a:solidFill>
          <a:latin typeface="Arial" panose="020B0604020202020204" pitchFamily="34" charset="0"/>
        </a:defRPr>
      </a:lvl8pPr>
      <a:lvl9pPr marL="1828800" algn="l" rtl="0" fontAlgn="base">
        <a:lnSpc>
          <a:spcPct val="90000"/>
        </a:lnSpc>
        <a:spcBef>
          <a:spcPct val="0"/>
        </a:spcBef>
        <a:spcAft>
          <a:spcPct val="0"/>
        </a:spcAft>
        <a:defRPr sz="3200">
          <a:solidFill>
            <a:schemeClr val="accent1"/>
          </a:solidFill>
          <a:latin typeface="Arial" panose="020B0604020202020204" pitchFamily="34" charset="0"/>
        </a:defRPr>
      </a:lvl9pPr>
    </p:titleStyle>
    <p:bodyStyle>
      <a:lvl1pPr marL="266700" indent="-266700" algn="l" rtl="0" fontAlgn="base">
        <a:lnSpc>
          <a:spcPct val="110000"/>
        </a:lnSpc>
        <a:spcBef>
          <a:spcPts val="600"/>
        </a:spcBef>
        <a:spcAft>
          <a:spcPct val="0"/>
        </a:spcAft>
        <a:buClr>
          <a:schemeClr val="accent1"/>
        </a:buClr>
        <a:buFont typeface="Wingdings" panose="05000000000000000000" pitchFamily="2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539750" indent="-273050" algn="l" rtl="0" fontAlgn="base">
        <a:lnSpc>
          <a:spcPct val="110000"/>
        </a:lnSpc>
        <a:spcBef>
          <a:spcPts val="600"/>
        </a:spcBef>
        <a:spcAft>
          <a:spcPct val="0"/>
        </a:spcAft>
        <a:buClr>
          <a:schemeClr val="accent1"/>
        </a:buClr>
        <a:buFont typeface="Arial" panose="020B0604020202020204" pitchFamily="34" charset="0"/>
        <a:buChar char="–"/>
        <a:defRPr kern="1200">
          <a:solidFill>
            <a:schemeClr val="tx1"/>
          </a:solidFill>
          <a:latin typeface="+mn-lt"/>
          <a:ea typeface="+mn-ea"/>
          <a:cs typeface="+mn-cs"/>
        </a:defRPr>
      </a:lvl2pPr>
      <a:lvl3pPr marL="806450" indent="-266700" algn="l" rtl="0" fontAlgn="base">
        <a:lnSpc>
          <a:spcPct val="110000"/>
        </a:lnSpc>
        <a:spcBef>
          <a:spcPts val="600"/>
        </a:spcBef>
        <a:spcAft>
          <a:spcPct val="0"/>
        </a:spcAft>
        <a:buClr>
          <a:schemeClr val="accent1"/>
        </a:buClr>
        <a:buFont typeface="Wingdings" panose="05000000000000000000" pitchFamily="2" charset="2"/>
        <a:buChar char="§"/>
        <a:defRPr kern="1200">
          <a:solidFill>
            <a:schemeClr val="tx1"/>
          </a:solidFill>
          <a:latin typeface="+mn-lt"/>
          <a:ea typeface="+mn-ea"/>
          <a:cs typeface="+mn-cs"/>
        </a:defRPr>
      </a:lvl3pPr>
      <a:lvl4pPr marL="1071563" indent="-265113" algn="l" rtl="0" fontAlgn="base">
        <a:lnSpc>
          <a:spcPct val="110000"/>
        </a:lnSpc>
        <a:spcBef>
          <a:spcPts val="600"/>
        </a:spcBef>
        <a:spcAft>
          <a:spcPct val="0"/>
        </a:spcAft>
        <a:buClr>
          <a:schemeClr val="accent1"/>
        </a:buClr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346200" indent="-274638" algn="l" rtl="0" fontAlgn="base">
        <a:lnSpc>
          <a:spcPct val="110000"/>
        </a:lnSpc>
        <a:spcBef>
          <a:spcPts val="600"/>
        </a:spcBef>
        <a:spcAft>
          <a:spcPct val="0"/>
        </a:spcAft>
        <a:buClr>
          <a:schemeClr val="accent1"/>
        </a:buClr>
        <a:buFont typeface="Wingdings" panose="05000000000000000000" pitchFamily="2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612900" indent="-266700" algn="l" defTabSz="914400" rtl="0" eaLnBrk="1" latinLnBrk="0" hangingPunct="1">
        <a:lnSpc>
          <a:spcPct val="110000"/>
        </a:lnSpc>
        <a:spcBef>
          <a:spcPts val="600"/>
        </a:spcBef>
        <a:buClr>
          <a:schemeClr val="accent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878013" indent="-265113" algn="l" defTabSz="914400" rtl="0" eaLnBrk="1" latinLnBrk="0" hangingPunct="1">
        <a:lnSpc>
          <a:spcPct val="110000"/>
        </a:lnSpc>
        <a:spcBef>
          <a:spcPts val="600"/>
        </a:spcBef>
        <a:buClr>
          <a:schemeClr val="accent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152650" indent="-274638" algn="l" defTabSz="914400" rtl="0" eaLnBrk="1" latinLnBrk="0" hangingPunct="1">
        <a:lnSpc>
          <a:spcPct val="110000"/>
        </a:lnSpc>
        <a:spcBef>
          <a:spcPts val="600"/>
        </a:spcBef>
        <a:buClr>
          <a:schemeClr val="accent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419350" indent="-266700" algn="l" defTabSz="914400" rtl="0" eaLnBrk="1" latinLnBrk="0" hangingPunct="1">
        <a:lnSpc>
          <a:spcPct val="110000"/>
        </a:lnSpc>
        <a:spcBef>
          <a:spcPts val="600"/>
        </a:spcBef>
        <a:buClr>
          <a:schemeClr val="accent1"/>
        </a:buClr>
        <a:buFont typeface="Wingdings" panose="05000000000000000000" pitchFamily="2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i-FI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ec.europa.eu/eures/public/fi/opportunities" TargetMode="External"/><Relationship Id="rId2" Type="http://schemas.openxmlformats.org/officeDocument/2006/relationships/hyperlink" Target="https://ec.europa.eu/eures/public/language-selection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://www.te-palvelut.fi/" TargetMode="External"/><Relationship Id="rId5" Type="http://schemas.openxmlformats.org/officeDocument/2006/relationships/hyperlink" Target="http://www.enic-naric.net/" TargetMode="External"/><Relationship Id="rId4" Type="http://schemas.openxmlformats.org/officeDocument/2006/relationships/hyperlink" Target="http://www.europeanjobdays.eu/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1.xml"/><Relationship Id="rId5" Type="http://schemas.openxmlformats.org/officeDocument/2006/relationships/image" Target="../media/image25.bin"/><Relationship Id="rId4" Type="http://schemas.openxmlformats.org/officeDocument/2006/relationships/hyperlink" Target="http://www.haloopohjola.fi/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://granstjanst.net/fi/start-granstjanst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3.xml"/><Relationship Id="rId6" Type="http://schemas.openxmlformats.org/officeDocument/2006/relationships/image" Target="../media/image28.png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://www.kela.fi/asiointi" TargetMode="External"/><Relationship Id="rId1" Type="http://schemas.openxmlformats.org/officeDocument/2006/relationships/slideLayout" Target="../slideLayouts/slideLayout28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verokampus.fi/verotietoa/ulkomaille/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9.xml"/><Relationship Id="rId4" Type="http://schemas.openxmlformats.org/officeDocument/2006/relationships/hyperlink" Target="https://www.vero.fi/tietoa-verohallinnosta/yhteystiedot-ja-asiointi/verotoimistot/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6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>
          <a:xfrm>
            <a:off x="677334" y="411892"/>
            <a:ext cx="8596668" cy="910281"/>
          </a:xfrm>
        </p:spPr>
        <p:txBody>
          <a:bodyPr>
            <a:normAutofit fontScale="90000"/>
          </a:bodyPr>
          <a:lstStyle/>
          <a:p>
            <a:r>
              <a:rPr lang="fi-FI" dirty="0"/>
              <a:t>Näin haet töitä toisesta </a:t>
            </a:r>
            <a:r>
              <a:rPr lang="fi-FI" dirty="0" smtClean="0"/>
              <a:t>Pohjoismaasta/EURES</a:t>
            </a:r>
            <a:endParaRPr lang="fi-FI" dirty="0"/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>
          <a:xfrm>
            <a:off x="677334" y="1631093"/>
            <a:ext cx="8596668" cy="4695566"/>
          </a:xfrm>
        </p:spPr>
        <p:txBody>
          <a:bodyPr/>
          <a:lstStyle/>
          <a:p>
            <a:r>
              <a:rPr lang="fi-FI" sz="2800" dirty="0" smtClean="0">
                <a:hlinkClick r:id="rId2"/>
              </a:rPr>
              <a:t>www.eures.europa.eu</a:t>
            </a:r>
            <a:endParaRPr lang="fi-FI" sz="2800" dirty="0" smtClean="0"/>
          </a:p>
          <a:p>
            <a:r>
              <a:rPr lang="fi-FI" sz="2800" dirty="0" smtClean="0">
                <a:hlinkClick r:id="rId3"/>
              </a:rPr>
              <a:t>Drop’pin@EURES</a:t>
            </a:r>
            <a:endParaRPr lang="fi-FI" sz="2800" dirty="0" smtClean="0"/>
          </a:p>
          <a:p>
            <a:r>
              <a:rPr lang="fi-FI" sz="2800" dirty="0" smtClean="0">
                <a:hlinkClick r:id="rId4"/>
              </a:rPr>
              <a:t>www.europeanjobdays.eu</a:t>
            </a:r>
            <a:endParaRPr lang="fi-FI" sz="2800" dirty="0" smtClean="0"/>
          </a:p>
          <a:p>
            <a:r>
              <a:rPr lang="fi-FI" sz="2800" dirty="0" smtClean="0">
                <a:hlinkClick r:id="rId5"/>
              </a:rPr>
              <a:t>www.enic-naric.net</a:t>
            </a:r>
            <a:endParaRPr lang="fi-FI" sz="2800" dirty="0" smtClean="0"/>
          </a:p>
          <a:p>
            <a:r>
              <a:rPr lang="fi-FI" sz="2800" dirty="0" smtClean="0">
                <a:hlinkClick r:id="rId6"/>
              </a:rPr>
              <a:t>www.te-palvelut.fi</a:t>
            </a:r>
            <a:r>
              <a:rPr lang="fi-FI" sz="2800" dirty="0" smtClean="0"/>
              <a:t> –&gt; </a:t>
            </a:r>
            <a:r>
              <a:rPr lang="fi-FI" sz="2800" dirty="0"/>
              <a:t>A</a:t>
            </a:r>
            <a:r>
              <a:rPr lang="fi-FI" sz="2800" dirty="0" smtClean="0"/>
              <a:t>voimet työpaikat</a:t>
            </a:r>
          </a:p>
          <a:p>
            <a:r>
              <a:rPr lang="fi-FI" sz="2800" dirty="0" smtClean="0">
                <a:hlinkClick r:id="rId6"/>
              </a:rPr>
              <a:t>www.te-palvelut.fi</a:t>
            </a:r>
            <a:r>
              <a:rPr lang="fi-FI" sz="2800" dirty="0" smtClean="0"/>
              <a:t> -&gt; Työnhakijalle -&gt; Töihin tai harjoitteluun ulkomaille</a:t>
            </a:r>
          </a:p>
          <a:p>
            <a:r>
              <a:rPr lang="fi-FI" sz="2800" dirty="0" smtClean="0"/>
              <a:t>eures@te-toimisto.fi</a:t>
            </a:r>
            <a:endParaRPr lang="fi-FI" sz="2800" dirty="0"/>
          </a:p>
        </p:txBody>
      </p:sp>
    </p:spTree>
    <p:extLst>
      <p:ext uri="{BB962C8B-B14F-4D97-AF65-F5344CB8AC3E}">
        <p14:creationId xmlns:p14="http://schemas.microsoft.com/office/powerpoint/2010/main" val="31824742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Haloo Pohjola</a:t>
            </a:r>
            <a:br>
              <a:rPr lang="fi-FI" dirty="0"/>
            </a:br>
            <a:r>
              <a:rPr lang="fi-FI" sz="2000" dirty="0"/>
              <a:t/>
            </a:r>
            <a:br>
              <a:rPr lang="fi-FI" sz="2000" dirty="0"/>
            </a:br>
            <a:r>
              <a:rPr lang="fi-FI" sz="2000" dirty="0"/>
              <a:t>12.12.2017 Rovaniemi</a:t>
            </a:r>
            <a:r>
              <a:rPr lang="fi-FI" dirty="0"/>
              <a:t/>
            </a:r>
            <a:br>
              <a:rPr lang="fi-FI" dirty="0"/>
            </a:br>
            <a:r>
              <a:rPr lang="fi-FI" dirty="0"/>
              <a:t/>
            </a:r>
            <a:br>
              <a:rPr lang="fi-FI" dirty="0"/>
            </a:br>
            <a:endParaRPr lang="fi-FI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orbel"/>
                <a:ea typeface="+mn-ea"/>
                <a:cs typeface="+mn-cs"/>
              </a:rPr>
              <a:t>03/03/2017</a:t>
            </a:r>
          </a:p>
        </p:txBody>
      </p:sp>
      <p:sp>
        <p:nvSpPr>
          <p:cNvPr id="3" name="Tekstin paikkamerkki 2"/>
          <p:cNvSpPr>
            <a:spLocks noGrp="1"/>
          </p:cNvSpPr>
          <p:nvPr>
            <p:ph type="body" sz="quarter" idx="13"/>
          </p:nvPr>
        </p:nvSpPr>
        <p:spPr>
          <a:xfrm>
            <a:off x="693738" y="1676904"/>
            <a:ext cx="10799760" cy="4532510"/>
          </a:xfrm>
        </p:spPr>
        <p:txBody>
          <a:bodyPr/>
          <a:lstStyle/>
          <a:p>
            <a:r>
              <a:rPr lang="fi-FI" b="1" dirty="0"/>
              <a:t/>
            </a:r>
            <a:br>
              <a:rPr lang="fi-FI" b="1" dirty="0"/>
            </a:br>
            <a:r>
              <a:rPr lang="fi-FI" sz="1800" dirty="0"/>
              <a:t>Pohjoismaiden ministerineuvoston </a:t>
            </a:r>
            <a:r>
              <a:rPr lang="fi-FI" sz="1800" b="1" dirty="0"/>
              <a:t>neuvontapalvelu </a:t>
            </a:r>
            <a:r>
              <a:rPr lang="fi-FI" sz="1800" dirty="0"/>
              <a:t>Haloo Pohjola</a:t>
            </a:r>
          </a:p>
          <a:p>
            <a:endParaRPr lang="fi-FI" sz="1800" dirty="0">
              <a:hlinkClick r:id="rId4"/>
            </a:endParaRPr>
          </a:p>
          <a:p>
            <a:r>
              <a:rPr lang="fi-FI" sz="1800" dirty="0">
                <a:hlinkClick r:id="rId4"/>
              </a:rPr>
              <a:t>www. haloopohjola.fi</a:t>
            </a:r>
            <a:endParaRPr lang="fi-FI" sz="1800" dirty="0"/>
          </a:p>
          <a:p>
            <a:endParaRPr lang="fi-FI" sz="1800" dirty="0"/>
          </a:p>
          <a:p>
            <a:r>
              <a:rPr lang="fi-FI" sz="1800" dirty="0"/>
              <a:t>tavoite: helpottaa yksityishenkilöiden liikkuvuutta Pohjoismaissa</a:t>
            </a:r>
          </a:p>
          <a:p>
            <a:endParaRPr lang="fi-FI" sz="1800" dirty="0"/>
          </a:p>
          <a:p>
            <a:r>
              <a:rPr lang="fi-FI" sz="1800" dirty="0"/>
              <a:t>tietoa muuttamisesta Pohjoismaiden välillä, mm. opiskelusta, sosiaaliturvasta, työskentelystä, verotuksesta, eläkkeistä, jne. </a:t>
            </a:r>
            <a:br>
              <a:rPr lang="fi-FI" sz="1800" dirty="0"/>
            </a:br>
            <a:r>
              <a:rPr lang="fi-FI" sz="1800" dirty="0"/>
              <a:t/>
            </a:r>
            <a:br>
              <a:rPr lang="fi-FI" sz="1800" dirty="0"/>
            </a:br>
            <a:r>
              <a:rPr lang="fi-FI" sz="1800" dirty="0"/>
              <a:t>Suomen puhelinpalvelu on avoinna arkisin kello 10–14, puh.  020 198 00 88 </a:t>
            </a:r>
          </a:p>
          <a:p>
            <a:endParaRPr lang="fi-FI" sz="1800" dirty="0"/>
          </a:p>
          <a:p>
            <a:pPr>
              <a:buNone/>
            </a:pPr>
            <a:r>
              <a:rPr lang="fi-FI" sz="1800" dirty="0"/>
              <a:t>sähköposti: haloo@pohjola-norden.fi</a:t>
            </a:r>
          </a:p>
          <a:p>
            <a:endParaRPr lang="fi-FI" sz="1800" dirty="0"/>
          </a:p>
          <a:p>
            <a:pPr>
              <a:buNone/>
            </a:pPr>
            <a:endParaRPr lang="fi-FI" sz="1800" dirty="0"/>
          </a:p>
          <a:p>
            <a:endParaRPr lang="fi-FI" sz="1800" dirty="0"/>
          </a:p>
          <a:p>
            <a:pPr>
              <a:buNone/>
            </a:pPr>
            <a:endParaRPr lang="fi-FI" sz="1800" dirty="0"/>
          </a:p>
        </p:txBody>
      </p:sp>
      <p:pic>
        <p:nvPicPr>
          <p:cNvPr id="6" name="Picture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81013" y="391028"/>
            <a:ext cx="4040370" cy="12187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410094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/>
          <p:cNvSpPr/>
          <p:nvPr/>
        </p:nvSpPr>
        <p:spPr>
          <a:xfrm>
            <a:off x="7486475" y="920289"/>
            <a:ext cx="5322194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3"/>
              </a:rPr>
              <a:t>www.rajaneuvonta.net</a:t>
            </a:r>
            <a:endParaRPr kumimoji="0" lang="sv-SE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4" name="Bildobjekt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8713" y="199170"/>
            <a:ext cx="2929346" cy="3893888"/>
          </a:xfrm>
          <a:prstGeom prst="rect">
            <a:avLst/>
          </a:prstGeom>
        </p:spPr>
      </p:pic>
      <p:pic>
        <p:nvPicPr>
          <p:cNvPr id="5" name="Bildobjekt 4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89789" y="1857219"/>
            <a:ext cx="666362" cy="702931"/>
          </a:xfrm>
          <a:prstGeom prst="rect">
            <a:avLst/>
          </a:prstGeom>
        </p:spPr>
      </p:pic>
      <p:pic>
        <p:nvPicPr>
          <p:cNvPr id="6" name="Bildobjekt 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11228" y="3252281"/>
            <a:ext cx="3148326" cy="2884867"/>
          </a:xfrm>
          <a:prstGeom prst="rect">
            <a:avLst/>
          </a:prstGeom>
        </p:spPr>
      </p:pic>
      <p:sp>
        <p:nvSpPr>
          <p:cNvPr id="7" name="Platshållare för sidfot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sv-SE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öihin</a:t>
            </a:r>
            <a:r>
              <a:rPr kumimoji="0" lang="sv-SE" sz="12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sv-SE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ohjoismaihin</a:t>
            </a:r>
            <a:r>
              <a:rPr kumimoji="0" lang="sv-SE" sz="12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Rovaniemi   Päivi Koivupalo 12.12.2017</a:t>
            </a:r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Platshållare för bild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84AE127-B180-4276-967F-424F067A8B1C}" type="slidenum">
              <a:rPr kumimoji="0" lang="sv-SE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tint val="7500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sv-SE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" name="Rektangel 8"/>
          <p:cNvSpPr/>
          <p:nvPr/>
        </p:nvSpPr>
        <p:spPr>
          <a:xfrm>
            <a:off x="539552" y="1584088"/>
            <a:ext cx="7920880" cy="464742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ajat ylittävää neuvontaa</a:t>
            </a:r>
            <a:br>
              <a:rPr kumimoji="0" lang="fi-FI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</a:br>
            <a:endParaRPr kumimoji="0" lang="fi-FI" sz="2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i-FI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ohjoiskalotin Rajaneuvonta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fi-FI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rjoaa tilannesidonnaista ja ajantasaista tietoa liikkuvuudesta 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fi-FI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rjoaa asiakkaalle ”työkalut” liikkuvuusprosessin läpiviemiseen omin avuin. 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fi-FI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pastaa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fi-FI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vustaa rajaesteiden ratkaisuissa 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fi-FI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unnistaa/dokumentoi rajaesteet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fi-FI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iedottaa Rajaesteneuvostoa rajaesteistä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fi-FI" sz="2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oordinoi/yhdistää – viranomaiset – asiakkaat </a:t>
            </a:r>
          </a:p>
        </p:txBody>
      </p:sp>
    </p:spTree>
    <p:extLst>
      <p:ext uri="{BB962C8B-B14F-4D97-AF65-F5344CB8AC3E}">
        <p14:creationId xmlns:p14="http://schemas.microsoft.com/office/powerpoint/2010/main" val="35337689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ctrTitle"/>
          </p:nvPr>
        </p:nvSpPr>
        <p:spPr>
          <a:xfrm>
            <a:off x="1271464" y="1484785"/>
            <a:ext cx="9217024" cy="1235059"/>
          </a:xfrm>
        </p:spPr>
        <p:txBody>
          <a:bodyPr/>
          <a:lstStyle/>
          <a:p>
            <a:pPr algn="ctr"/>
            <a:r>
              <a:rPr lang="fi-FI" sz="3600" dirty="0"/>
              <a:t>Suomen sosiaaliturva </a:t>
            </a:r>
            <a:br>
              <a:rPr lang="fi-FI" sz="3600" dirty="0"/>
            </a:br>
            <a:r>
              <a:rPr lang="fi-FI" sz="3600" dirty="0"/>
              <a:t>kansainvälisissä tilanteissa</a:t>
            </a:r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>
          <a:xfrm>
            <a:off x="2424000" y="2852937"/>
            <a:ext cx="7344000" cy="3600399"/>
          </a:xfrm>
        </p:spPr>
        <p:txBody>
          <a:bodyPr/>
          <a:lstStyle/>
          <a:p>
            <a:pPr marL="342900" indent="-342900">
              <a:buClr>
                <a:schemeClr val="bg1"/>
              </a:buClr>
              <a:buFont typeface="Wingdings" panose="05000000000000000000" pitchFamily="2" charset="2"/>
              <a:buChar char="v"/>
            </a:pPr>
            <a:r>
              <a:rPr lang="fi-FI" sz="2400" dirty="0"/>
              <a:t>Sosiaaliturvan pääsäännöt työnhaun tilanteissa</a:t>
            </a:r>
          </a:p>
          <a:p>
            <a:pPr marL="342900" indent="-342900">
              <a:buClr>
                <a:schemeClr val="bg1"/>
              </a:buClr>
              <a:buFont typeface="Wingdings" panose="05000000000000000000" pitchFamily="2" charset="2"/>
              <a:buChar char="v"/>
            </a:pPr>
            <a:endParaRPr lang="fi-FI" sz="1600" dirty="0"/>
          </a:p>
          <a:p>
            <a:pPr marL="342900" indent="-342900">
              <a:buClr>
                <a:schemeClr val="bg1"/>
              </a:buClr>
              <a:buFont typeface="Wingdings" panose="05000000000000000000" pitchFamily="2" charset="2"/>
              <a:buChar char="v"/>
            </a:pPr>
            <a:r>
              <a:rPr lang="fi-FI" sz="2400" dirty="0"/>
              <a:t>Työttömyysetuudet ulkomaan työnhaun tilanteissa</a:t>
            </a:r>
          </a:p>
          <a:p>
            <a:pPr marL="342900" indent="-342900">
              <a:buClr>
                <a:schemeClr val="bg1"/>
              </a:buClr>
              <a:buFont typeface="Wingdings" panose="05000000000000000000" pitchFamily="2" charset="2"/>
              <a:buChar char="v"/>
            </a:pPr>
            <a:endParaRPr lang="fi-FI" sz="1600" dirty="0"/>
          </a:p>
          <a:p>
            <a:pPr marL="342900" indent="-342900">
              <a:buClr>
                <a:schemeClr val="bg1"/>
              </a:buClr>
              <a:buFont typeface="Wingdings" panose="05000000000000000000" pitchFamily="2" charset="2"/>
              <a:buChar char="v"/>
            </a:pPr>
            <a:r>
              <a:rPr lang="fi-FI" sz="2400" dirty="0"/>
              <a:t>Ilmoita yli 3 kuukauden ulkomailla oleskelusta ja viipymättä ulkomailla työskentelystäsi Kelan asiointipalvelussa </a:t>
            </a:r>
            <a:r>
              <a:rPr lang="fi-FI" sz="2400" dirty="0">
                <a:hlinkClick r:id="rId2"/>
              </a:rPr>
              <a:t>www.kela.fi/asiointi</a:t>
            </a:r>
            <a:r>
              <a:rPr lang="fi-FI" sz="2400" dirty="0"/>
              <a:t>.</a:t>
            </a:r>
          </a:p>
          <a:p>
            <a:pPr marL="342900" indent="-342900">
              <a:buClr>
                <a:schemeClr val="bg1"/>
              </a:buClr>
              <a:buFont typeface="Wingdings" panose="05000000000000000000" pitchFamily="2" charset="2"/>
              <a:buChar char="v"/>
            </a:pPr>
            <a:endParaRPr lang="fi-FI" sz="1600" dirty="0"/>
          </a:p>
          <a:p>
            <a:pPr marL="342900" indent="-342900">
              <a:buClr>
                <a:schemeClr val="bg1"/>
              </a:buClr>
              <a:buFont typeface="Wingdings" panose="05000000000000000000" pitchFamily="2" charset="2"/>
              <a:buChar char="v"/>
            </a:pPr>
            <a:r>
              <a:rPr lang="fi-FI" sz="2400" dirty="0"/>
              <a:t>Lisätietoja löytyy osoitteesta www.kela.fi.</a:t>
            </a:r>
          </a:p>
        </p:txBody>
      </p:sp>
    </p:spTree>
    <p:extLst>
      <p:ext uri="{BB962C8B-B14F-4D97-AF65-F5344CB8AC3E}">
        <p14:creationId xmlns:p14="http://schemas.microsoft.com/office/powerpoint/2010/main" val="379918527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Otsikko 1"/>
          <p:cNvSpPr>
            <a:spLocks noGrp="1"/>
          </p:cNvSpPr>
          <p:nvPr>
            <p:ph type="ctrTitle"/>
          </p:nvPr>
        </p:nvSpPr>
        <p:spPr>
          <a:xfrm>
            <a:off x="2063750" y="1557338"/>
            <a:ext cx="8064500" cy="3167062"/>
          </a:xfrm>
        </p:spPr>
        <p:txBody>
          <a:bodyPr/>
          <a:lstStyle/>
          <a:p>
            <a:r>
              <a:rPr lang="fi-FI" altLang="fi-FI" sz="2000"/>
              <a:t>Lisätietoja ja ohjeistusta ulkomaan työskentelyn verotuksesta:</a:t>
            </a:r>
            <a:br>
              <a:rPr lang="fi-FI" altLang="fi-FI" sz="2000"/>
            </a:br>
            <a:r>
              <a:rPr lang="fi-FI" altLang="fi-FI" sz="2000"/>
              <a:t/>
            </a:r>
            <a:br>
              <a:rPr lang="fi-FI" altLang="fi-FI" sz="2000"/>
            </a:br>
            <a:r>
              <a:rPr lang="fi-FI" altLang="fi-FI" sz="2000"/>
              <a:t/>
            </a:r>
            <a:br>
              <a:rPr lang="fi-FI" altLang="fi-FI" sz="2000"/>
            </a:br>
            <a:r>
              <a:rPr lang="fi-FI" altLang="fi-FI" sz="2000"/>
              <a:t>	 </a:t>
            </a:r>
            <a:r>
              <a:rPr lang="fi-FI" altLang="fi-FI" sz="2000" u="sng">
                <a:hlinkClick r:id="rId3"/>
              </a:rPr>
              <a:t>Verokampus</a:t>
            </a:r>
            <a:r>
              <a:rPr lang="fi-FI" altLang="fi-FI" sz="2000" u="sng"/>
              <a:t> </a:t>
            </a:r>
            <a:r>
              <a:rPr lang="fi-FI" altLang="fi-FI" sz="2000"/>
              <a:t>(https://www.verokampus.fi/verotietoa/ulkomaille/)</a:t>
            </a:r>
            <a:br>
              <a:rPr lang="fi-FI" altLang="fi-FI" sz="2000"/>
            </a:br>
            <a:r>
              <a:rPr lang="fi-FI" altLang="fi-FI" sz="2000"/>
              <a:t/>
            </a:r>
            <a:br>
              <a:rPr lang="fi-FI" altLang="fi-FI" sz="2000"/>
            </a:br>
            <a:r>
              <a:rPr lang="fi-FI" altLang="fi-FI" sz="2000"/>
              <a:t/>
            </a:r>
            <a:br>
              <a:rPr lang="fi-FI" altLang="fi-FI" sz="2000"/>
            </a:br>
            <a:r>
              <a:rPr lang="fi-FI" altLang="fi-FI" sz="2000"/>
              <a:t>	Puhelinpalvelu: Kansainvälinen henkilöverotus 029 497 024</a:t>
            </a:r>
            <a:br>
              <a:rPr lang="fi-FI" altLang="fi-FI" sz="2000"/>
            </a:br>
            <a:r>
              <a:rPr lang="fi-FI" altLang="fi-FI" sz="2000"/>
              <a:t/>
            </a:r>
            <a:br>
              <a:rPr lang="fi-FI" altLang="fi-FI" sz="2000"/>
            </a:br>
            <a:r>
              <a:rPr lang="fi-FI" altLang="fi-FI" sz="2000"/>
              <a:t/>
            </a:r>
            <a:br>
              <a:rPr lang="fi-FI" altLang="fi-FI" sz="2000"/>
            </a:br>
            <a:r>
              <a:rPr lang="fi-FI" altLang="fi-FI" sz="2000"/>
              <a:t>	</a:t>
            </a:r>
            <a:r>
              <a:rPr lang="fi-FI" altLang="fi-FI" sz="2000">
                <a:hlinkClick r:id="rId4"/>
              </a:rPr>
              <a:t>Verohallinnon toimipisteet</a:t>
            </a:r>
            <a:r>
              <a:rPr lang="fi-FI" altLang="fi-FI" sz="2000"/>
              <a:t/>
            </a:r>
            <a:br>
              <a:rPr lang="fi-FI" altLang="fi-FI" sz="2000"/>
            </a:br>
            <a:endParaRPr lang="fi-FI" altLang="fi-FI" sz="2000"/>
          </a:p>
        </p:txBody>
      </p:sp>
      <p:sp>
        <p:nvSpPr>
          <p:cNvPr id="26627" name="Päivämäärän paikkamerkki 5"/>
          <p:cNvSpPr>
            <a:spLocks noGrp="1"/>
          </p:cNvSpPr>
          <p:nvPr>
            <p:ph type="dt" sz="quarter" idx="10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compatLnSpc="1">
            <a:prstTxWarp prst="textNoShape">
              <a:avLst/>
            </a:prstTxWarp>
          </a:bodyPr>
          <a:lstStyle>
            <a:lvl1pPr algn="l">
              <a:lnSpc>
                <a:spcPct val="110000"/>
              </a:lnSpc>
              <a:spcBef>
                <a:spcPts val="6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l">
              <a:lnSpc>
                <a:spcPct val="110000"/>
              </a:lnSpc>
              <a:spcBef>
                <a:spcPts val="600"/>
              </a:spcBef>
              <a:buClr>
                <a:schemeClr val="accent1"/>
              </a:buClr>
              <a:buFont typeface="Arial" panose="020B0604020202020204" pitchFamily="34" charset="0"/>
              <a:buChar char="–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l">
              <a:lnSpc>
                <a:spcPct val="110000"/>
              </a:lnSpc>
              <a:spcBef>
                <a:spcPts val="6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l">
              <a:lnSpc>
                <a:spcPct val="110000"/>
              </a:lnSpc>
              <a:spcBef>
                <a:spcPts val="600"/>
              </a:spcBef>
              <a:buClr>
                <a:schemeClr val="accent1"/>
              </a:buClr>
              <a:buFont typeface="Arial" panose="020B0604020202020204" pitchFamily="34" charset="0"/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l">
              <a:lnSpc>
                <a:spcPct val="110000"/>
              </a:lnSpc>
              <a:spcBef>
                <a:spcPts val="6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fontAlgn="base">
              <a:lnSpc>
                <a:spcPct val="110000"/>
              </a:lnSpc>
              <a:spcBef>
                <a:spcPts val="600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fontAlgn="base">
              <a:lnSpc>
                <a:spcPct val="110000"/>
              </a:lnSpc>
              <a:spcBef>
                <a:spcPts val="600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fontAlgn="base">
              <a:lnSpc>
                <a:spcPct val="110000"/>
              </a:lnSpc>
              <a:spcBef>
                <a:spcPts val="600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fontAlgn="base">
              <a:lnSpc>
                <a:spcPct val="110000"/>
              </a:lnSpc>
              <a:spcBef>
                <a:spcPts val="600"/>
              </a:spcBef>
              <a:spcAft>
                <a:spcPct val="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algn="r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None/>
            </a:pPr>
            <a:r>
              <a:rPr lang="es-ES_tradnl" altLang="fi-FI" sz="1400">
                <a:solidFill>
                  <a:srgbClr val="333333"/>
                </a:solidFill>
              </a:rPr>
              <a:t>12.12.2017</a:t>
            </a:r>
            <a:endParaRPr lang="fi-FI" altLang="fi-FI" sz="1400">
              <a:solidFill>
                <a:srgbClr val="33333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0394590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Kuva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52017" y="4187952"/>
            <a:ext cx="8917809" cy="1064813"/>
          </a:xfrm>
          <a:prstGeom prst="rect">
            <a:avLst/>
          </a:prstGeom>
        </p:spPr>
      </p:pic>
      <p:sp>
        <p:nvSpPr>
          <p:cNvPr id="5" name="Otsikko 1"/>
          <p:cNvSpPr>
            <a:spLocks noGrp="1"/>
          </p:cNvSpPr>
          <p:nvPr>
            <p:ph type="ctrTitle"/>
          </p:nvPr>
        </p:nvSpPr>
        <p:spPr>
          <a:xfrm>
            <a:off x="2682240" y="1290003"/>
            <a:ext cx="6832800" cy="2387600"/>
          </a:xfrm>
        </p:spPr>
        <p:txBody>
          <a:bodyPr/>
          <a:lstStyle/>
          <a:p>
            <a:r>
              <a:rPr lang="fi-FI" dirty="0" smtClean="0"/>
              <a:t>Eläketurvasta huolehtii työskentelymaa</a:t>
            </a:r>
            <a:br>
              <a:rPr lang="fi-FI" dirty="0" smtClean="0"/>
            </a:br>
            <a:r>
              <a:rPr lang="fi-FI" dirty="0"/>
              <a:t/>
            </a:r>
            <a:br>
              <a:rPr lang="fi-FI" dirty="0"/>
            </a:br>
            <a:r>
              <a:rPr lang="fi-FI" dirty="0" smtClean="0"/>
              <a:t>Jokaisessa maassa on omanlainen eläketurva 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13126236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07748776833830"/>
</p:tagLst>
</file>

<file path=ppt/theme/theme1.xml><?xml version="1.0" encoding="utf-8"?>
<a:theme xmlns:a="http://schemas.openxmlformats.org/drawingml/2006/main" name="Pinta">
  <a:themeElements>
    <a:clrScheme name="Pinta">
      <a:dk1>
        <a:sysClr val="windowText" lastClr="000000"/>
      </a:dk1>
      <a:lt1>
        <a:sysClr val="window" lastClr="FFFFFF"/>
      </a:lt1>
      <a:dk2>
        <a:srgbClr val="2C3C43"/>
      </a:dk2>
      <a:lt2>
        <a:srgbClr val="EBEBEB"/>
      </a:lt2>
      <a:accent1>
        <a:srgbClr val="90C226"/>
      </a:accent1>
      <a:accent2>
        <a:srgbClr val="54A021"/>
      </a:accent2>
      <a:accent3>
        <a:srgbClr val="E6B91E"/>
      </a:accent3>
      <a:accent4>
        <a:srgbClr val="E76618"/>
      </a:accent4>
      <a:accent5>
        <a:srgbClr val="C42F1A"/>
      </a:accent5>
      <a:accent6>
        <a:srgbClr val="918655"/>
      </a:accent6>
      <a:hlink>
        <a:srgbClr val="99CA3C"/>
      </a:hlink>
      <a:folHlink>
        <a:srgbClr val="B9D181"/>
      </a:folHlink>
    </a:clrScheme>
    <a:fontScheme name="Pinta">
      <a:majorFont>
        <a:latin typeface="Trebuchet MS" panose="020B0603020202020204"/>
        <a:ea typeface=""/>
        <a:cs typeface=""/>
        <a:font script="Jpan" typeface="メイリオ"/>
        <a:font script="Hang" typeface="맑은 고딕"/>
        <a:font script="Hans" typeface="方正姚体"/>
        <a:font script="Hant" typeface="微軟正黑體"/>
        <a:font script="Arab" typeface="Tahoma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rebuchet MS" panose="020B0603020202020204"/>
        <a:ea typeface=""/>
        <a:cs typeface=""/>
        <a:font script="Jpan" typeface="メイリオ"/>
        <a:font script="Hang" typeface="HY그래픽M"/>
        <a:font script="Hans" typeface="华文新魏"/>
        <a:font script="Hant" typeface="微軟正黑體"/>
        <a:font script="Arab" typeface="Tahoma"/>
        <a:font script="Hebr" typeface="Gisha"/>
        <a:font script="Thai" typeface="Iris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Pinta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lumMod val="110000"/>
              </a:schemeClr>
            </a:gs>
            <a:gs pos="88000">
              <a:schemeClr val="phClr">
                <a:tint val="9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0000"/>
              </a:schemeClr>
            </a:gs>
            <a:gs pos="78000">
              <a:schemeClr val="phClr">
                <a:shade val="94000"/>
                <a:lumMod val="94000"/>
              </a:schemeClr>
            </a:gs>
          </a:gsLst>
          <a:lin ang="5400000" scaled="0"/>
        </a:gradFill>
      </a:fillStyleLst>
      <a:lnStyleLst>
        <a:ln w="12700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5400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04000"/>
              </a:schemeClr>
            </a:gs>
            <a:gs pos="94000">
              <a:schemeClr val="phClr">
                <a:shade val="96000"/>
                <a:lumMod val="82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94000"/>
                <a:lumMod val="96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Facet" id="{C0C680CD-088A-49FC-A102-D699147F32B2}" vid="{CFBC31BA-B70F-4F30-BCAA-4F3011E16C4D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Kela PowerPoint sininen">
  <a:themeElements>
    <a:clrScheme name="Kela">
      <a:dk1>
        <a:srgbClr val="000000"/>
      </a:dk1>
      <a:lt1>
        <a:sysClr val="window" lastClr="FFFFFF"/>
      </a:lt1>
      <a:dk2>
        <a:srgbClr val="003580"/>
      </a:dk2>
      <a:lt2>
        <a:srgbClr val="EBEBEB"/>
      </a:lt2>
      <a:accent1>
        <a:srgbClr val="003580"/>
      </a:accent1>
      <a:accent2>
        <a:srgbClr val="009CDB"/>
      </a:accent2>
      <a:accent3>
        <a:srgbClr val="006C3F"/>
      </a:accent3>
      <a:accent4>
        <a:srgbClr val="C0D730"/>
      </a:accent4>
      <a:accent5>
        <a:srgbClr val="0EB24C"/>
      </a:accent5>
      <a:accent6>
        <a:srgbClr val="FDB916"/>
      </a:accent6>
      <a:hlink>
        <a:srgbClr val="009CDB"/>
      </a:hlink>
      <a:folHlink>
        <a:srgbClr val="003580"/>
      </a:folHlink>
    </a:clrScheme>
    <a:fontScheme name="Kela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 w="28575"/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custClrLst>
    <a:custClr name="Dark Blue 2">
      <a:srgbClr val="003580"/>
    </a:custClr>
    <a:custClr name="Light Blue 2">
      <a:srgbClr val="009CDB"/>
    </a:custClr>
    <a:custClr name="Dark Green 2">
      <a:srgbClr val="006C3F"/>
    </a:custClr>
    <a:custClr name="Light Green 2">
      <a:srgbClr val="C0D730"/>
    </a:custClr>
    <a:custClr name="Green 2">
      <a:srgbClr val="0EB24C"/>
    </a:custClr>
    <a:custClr name="Orange 2">
      <a:srgbClr val="FDB916"/>
    </a:custClr>
    <a:custClr name="RED">
      <a:srgbClr val="9E0426"/>
    </a:custClr>
    <a:custClr name="Blue">
      <a:srgbClr val="006F84"/>
    </a:custClr>
    <a:custClr name="Lila">
      <a:srgbClr val="662584"/>
    </a:custClr>
    <a:custClr name="Orange">
      <a:srgbClr val="F15B23"/>
    </a:custClr>
    <a:custClr name="Pink">
      <a:srgbClr val="EE145B"/>
    </a:custClr>
    <a:custClr name="Light Blue">
      <a:srgbClr val="6DCFF6"/>
    </a:custClr>
  </a:custClrLst>
</a:theme>
</file>

<file path=ppt/theme/theme4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5.xml><?xml version="1.0" encoding="utf-8"?>
<a:theme xmlns:a="http://schemas.openxmlformats.org/drawingml/2006/main" name="Office-teema">
  <a:themeElements>
    <a:clrScheme name="ETK">
      <a:dk1>
        <a:sysClr val="windowText" lastClr="000000"/>
      </a:dk1>
      <a:lt1>
        <a:sysClr val="window" lastClr="FFFFFF"/>
      </a:lt1>
      <a:dk2>
        <a:srgbClr val="023588"/>
      </a:dk2>
      <a:lt2>
        <a:srgbClr val="75D2F2"/>
      </a:lt2>
      <a:accent1>
        <a:srgbClr val="02B7FA"/>
      </a:accent1>
      <a:accent2>
        <a:srgbClr val="033B72"/>
      </a:accent2>
      <a:accent3>
        <a:srgbClr val="F9A106"/>
      </a:accent3>
      <a:accent4>
        <a:srgbClr val="808080"/>
      </a:accent4>
      <a:accent5>
        <a:srgbClr val="0D8DC9"/>
      </a:accent5>
      <a:accent6>
        <a:srgbClr val="BBBBBB"/>
      </a:accent6>
      <a:hlink>
        <a:srgbClr val="0000FF"/>
      </a:hlink>
      <a:folHlink>
        <a:srgbClr val="7030A0"/>
      </a:folHlink>
    </a:clrScheme>
    <a:fontScheme name="ETK_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 sz="2000" dirty="0" smtClean="0">
            <a:latin typeface="Verdana" panose="020B0604030504040204" pitchFamily="34" charset="0"/>
            <a:ea typeface="Verdana" panose="020B0604030504040204" pitchFamily="34" charset="0"/>
            <a:cs typeface="Verdana" panose="020B060403050404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sz="2000" dirty="0">
            <a:latin typeface="Verdana" panose="020B0604030504040204" pitchFamily="34" charset="0"/>
            <a:ea typeface="Verdana" panose="020B0604030504040204" pitchFamily="34" charset="0"/>
            <a:cs typeface="Verdana" panose="020B060403050404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ETK_suomi.potx" id="{E0B43D89-05CB-4587-A143-7D46680B1909}" vid="{3AEAB353-F122-41B6-8DC7-5D5DC9FCDA80}"/>
    </a:ext>
  </a:extLst>
</a:theme>
</file>

<file path=ppt/theme/theme6.xml><?xml version="1.0" encoding="utf-8"?>
<a:theme xmlns:a="http://schemas.openxmlformats.org/drawingml/2006/main" name="vero 4:3">
  <a:themeElements>
    <a:clrScheme name="vero">
      <a:dk1>
        <a:srgbClr val="333333"/>
      </a:dk1>
      <a:lt1>
        <a:sysClr val="window" lastClr="FFFFFF"/>
      </a:lt1>
      <a:dk2>
        <a:srgbClr val="000000"/>
      </a:dk2>
      <a:lt2>
        <a:srgbClr val="E8E8E8"/>
      </a:lt2>
      <a:accent1>
        <a:srgbClr val="006600"/>
      </a:accent1>
      <a:accent2>
        <a:srgbClr val="66A366"/>
      </a:accent2>
      <a:accent3>
        <a:srgbClr val="B2D1B2"/>
      </a:accent3>
      <a:accent4>
        <a:srgbClr val="CCCCCC"/>
      </a:accent4>
      <a:accent5>
        <a:srgbClr val="FF9933"/>
      </a:accent5>
      <a:accent6>
        <a:srgbClr val="FFCC99"/>
      </a:accent6>
      <a:hlink>
        <a:srgbClr val="006600"/>
      </a:hlink>
      <a:folHlink>
        <a:srgbClr val="66A366"/>
      </a:folHlink>
    </a:clrScheme>
    <a:fontScheme name="vero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esentation1" id="{802BC7C8-274A-486B-85ED-BCC7D20335D2}" vid="{D914B3E8-A433-43A5-AA46-C2E26E8C5816}"/>
    </a:ext>
  </a:extLst>
</a:theme>
</file>

<file path=ppt/theme/theme7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acet</Template>
  <TotalTime>45</TotalTime>
  <Words>80</Words>
  <Application>Microsoft Office PowerPoint</Application>
  <PresentationFormat>Widescreen</PresentationFormat>
  <Paragraphs>48</Paragraphs>
  <Slides>6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6</vt:i4>
      </vt:variant>
      <vt:variant>
        <vt:lpstr>Slide Titles</vt:lpstr>
      </vt:variant>
      <vt:variant>
        <vt:i4>6</vt:i4>
      </vt:variant>
    </vt:vector>
  </HeadingPairs>
  <TitlesOfParts>
    <vt:vector size="23" baseType="lpstr">
      <vt:lpstr>Arial</vt:lpstr>
      <vt:lpstr>Calibri</vt:lpstr>
      <vt:lpstr>Calibri Light</vt:lpstr>
      <vt:lpstr>Corbel</vt:lpstr>
      <vt:lpstr>Open Sans</vt:lpstr>
      <vt:lpstr>Symbol</vt:lpstr>
      <vt:lpstr>Times New Roman</vt:lpstr>
      <vt:lpstr>Trebuchet MS</vt:lpstr>
      <vt:lpstr>Verdana</vt:lpstr>
      <vt:lpstr>Wingdings</vt:lpstr>
      <vt:lpstr>Wingdings 3</vt:lpstr>
      <vt:lpstr>Pinta</vt:lpstr>
      <vt:lpstr>Office-tema</vt:lpstr>
      <vt:lpstr>Kela PowerPoint sininen</vt:lpstr>
      <vt:lpstr>16-9 skabelon UK 2010</vt:lpstr>
      <vt:lpstr>Office-teema</vt:lpstr>
      <vt:lpstr>vero 4:3</vt:lpstr>
      <vt:lpstr>Näin haet töitä toisesta Pohjoismaasta/EURES</vt:lpstr>
      <vt:lpstr>Haloo Pohjola  12.12.2017 Rovaniemi  </vt:lpstr>
      <vt:lpstr>PowerPoint Presentation</vt:lpstr>
      <vt:lpstr>Suomen sosiaaliturva  kansainvälisissä tilanteissa</vt:lpstr>
      <vt:lpstr>Lisätietoja ja ohjeistusta ulkomaan työskentelyn verotuksesta:     Verokampus (https://www.verokampus.fi/verotietoa/ulkomaille/)    Puhelinpalvelu: Kansainvälinen henkilöverotus 029 497 024    Verohallinnon toimipisteet </vt:lpstr>
      <vt:lpstr>Eläketurvasta huolehtii työskentelymaa  Jokaisessa maassa on omanlainen eläketurva </vt:lpstr>
    </vt:vector>
  </TitlesOfParts>
  <Company>Suomen valtio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äin haet töitä toisesta Pohjoismaasta/EURES</dc:title>
  <dc:creator>Kuusela-Korva Tuija</dc:creator>
  <cp:lastModifiedBy>Kenttä Matti</cp:lastModifiedBy>
  <cp:revision>10</cp:revision>
  <dcterms:created xsi:type="dcterms:W3CDTF">2017-12-11T16:01:48Z</dcterms:created>
  <dcterms:modified xsi:type="dcterms:W3CDTF">2017-12-22T06:20:22Z</dcterms:modified>
</cp:coreProperties>
</file>